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pivotCache/pivotCacheDefinition1.xml" ContentType="application/vnd.openxmlformats-officedocument.spreadsheetml.pivotCacheDefinition+xml"/>
  <Override PartName="/xl/pivotCache/pivotCacheRecords1.xml" ContentType="application/vnd.openxmlformats-officedocument.spreadsheetml.pivotCacheRecords+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pivotTables/pivotTable1.xml" ContentType="application/vnd.openxmlformats-officedocument.spreadsheetml.pivotTable+xml"/>
  <Override PartName="/xl/drawings/drawing1.xml" ContentType="application/vnd.openxmlformats-officedocument.drawing+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H:\Internal\Regulatory Services\2017 KY Rate Case\Rate Case Data Request - Working Files\KPSC 1-73\"/>
    </mc:Choice>
  </mc:AlternateContent>
  <bookViews>
    <workbookView xWindow="480" yWindow="336" windowWidth="15480" windowHeight="10068" tabRatio="873"/>
  </bookViews>
  <sheets>
    <sheet name="ADJ" sheetId="8" r:id="rId1"/>
    <sheet name="Target Balance" sheetId="3" r:id="rId2"/>
    <sheet name="ENTRY" sheetId="1" r:id="rId3"/>
    <sheet name="Query" sheetId="5" r:id="rId4"/>
    <sheet name="Query 2" sheetId="10" r:id="rId5"/>
    <sheet name="BS" sheetId="6" r:id="rId6"/>
    <sheet name="July 15 - May 16" sheetId="7" r:id="rId7"/>
    <sheet name="Sheet1" sheetId="9" r:id="rId8"/>
  </sheets>
  <definedNames>
    <definedName name="_WRK1" localSheetId="2">#REF!</definedName>
    <definedName name="_WRK1">#REF!</definedName>
    <definedName name="_WRK2" localSheetId="2">#REF!</definedName>
    <definedName name="_WRK2">#REF!</definedName>
    <definedName name="ASD">#REF!</definedName>
    <definedName name="CSA">#REF!</definedName>
    <definedName name="CSO">#REF!</definedName>
    <definedName name="NOTBALANCED" localSheetId="2">#REF!</definedName>
    <definedName name="NOTBALANCED">#REF!</definedName>
    <definedName name="NvsASD">"V2005-07-31"</definedName>
    <definedName name="NvsAutoDrillOk">"VN"</definedName>
    <definedName name="NvsElapsedTime">0.000104166669188999</definedName>
    <definedName name="NvsEndTime">38513.5880671296</definedName>
    <definedName name="NvsInstLang">"VENG"</definedName>
    <definedName name="NvsInstSpec">"%,FBUSINESS_UNIT,V110"</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ZF.."</definedName>
    <definedName name="NvsPanelBusUnit">"V"</definedName>
    <definedName name="NvsPanelEffdt">"V2000-06-01"</definedName>
    <definedName name="NvsPanelSetid">"VAEP"</definedName>
    <definedName name="NvsReqBU">"V100"</definedName>
    <definedName name="NvsReqBUOnly">"VN"</definedName>
    <definedName name="NvsTransLed">"VN"</definedName>
    <definedName name="NvsTreeASD">"V2005-07-31"</definedName>
    <definedName name="NvsValTbl.ACCOUNT">"GL_ACCOUNT_TBL"</definedName>
    <definedName name="NvsValTbl.CURRENCY_CD">"CURRENCY_CD_TBL"</definedName>
    <definedName name="_xlnm.Print_Area" localSheetId="0">ADJ!$A$1:$L$40</definedName>
    <definedName name="_xlnm.Print_Area" localSheetId="2">ENTRY!#REF!</definedName>
    <definedName name="PRINTJE1" localSheetId="2">#REF!</definedName>
    <definedName name="PRINTJE1">#REF!</definedName>
    <definedName name="PRINTJE2" localSheetId="2">#REF!</definedName>
    <definedName name="PRINTJE2">#REF!</definedName>
    <definedName name="PRTWORK" localSheetId="2">#REF!</definedName>
    <definedName name="PRTWORK">#REF!</definedName>
    <definedName name="_xlnm.Recorder">#REF!</definedName>
    <definedName name="Reserved_Section">#REF!</definedName>
    <definedName name="WORKSHEET" localSheetId="2">#REF!</definedName>
    <definedName name="WORKSHEET">#REF!</definedName>
  </definedNames>
  <calcPr calcId="152511"/>
  <pivotCaches>
    <pivotCache cacheId="5" r:id="rId9"/>
  </pivotCaches>
</workbook>
</file>

<file path=xl/calcChain.xml><?xml version="1.0" encoding="utf-8"?>
<calcChain xmlns="http://schemas.openxmlformats.org/spreadsheetml/2006/main">
  <c r="C27" i="3" l="1"/>
  <c r="I24" i="10"/>
  <c r="I23" i="10"/>
  <c r="I25" i="10" s="1"/>
  <c r="G23" i="3" l="1"/>
  <c r="G18" i="3"/>
  <c r="G19" i="3"/>
  <c r="G13" i="3" l="1"/>
  <c r="G17" i="3"/>
  <c r="N671" i="6"/>
  <c r="K671" i="6"/>
  <c r="H671" i="6"/>
  <c r="N670" i="6"/>
  <c r="K670" i="6"/>
  <c r="H670" i="6"/>
  <c r="N669" i="6"/>
  <c r="K669" i="6"/>
  <c r="H669" i="6"/>
  <c r="N668" i="6"/>
  <c r="K668" i="6"/>
  <c r="H668" i="6"/>
  <c r="N667" i="6"/>
  <c r="K667" i="6"/>
  <c r="H667" i="6"/>
  <c r="N666" i="6"/>
  <c r="K666" i="6"/>
  <c r="H666" i="6"/>
  <c r="N665" i="6"/>
  <c r="K665" i="6"/>
  <c r="H665" i="6"/>
  <c r="N664" i="6"/>
  <c r="K664" i="6"/>
  <c r="H664" i="6"/>
  <c r="AJ672" i="6"/>
  <c r="N661" i="6"/>
  <c r="K661" i="6"/>
  <c r="H661" i="6"/>
  <c r="N660" i="6"/>
  <c r="K660" i="6"/>
  <c r="H660" i="6"/>
  <c r="N659" i="6"/>
  <c r="K659" i="6"/>
  <c r="H659" i="6"/>
  <c r="N658" i="6"/>
  <c r="K658" i="6"/>
  <c r="H658" i="6"/>
  <c r="N657" i="6"/>
  <c r="K657" i="6"/>
  <c r="H657" i="6"/>
  <c r="AN656" i="6"/>
  <c r="AN662" i="6" s="1"/>
  <c r="AN672" i="6" s="1"/>
  <c r="AM656" i="6"/>
  <c r="AM662" i="6"/>
  <c r="AM672" i="6" s="1"/>
  <c r="AL656" i="6"/>
  <c r="AL662" i="6" s="1"/>
  <c r="AL672" i="6" s="1"/>
  <c r="AK656" i="6"/>
  <c r="AK662" i="6" s="1"/>
  <c r="AK672" i="6" s="1"/>
  <c r="AJ656" i="6"/>
  <c r="AJ662" i="6" s="1"/>
  <c r="AI656" i="6"/>
  <c r="AI662" i="6" s="1"/>
  <c r="AI672" i="6" s="1"/>
  <c r="AH656" i="6"/>
  <c r="AH662" i="6" s="1"/>
  <c r="AH672" i="6" s="1"/>
  <c r="AG656" i="6"/>
  <c r="AG662" i="6"/>
  <c r="AG672" i="6" s="1"/>
  <c r="AF656" i="6"/>
  <c r="AF662" i="6"/>
  <c r="AF672" i="6"/>
  <c r="AE656" i="6"/>
  <c r="AE662" i="6" s="1"/>
  <c r="AE672" i="6" s="1"/>
  <c r="AD656" i="6"/>
  <c r="AD662" i="6" s="1"/>
  <c r="AD672" i="6" s="1"/>
  <c r="AC656" i="6"/>
  <c r="AC662" i="6"/>
  <c r="AC672" i="6" s="1"/>
  <c r="AB656" i="6"/>
  <c r="AB662" i="6" s="1"/>
  <c r="AB672" i="6" s="1"/>
  <c r="AA656" i="6"/>
  <c r="AA662" i="6"/>
  <c r="AA672" i="6" s="1"/>
  <c r="Z656" i="6"/>
  <c r="Z662" i="6"/>
  <c r="Z672" i="6"/>
  <c r="Y656" i="6"/>
  <c r="Y662" i="6"/>
  <c r="Y672" i="6"/>
  <c r="X656" i="6"/>
  <c r="X662" i="6" s="1"/>
  <c r="X672" i="6" s="1"/>
  <c r="W656" i="6"/>
  <c r="W662" i="6" s="1"/>
  <c r="W672" i="6" s="1"/>
  <c r="V656" i="6"/>
  <c r="V662" i="6"/>
  <c r="V672" i="6" s="1"/>
  <c r="U656" i="6"/>
  <c r="U662" i="6"/>
  <c r="U672" i="6"/>
  <c r="T656" i="6"/>
  <c r="T662" i="6" s="1"/>
  <c r="T672" i="6" s="1"/>
  <c r="T673" i="6" s="1"/>
  <c r="S656" i="6"/>
  <c r="S662" i="6"/>
  <c r="S672" i="6"/>
  <c r="R656" i="6"/>
  <c r="R662" i="6" s="1"/>
  <c r="R672" i="6" s="1"/>
  <c r="Q656" i="6"/>
  <c r="Q662" i="6" s="1"/>
  <c r="Q672" i="6" s="1"/>
  <c r="P656" i="6"/>
  <c r="P662" i="6" s="1"/>
  <c r="P672" i="6" s="1"/>
  <c r="M656" i="6"/>
  <c r="M662" i="6" s="1"/>
  <c r="M672" i="6" s="1"/>
  <c r="J656" i="6"/>
  <c r="J662" i="6"/>
  <c r="J672" i="6" s="1"/>
  <c r="G656" i="6"/>
  <c r="G662" i="6"/>
  <c r="G672" i="6"/>
  <c r="F656" i="6"/>
  <c r="F662" i="6" s="1"/>
  <c r="N655" i="6"/>
  <c r="N656" i="6"/>
  <c r="K655" i="6"/>
  <c r="H655" i="6"/>
  <c r="N654" i="6"/>
  <c r="K654" i="6"/>
  <c r="K656" i="6" s="1"/>
  <c r="H654" i="6"/>
  <c r="H656" i="6"/>
  <c r="N653" i="6"/>
  <c r="K653" i="6"/>
  <c r="H653" i="6"/>
  <c r="N652" i="6"/>
  <c r="K652" i="6"/>
  <c r="H652" i="6"/>
  <c r="N651" i="6"/>
  <c r="K651" i="6"/>
  <c r="H651" i="6"/>
  <c r="AN650" i="6"/>
  <c r="AM650" i="6"/>
  <c r="AL650" i="6"/>
  <c r="AK650" i="6"/>
  <c r="AJ650" i="6"/>
  <c r="AI650" i="6"/>
  <c r="AH650" i="6"/>
  <c r="AG650" i="6"/>
  <c r="AF650" i="6"/>
  <c r="AE650" i="6"/>
  <c r="AD650" i="6"/>
  <c r="AC650" i="6"/>
  <c r="AB650" i="6"/>
  <c r="AA650" i="6"/>
  <c r="Z650" i="6"/>
  <c r="Y650" i="6"/>
  <c r="X650" i="6"/>
  <c r="W650" i="6"/>
  <c r="V650" i="6"/>
  <c r="U650" i="6"/>
  <c r="T650" i="6"/>
  <c r="S650" i="6"/>
  <c r="R650" i="6"/>
  <c r="Q650" i="6"/>
  <c r="P650" i="6"/>
  <c r="M650" i="6"/>
  <c r="J650" i="6"/>
  <c r="G650" i="6"/>
  <c r="F650" i="6"/>
  <c r="N649" i="6"/>
  <c r="K649" i="6"/>
  <c r="H649" i="6"/>
  <c r="N647" i="6"/>
  <c r="K647" i="6"/>
  <c r="H647" i="6"/>
  <c r="N646" i="6"/>
  <c r="K646" i="6"/>
  <c r="H646" i="6"/>
  <c r="N644" i="6"/>
  <c r="K644" i="6"/>
  <c r="H644" i="6"/>
  <c r="N643" i="6"/>
  <c r="K643" i="6"/>
  <c r="H643" i="6"/>
  <c r="N639" i="6"/>
  <c r="K639" i="6"/>
  <c r="H639" i="6"/>
  <c r="N637" i="6"/>
  <c r="K637" i="6"/>
  <c r="H637" i="6"/>
  <c r="N632" i="6"/>
  <c r="K632" i="6"/>
  <c r="H632" i="6"/>
  <c r="N631" i="6"/>
  <c r="K631" i="6"/>
  <c r="H631" i="6"/>
  <c r="N627" i="6"/>
  <c r="K627" i="6"/>
  <c r="H627" i="6"/>
  <c r="N626" i="6"/>
  <c r="K626" i="6"/>
  <c r="H626" i="6"/>
  <c r="AN625" i="6"/>
  <c r="AN628" i="6"/>
  <c r="AM625" i="6"/>
  <c r="AM628" i="6"/>
  <c r="AL625" i="6"/>
  <c r="AL628" i="6" s="1"/>
  <c r="AL629" i="6" s="1"/>
  <c r="AK625" i="6"/>
  <c r="AK628" i="6"/>
  <c r="AK629" i="6" s="1"/>
  <c r="AJ625" i="6"/>
  <c r="AJ628" i="6"/>
  <c r="AI625" i="6"/>
  <c r="AI628" i="6" s="1"/>
  <c r="AH625" i="6"/>
  <c r="AH628" i="6" s="1"/>
  <c r="AG625" i="6"/>
  <c r="AG628" i="6"/>
  <c r="AG629" i="6" s="1"/>
  <c r="AF625" i="6"/>
  <c r="AF628" i="6"/>
  <c r="AE625" i="6"/>
  <c r="AE628" i="6"/>
  <c r="AD625" i="6"/>
  <c r="AD628" i="6" s="1"/>
  <c r="AC625" i="6"/>
  <c r="AC628" i="6"/>
  <c r="AC629" i="6" s="1"/>
  <c r="AB625" i="6"/>
  <c r="AB628" i="6"/>
  <c r="AA625" i="6"/>
  <c r="AA628" i="6"/>
  <c r="Z625" i="6"/>
  <c r="Z628" i="6"/>
  <c r="Z629" i="6" s="1"/>
  <c r="Y625" i="6"/>
  <c r="Y628" i="6"/>
  <c r="Y629" i="6"/>
  <c r="X625" i="6"/>
  <c r="X628" i="6"/>
  <c r="W625" i="6"/>
  <c r="W628" i="6" s="1"/>
  <c r="V625" i="6"/>
  <c r="V628" i="6"/>
  <c r="U625" i="6"/>
  <c r="U628" i="6"/>
  <c r="T625" i="6"/>
  <c r="T628" i="6" s="1"/>
  <c r="S625" i="6"/>
  <c r="S628" i="6"/>
  <c r="S629" i="6" s="1"/>
  <c r="R625" i="6"/>
  <c r="R628" i="6"/>
  <c r="R629" i="6" s="1"/>
  <c r="Q625" i="6"/>
  <c r="Q628" i="6"/>
  <c r="Q629" i="6"/>
  <c r="P625" i="6"/>
  <c r="P628" i="6"/>
  <c r="M625" i="6"/>
  <c r="M628" i="6" s="1"/>
  <c r="J625" i="6"/>
  <c r="J628" i="6"/>
  <c r="J629" i="6" s="1"/>
  <c r="G625" i="6"/>
  <c r="G628" i="6"/>
  <c r="G629" i="6"/>
  <c r="F625" i="6"/>
  <c r="F628" i="6"/>
  <c r="N624" i="6"/>
  <c r="K624" i="6"/>
  <c r="H624" i="6"/>
  <c r="N623" i="6"/>
  <c r="K623" i="6"/>
  <c r="H623" i="6"/>
  <c r="N622" i="6"/>
  <c r="K622" i="6"/>
  <c r="H622" i="6"/>
  <c r="N621" i="6"/>
  <c r="K621" i="6"/>
  <c r="H621" i="6"/>
  <c r="N620" i="6"/>
  <c r="K620" i="6"/>
  <c r="H620" i="6"/>
  <c r="N619" i="6"/>
  <c r="K619" i="6"/>
  <c r="H619" i="6"/>
  <c r="N618" i="6"/>
  <c r="K618" i="6"/>
  <c r="H618" i="6"/>
  <c r="N617" i="6"/>
  <c r="K617" i="6"/>
  <c r="H617" i="6"/>
  <c r="N616" i="6"/>
  <c r="K616" i="6"/>
  <c r="H616" i="6"/>
  <c r="N615" i="6"/>
  <c r="K615" i="6"/>
  <c r="H615" i="6"/>
  <c r="N614" i="6"/>
  <c r="K614" i="6"/>
  <c r="H614" i="6"/>
  <c r="N613" i="6"/>
  <c r="K613" i="6"/>
  <c r="H613" i="6"/>
  <c r="N612" i="6"/>
  <c r="K612" i="6"/>
  <c r="H612" i="6"/>
  <c r="N611" i="6"/>
  <c r="K611" i="6"/>
  <c r="H611" i="6"/>
  <c r="N610" i="6"/>
  <c r="K610" i="6"/>
  <c r="H610" i="6"/>
  <c r="N609" i="6"/>
  <c r="K609" i="6"/>
  <c r="H609" i="6"/>
  <c r="N608" i="6"/>
  <c r="K608" i="6"/>
  <c r="H608" i="6"/>
  <c r="N607" i="6"/>
  <c r="K607" i="6"/>
  <c r="H607" i="6"/>
  <c r="N606" i="6"/>
  <c r="K606" i="6"/>
  <c r="H606" i="6"/>
  <c r="N604" i="6"/>
  <c r="K604" i="6"/>
  <c r="H604" i="6"/>
  <c r="N603" i="6"/>
  <c r="K603" i="6"/>
  <c r="H603" i="6"/>
  <c r="AN600" i="6"/>
  <c r="AM600" i="6"/>
  <c r="AL600" i="6"/>
  <c r="AK600" i="6"/>
  <c r="AJ600" i="6"/>
  <c r="AI600" i="6"/>
  <c r="AH600" i="6"/>
  <c r="AG600" i="6"/>
  <c r="AF600" i="6"/>
  <c r="AE600" i="6"/>
  <c r="AD600" i="6"/>
  <c r="AC600" i="6"/>
  <c r="AB600" i="6"/>
  <c r="AA600" i="6"/>
  <c r="Z600" i="6"/>
  <c r="Y600" i="6"/>
  <c r="X600" i="6"/>
  <c r="W600" i="6"/>
  <c r="V600" i="6"/>
  <c r="V629" i="6" s="1"/>
  <c r="U600" i="6"/>
  <c r="U629" i="6" s="1"/>
  <c r="T600" i="6"/>
  <c r="S600" i="6"/>
  <c r="R600" i="6"/>
  <c r="Q600" i="6"/>
  <c r="P600" i="6"/>
  <c r="M600" i="6"/>
  <c r="J600" i="6"/>
  <c r="G600" i="6"/>
  <c r="F600" i="6"/>
  <c r="N599" i="6"/>
  <c r="K599" i="6"/>
  <c r="H599" i="6"/>
  <c r="N598" i="6"/>
  <c r="K598" i="6"/>
  <c r="H598" i="6"/>
  <c r="N597" i="6"/>
  <c r="K597" i="6"/>
  <c r="H597" i="6"/>
  <c r="N596" i="6"/>
  <c r="K596" i="6"/>
  <c r="H596" i="6"/>
  <c r="N595" i="6"/>
  <c r="K595" i="6"/>
  <c r="H595" i="6"/>
  <c r="N594" i="6"/>
  <c r="K594" i="6"/>
  <c r="H594" i="6"/>
  <c r="N593" i="6"/>
  <c r="K593" i="6"/>
  <c r="H593" i="6"/>
  <c r="N592" i="6"/>
  <c r="K592" i="6"/>
  <c r="H592" i="6"/>
  <c r="N591" i="6"/>
  <c r="K591" i="6"/>
  <c r="H591" i="6"/>
  <c r="N590" i="6"/>
  <c r="K590" i="6"/>
  <c r="H590" i="6"/>
  <c r="N589" i="6"/>
  <c r="K589" i="6"/>
  <c r="H589" i="6"/>
  <c r="N588" i="6"/>
  <c r="K588" i="6"/>
  <c r="H588" i="6"/>
  <c r="N587" i="6"/>
  <c r="K587" i="6"/>
  <c r="H587" i="6"/>
  <c r="N586" i="6"/>
  <c r="K586" i="6"/>
  <c r="H586" i="6"/>
  <c r="N585" i="6"/>
  <c r="K585" i="6"/>
  <c r="H585" i="6"/>
  <c r="N582" i="6"/>
  <c r="K582" i="6"/>
  <c r="H582" i="6"/>
  <c r="N580" i="6"/>
  <c r="K580" i="6"/>
  <c r="H580" i="6"/>
  <c r="N579" i="6"/>
  <c r="K579" i="6"/>
  <c r="H579" i="6"/>
  <c r="AN576" i="6"/>
  <c r="AN577" i="6" s="1"/>
  <c r="AM576" i="6"/>
  <c r="AM577" i="6" s="1"/>
  <c r="AL576" i="6"/>
  <c r="AL577" i="6" s="1"/>
  <c r="AK576" i="6"/>
  <c r="AK577" i="6" s="1"/>
  <c r="AJ576" i="6"/>
  <c r="AJ577" i="6" s="1"/>
  <c r="AI576" i="6"/>
  <c r="AI577" i="6" s="1"/>
  <c r="AH576" i="6"/>
  <c r="AH577" i="6" s="1"/>
  <c r="AG576" i="6"/>
  <c r="AG577" i="6" s="1"/>
  <c r="AF576" i="6"/>
  <c r="AF577" i="6" s="1"/>
  <c r="AE576" i="6"/>
  <c r="AE577" i="6" s="1"/>
  <c r="AD576" i="6"/>
  <c r="AD577" i="6" s="1"/>
  <c r="AC576" i="6"/>
  <c r="AC577" i="6" s="1"/>
  <c r="AB576" i="6"/>
  <c r="AB577" i="6" s="1"/>
  <c r="AA576" i="6"/>
  <c r="AA577" i="6" s="1"/>
  <c r="Z576" i="6"/>
  <c r="Z577" i="6" s="1"/>
  <c r="Y576" i="6"/>
  <c r="Y577" i="6" s="1"/>
  <c r="X576" i="6"/>
  <c r="X577" i="6" s="1"/>
  <c r="W576" i="6"/>
  <c r="W577" i="6" s="1"/>
  <c r="V576" i="6"/>
  <c r="V577" i="6" s="1"/>
  <c r="U576" i="6"/>
  <c r="U577" i="6" s="1"/>
  <c r="T576" i="6"/>
  <c r="T577" i="6" s="1"/>
  <c r="S576" i="6"/>
  <c r="S577" i="6" s="1"/>
  <c r="R576" i="6"/>
  <c r="R577" i="6" s="1"/>
  <c r="Q576" i="6"/>
  <c r="Q577" i="6" s="1"/>
  <c r="P576" i="6"/>
  <c r="P577" i="6" s="1"/>
  <c r="M576" i="6"/>
  <c r="M577" i="6" s="1"/>
  <c r="J576" i="6"/>
  <c r="J577" i="6" s="1"/>
  <c r="G576" i="6"/>
  <c r="G577" i="6" s="1"/>
  <c r="F576" i="6"/>
  <c r="N576" i="6" s="1"/>
  <c r="N575" i="6"/>
  <c r="K575" i="6"/>
  <c r="H575" i="6"/>
  <c r="N574" i="6"/>
  <c r="K574" i="6"/>
  <c r="H574" i="6"/>
  <c r="N573" i="6"/>
  <c r="K573" i="6"/>
  <c r="H573" i="6"/>
  <c r="N572" i="6"/>
  <c r="K572" i="6"/>
  <c r="H572" i="6"/>
  <c r="N571" i="6"/>
  <c r="K571" i="6"/>
  <c r="H571" i="6"/>
  <c r="N570" i="6"/>
  <c r="K570" i="6"/>
  <c r="H570" i="6"/>
  <c r="N569" i="6"/>
  <c r="K569" i="6"/>
  <c r="H569" i="6"/>
  <c r="N568" i="6"/>
  <c r="K568" i="6"/>
  <c r="H568" i="6"/>
  <c r="N567" i="6"/>
  <c r="K567" i="6"/>
  <c r="H567" i="6"/>
  <c r="N566" i="6"/>
  <c r="K566" i="6"/>
  <c r="H566" i="6"/>
  <c r="N565" i="6"/>
  <c r="K565" i="6"/>
  <c r="H565" i="6"/>
  <c r="N564" i="6"/>
  <c r="K564" i="6"/>
  <c r="H564" i="6"/>
  <c r="N563" i="6"/>
  <c r="K563" i="6"/>
  <c r="H563" i="6"/>
  <c r="N562" i="6"/>
  <c r="K562" i="6"/>
  <c r="H562" i="6"/>
  <c r="N561" i="6"/>
  <c r="K561" i="6"/>
  <c r="H561" i="6"/>
  <c r="N560" i="6"/>
  <c r="K560" i="6"/>
  <c r="H560" i="6"/>
  <c r="N558" i="6"/>
  <c r="K558" i="6"/>
  <c r="H558" i="6"/>
  <c r="N557" i="6"/>
  <c r="K557" i="6"/>
  <c r="H557" i="6"/>
  <c r="AN555" i="6"/>
  <c r="AM555" i="6"/>
  <c r="AL555" i="6"/>
  <c r="AK555" i="6"/>
  <c r="AJ555" i="6"/>
  <c r="AI555" i="6"/>
  <c r="AH555" i="6"/>
  <c r="AG555" i="6"/>
  <c r="AF555" i="6"/>
  <c r="AE555" i="6"/>
  <c r="AD555" i="6"/>
  <c r="AC555" i="6"/>
  <c r="AB555" i="6"/>
  <c r="AA555" i="6"/>
  <c r="Z555" i="6"/>
  <c r="Y555" i="6"/>
  <c r="X555" i="6"/>
  <c r="W555" i="6"/>
  <c r="V555" i="6"/>
  <c r="U555" i="6"/>
  <c r="T555" i="6"/>
  <c r="S555" i="6"/>
  <c r="R555" i="6"/>
  <c r="Q555" i="6"/>
  <c r="P555" i="6"/>
  <c r="M555" i="6"/>
  <c r="J555" i="6"/>
  <c r="G555" i="6"/>
  <c r="F555" i="6"/>
  <c r="K555" i="6" s="1"/>
  <c r="N554" i="6"/>
  <c r="K554" i="6"/>
  <c r="H554" i="6"/>
  <c r="N553" i="6"/>
  <c r="K553" i="6"/>
  <c r="H553" i="6"/>
  <c r="N552" i="6"/>
  <c r="K552" i="6"/>
  <c r="H552" i="6"/>
  <c r="N551" i="6"/>
  <c r="K551" i="6"/>
  <c r="H551" i="6"/>
  <c r="N550" i="6"/>
  <c r="K550" i="6"/>
  <c r="H550" i="6"/>
  <c r="N549" i="6"/>
  <c r="K549" i="6"/>
  <c r="H549" i="6"/>
  <c r="N548" i="6"/>
  <c r="K548" i="6"/>
  <c r="H548" i="6"/>
  <c r="N547" i="6"/>
  <c r="K547" i="6"/>
  <c r="H547" i="6"/>
  <c r="N546" i="6"/>
  <c r="K546" i="6"/>
  <c r="H546" i="6"/>
  <c r="N545" i="6"/>
  <c r="K545" i="6"/>
  <c r="H545" i="6"/>
  <c r="N544" i="6"/>
  <c r="K544" i="6"/>
  <c r="H544" i="6"/>
  <c r="N543" i="6"/>
  <c r="K543" i="6"/>
  <c r="H543" i="6"/>
  <c r="N542" i="6"/>
  <c r="K542" i="6"/>
  <c r="H542" i="6"/>
  <c r="N541" i="6"/>
  <c r="K541" i="6"/>
  <c r="H541" i="6"/>
  <c r="N540" i="6"/>
  <c r="K540" i="6"/>
  <c r="H540" i="6"/>
  <c r="N539" i="6"/>
  <c r="K539" i="6"/>
  <c r="H539" i="6"/>
  <c r="N538" i="6"/>
  <c r="K538" i="6"/>
  <c r="H538" i="6"/>
  <c r="N537" i="6"/>
  <c r="K537" i="6"/>
  <c r="H537" i="6"/>
  <c r="AN535" i="6"/>
  <c r="AM535" i="6"/>
  <c r="AM629" i="6" s="1"/>
  <c r="AL535" i="6"/>
  <c r="AK535" i="6"/>
  <c r="AJ535" i="6"/>
  <c r="AI535" i="6"/>
  <c r="AH535" i="6"/>
  <c r="AG535" i="6"/>
  <c r="AF535" i="6"/>
  <c r="AE535" i="6"/>
  <c r="AD535" i="6"/>
  <c r="AC535" i="6"/>
  <c r="AB535" i="6"/>
  <c r="AA535" i="6"/>
  <c r="Z535" i="6"/>
  <c r="Y535" i="6"/>
  <c r="X535" i="6"/>
  <c r="W535" i="6"/>
  <c r="V535" i="6"/>
  <c r="U535" i="6"/>
  <c r="T535" i="6"/>
  <c r="S535" i="6"/>
  <c r="R535" i="6"/>
  <c r="Q535" i="6"/>
  <c r="P535" i="6"/>
  <c r="M535" i="6"/>
  <c r="J535" i="6"/>
  <c r="G535" i="6"/>
  <c r="F535" i="6"/>
  <c r="N535" i="6" s="1"/>
  <c r="N534" i="6"/>
  <c r="K534" i="6"/>
  <c r="H534" i="6"/>
  <c r="N533" i="6"/>
  <c r="K533" i="6"/>
  <c r="H533" i="6"/>
  <c r="N532" i="6"/>
  <c r="K532" i="6"/>
  <c r="H532" i="6"/>
  <c r="N531" i="6"/>
  <c r="K531" i="6"/>
  <c r="H531" i="6"/>
  <c r="AN529" i="6"/>
  <c r="AM529" i="6"/>
  <c r="AL529" i="6"/>
  <c r="AK529" i="6"/>
  <c r="AJ529" i="6"/>
  <c r="AI529" i="6"/>
  <c r="AH529" i="6"/>
  <c r="AG529" i="6"/>
  <c r="AF529" i="6"/>
  <c r="AE529" i="6"/>
  <c r="AD529" i="6"/>
  <c r="AC529" i="6"/>
  <c r="AB529" i="6"/>
  <c r="AA529" i="6"/>
  <c r="Z529" i="6"/>
  <c r="Y529" i="6"/>
  <c r="X529" i="6"/>
  <c r="W529" i="6"/>
  <c r="V529" i="6"/>
  <c r="U529" i="6"/>
  <c r="T529" i="6"/>
  <c r="S529" i="6"/>
  <c r="R529" i="6"/>
  <c r="Q529" i="6"/>
  <c r="P529" i="6"/>
  <c r="M529" i="6"/>
  <c r="J529" i="6"/>
  <c r="G529" i="6"/>
  <c r="F529" i="6"/>
  <c r="N528" i="6"/>
  <c r="N529" i="6"/>
  <c r="K528" i="6"/>
  <c r="H528" i="6"/>
  <c r="N527" i="6"/>
  <c r="K527" i="6"/>
  <c r="H527" i="6"/>
  <c r="N525" i="6"/>
  <c r="K525" i="6"/>
  <c r="K529" i="6" s="1"/>
  <c r="H525" i="6"/>
  <c r="N524" i="6"/>
  <c r="K524" i="6"/>
  <c r="H524" i="6"/>
  <c r="N523" i="6"/>
  <c r="K523" i="6"/>
  <c r="H523" i="6"/>
  <c r="N522" i="6"/>
  <c r="K522" i="6"/>
  <c r="H522" i="6"/>
  <c r="N521" i="6"/>
  <c r="K521" i="6"/>
  <c r="H521" i="6"/>
  <c r="N519" i="6"/>
  <c r="K519" i="6"/>
  <c r="H519" i="6"/>
  <c r="N518" i="6"/>
  <c r="K518" i="6"/>
  <c r="H518" i="6"/>
  <c r="AN513" i="6"/>
  <c r="AN514" i="6" s="1"/>
  <c r="AM513" i="6"/>
  <c r="AM514" i="6" s="1"/>
  <c r="AL513" i="6"/>
  <c r="AL514" i="6" s="1"/>
  <c r="AK513" i="6"/>
  <c r="AK514" i="6" s="1"/>
  <c r="AJ513" i="6"/>
  <c r="AJ514" i="6" s="1"/>
  <c r="AI513" i="6"/>
  <c r="AI514" i="6"/>
  <c r="AH513" i="6"/>
  <c r="AH514" i="6"/>
  <c r="AG513" i="6"/>
  <c r="AG514" i="6"/>
  <c r="AF513" i="6"/>
  <c r="AF514" i="6" s="1"/>
  <c r="AE513" i="6"/>
  <c r="AE514" i="6" s="1"/>
  <c r="AD513" i="6"/>
  <c r="AD514" i="6" s="1"/>
  <c r="AC513" i="6"/>
  <c r="AC514" i="6" s="1"/>
  <c r="AB513" i="6"/>
  <c r="AB514" i="6" s="1"/>
  <c r="AA513" i="6"/>
  <c r="AA514" i="6" s="1"/>
  <c r="Z513" i="6"/>
  <c r="Z514" i="6" s="1"/>
  <c r="Y513" i="6"/>
  <c r="Y514" i="6" s="1"/>
  <c r="X513" i="6"/>
  <c r="X514" i="6" s="1"/>
  <c r="W513" i="6"/>
  <c r="W514" i="6" s="1"/>
  <c r="V513" i="6"/>
  <c r="V514" i="6" s="1"/>
  <c r="U513" i="6"/>
  <c r="U514" i="6" s="1"/>
  <c r="T513" i="6"/>
  <c r="T514" i="6" s="1"/>
  <c r="S513" i="6"/>
  <c r="S514" i="6" s="1"/>
  <c r="R513" i="6"/>
  <c r="R514" i="6" s="1"/>
  <c r="Q513" i="6"/>
  <c r="Q514" i="6"/>
  <c r="P513" i="6"/>
  <c r="P514" i="6"/>
  <c r="M513" i="6"/>
  <c r="J513" i="6"/>
  <c r="J514" i="6" s="1"/>
  <c r="G513" i="6"/>
  <c r="F513" i="6"/>
  <c r="N512" i="6"/>
  <c r="K512" i="6"/>
  <c r="H512" i="6"/>
  <c r="N511" i="6"/>
  <c r="K511" i="6"/>
  <c r="H511" i="6"/>
  <c r="N510" i="6"/>
  <c r="K510" i="6"/>
  <c r="H510" i="6"/>
  <c r="N509" i="6"/>
  <c r="K509" i="6"/>
  <c r="H509" i="6"/>
  <c r="N508" i="6"/>
  <c r="K508" i="6"/>
  <c r="H508" i="6"/>
  <c r="N507" i="6"/>
  <c r="K507" i="6"/>
  <c r="H507" i="6"/>
  <c r="N506" i="6"/>
  <c r="K506" i="6"/>
  <c r="H506" i="6"/>
  <c r="N505" i="6"/>
  <c r="K505" i="6"/>
  <c r="H505" i="6"/>
  <c r="N504" i="6"/>
  <c r="K504" i="6"/>
  <c r="H504" i="6"/>
  <c r="N503" i="6"/>
  <c r="K503" i="6"/>
  <c r="H503" i="6"/>
  <c r="N502" i="6"/>
  <c r="K502" i="6"/>
  <c r="H502" i="6"/>
  <c r="N501" i="6"/>
  <c r="K501" i="6"/>
  <c r="H501" i="6"/>
  <c r="N500" i="6"/>
  <c r="K500" i="6"/>
  <c r="H500" i="6"/>
  <c r="N499" i="6"/>
  <c r="K499" i="6"/>
  <c r="H499" i="6"/>
  <c r="N498" i="6"/>
  <c r="K498" i="6"/>
  <c r="H498" i="6"/>
  <c r="N497" i="6"/>
  <c r="K497" i="6"/>
  <c r="H497" i="6"/>
  <c r="N496" i="6"/>
  <c r="K496" i="6"/>
  <c r="H496" i="6"/>
  <c r="N495" i="6"/>
  <c r="K495" i="6"/>
  <c r="H495" i="6"/>
  <c r="N494" i="6"/>
  <c r="K494" i="6"/>
  <c r="H494" i="6"/>
  <c r="N493" i="6"/>
  <c r="K493" i="6"/>
  <c r="H493" i="6"/>
  <c r="N492" i="6"/>
  <c r="K492" i="6"/>
  <c r="H492" i="6"/>
  <c r="N491" i="6"/>
  <c r="K491" i="6"/>
  <c r="H491" i="6"/>
  <c r="N490" i="6"/>
  <c r="K490" i="6"/>
  <c r="H490" i="6"/>
  <c r="N489" i="6"/>
  <c r="K489" i="6"/>
  <c r="H489" i="6"/>
  <c r="N488" i="6"/>
  <c r="K488" i="6"/>
  <c r="H488" i="6"/>
  <c r="N487" i="6"/>
  <c r="K487" i="6"/>
  <c r="H487" i="6"/>
  <c r="N486" i="6"/>
  <c r="K486" i="6"/>
  <c r="H486" i="6"/>
  <c r="N485" i="6"/>
  <c r="K485" i="6"/>
  <c r="H485" i="6"/>
  <c r="N484" i="6"/>
  <c r="K484" i="6"/>
  <c r="H484" i="6"/>
  <c r="N483" i="6"/>
  <c r="K483" i="6"/>
  <c r="H483" i="6"/>
  <c r="N482" i="6"/>
  <c r="K482" i="6"/>
  <c r="H482" i="6"/>
  <c r="N481" i="6"/>
  <c r="K481" i="6"/>
  <c r="H481" i="6"/>
  <c r="N480" i="6"/>
  <c r="K480" i="6"/>
  <c r="H480" i="6"/>
  <c r="N479" i="6"/>
  <c r="K479" i="6"/>
  <c r="H479" i="6"/>
  <c r="N478" i="6"/>
  <c r="K478" i="6"/>
  <c r="H478" i="6"/>
  <c r="N477" i="6"/>
  <c r="K477" i="6"/>
  <c r="H477" i="6"/>
  <c r="N476" i="6"/>
  <c r="K476" i="6"/>
  <c r="H476" i="6"/>
  <c r="N475" i="6"/>
  <c r="K475" i="6"/>
  <c r="H475" i="6"/>
  <c r="N474" i="6"/>
  <c r="K474" i="6"/>
  <c r="H474" i="6"/>
  <c r="N473" i="6"/>
  <c r="K473" i="6"/>
  <c r="H473" i="6"/>
  <c r="N472" i="6"/>
  <c r="K472" i="6"/>
  <c r="H472" i="6"/>
  <c r="N471" i="6"/>
  <c r="K471" i="6"/>
  <c r="H471" i="6"/>
  <c r="N470" i="6"/>
  <c r="K470" i="6"/>
  <c r="H470" i="6"/>
  <c r="N469" i="6"/>
  <c r="K469" i="6"/>
  <c r="H469" i="6"/>
  <c r="N468" i="6"/>
  <c r="K468" i="6"/>
  <c r="H468" i="6"/>
  <c r="N467" i="6"/>
  <c r="K467" i="6"/>
  <c r="H467" i="6"/>
  <c r="N466" i="6"/>
  <c r="K466" i="6"/>
  <c r="H466" i="6"/>
  <c r="N465" i="6"/>
  <c r="K465" i="6"/>
  <c r="H465" i="6"/>
  <c r="N464" i="6"/>
  <c r="K464" i="6"/>
  <c r="H464" i="6"/>
  <c r="N463" i="6"/>
  <c r="K463" i="6"/>
  <c r="H463" i="6"/>
  <c r="N462" i="6"/>
  <c r="K462" i="6"/>
  <c r="H462" i="6"/>
  <c r="N461" i="6"/>
  <c r="K461" i="6"/>
  <c r="H461" i="6"/>
  <c r="N460" i="6"/>
  <c r="K460" i="6"/>
  <c r="H460" i="6"/>
  <c r="N459" i="6"/>
  <c r="K459" i="6"/>
  <c r="H459" i="6"/>
  <c r="N458" i="6"/>
  <c r="K458" i="6"/>
  <c r="H458" i="6"/>
  <c r="N457" i="6"/>
  <c r="K457" i="6"/>
  <c r="H457" i="6"/>
  <c r="N456" i="6"/>
  <c r="K456" i="6"/>
  <c r="H456" i="6"/>
  <c r="N455" i="6"/>
  <c r="K455" i="6"/>
  <c r="H455" i="6"/>
  <c r="N454" i="6"/>
  <c r="K454" i="6"/>
  <c r="H454" i="6"/>
  <c r="N453" i="6"/>
  <c r="K453" i="6"/>
  <c r="H453" i="6"/>
  <c r="N452" i="6"/>
  <c r="K452" i="6"/>
  <c r="H452" i="6"/>
  <c r="N451" i="6"/>
  <c r="K451" i="6"/>
  <c r="H451" i="6"/>
  <c r="N449" i="6"/>
  <c r="K449" i="6"/>
  <c r="H449" i="6"/>
  <c r="N448" i="6"/>
  <c r="K448" i="6"/>
  <c r="H448" i="6"/>
  <c r="N447" i="6"/>
  <c r="K447" i="6"/>
  <c r="H447" i="6"/>
  <c r="N446" i="6"/>
  <c r="K446" i="6"/>
  <c r="H446" i="6"/>
  <c r="N445" i="6"/>
  <c r="K445" i="6"/>
  <c r="H445" i="6"/>
  <c r="N443" i="6"/>
  <c r="K443" i="6"/>
  <c r="H443" i="6"/>
  <c r="AN441" i="6"/>
  <c r="AM441" i="6"/>
  <c r="AL441" i="6"/>
  <c r="AK441" i="6"/>
  <c r="AJ441" i="6"/>
  <c r="AI441" i="6"/>
  <c r="AH441" i="6"/>
  <c r="AG441" i="6"/>
  <c r="AF441" i="6"/>
  <c r="AE441" i="6"/>
  <c r="AD441" i="6"/>
  <c r="AC441" i="6"/>
  <c r="AB441" i="6"/>
  <c r="AA441" i="6"/>
  <c r="Z441" i="6"/>
  <c r="Y441" i="6"/>
  <c r="X441" i="6"/>
  <c r="W441" i="6"/>
  <c r="V441" i="6"/>
  <c r="U441" i="6"/>
  <c r="T441" i="6"/>
  <c r="S441" i="6"/>
  <c r="R441" i="6"/>
  <c r="Q441" i="6"/>
  <c r="P441" i="6"/>
  <c r="M441" i="6"/>
  <c r="J441" i="6"/>
  <c r="G441" i="6"/>
  <c r="F441" i="6"/>
  <c r="N441" i="6" s="1"/>
  <c r="N440" i="6"/>
  <c r="K440" i="6"/>
  <c r="H440" i="6"/>
  <c r="N439" i="6"/>
  <c r="K439" i="6"/>
  <c r="H439" i="6"/>
  <c r="N437" i="6"/>
  <c r="K437" i="6"/>
  <c r="H437" i="6"/>
  <c r="N436" i="6"/>
  <c r="K436" i="6"/>
  <c r="H436" i="6"/>
  <c r="AN434" i="6"/>
  <c r="AM434" i="6"/>
  <c r="AL434" i="6"/>
  <c r="AK434" i="6"/>
  <c r="AJ434" i="6"/>
  <c r="AI434" i="6"/>
  <c r="AH434" i="6"/>
  <c r="AG434" i="6"/>
  <c r="AF434" i="6"/>
  <c r="AE434" i="6"/>
  <c r="AD434" i="6"/>
  <c r="AC434" i="6"/>
  <c r="AB434" i="6"/>
  <c r="AA434" i="6"/>
  <c r="Z434" i="6"/>
  <c r="Y434" i="6"/>
  <c r="X434" i="6"/>
  <c r="W434" i="6"/>
  <c r="V434" i="6"/>
  <c r="U434" i="6"/>
  <c r="T434" i="6"/>
  <c r="S434" i="6"/>
  <c r="R434" i="6"/>
  <c r="Q434" i="6"/>
  <c r="P434" i="6"/>
  <c r="M434" i="6"/>
  <c r="J434" i="6"/>
  <c r="G434" i="6"/>
  <c r="F434" i="6"/>
  <c r="N433" i="6"/>
  <c r="K433" i="6"/>
  <c r="H433" i="6"/>
  <c r="N432" i="6"/>
  <c r="K432" i="6"/>
  <c r="H432" i="6"/>
  <c r="N431" i="6"/>
  <c r="K431" i="6"/>
  <c r="H431" i="6"/>
  <c r="N430" i="6"/>
  <c r="K430" i="6"/>
  <c r="H430" i="6"/>
  <c r="N429" i="6"/>
  <c r="K429" i="6"/>
  <c r="H429" i="6"/>
  <c r="N428" i="6"/>
  <c r="K428" i="6"/>
  <c r="H428" i="6"/>
  <c r="N427" i="6"/>
  <c r="K427" i="6"/>
  <c r="H427" i="6"/>
  <c r="N425" i="6"/>
  <c r="K425" i="6"/>
  <c r="H425" i="6"/>
  <c r="N424" i="6"/>
  <c r="K424" i="6"/>
  <c r="H424" i="6"/>
  <c r="N423" i="6"/>
  <c r="K423" i="6"/>
  <c r="H423" i="6"/>
  <c r="N422" i="6"/>
  <c r="K422" i="6"/>
  <c r="H422" i="6"/>
  <c r="N421" i="6"/>
  <c r="K421" i="6"/>
  <c r="H421" i="6"/>
  <c r="N420" i="6"/>
  <c r="K420" i="6"/>
  <c r="H420" i="6"/>
  <c r="N419" i="6"/>
  <c r="K419" i="6"/>
  <c r="H419" i="6"/>
  <c r="N418" i="6"/>
  <c r="K418" i="6"/>
  <c r="H418" i="6"/>
  <c r="N417" i="6"/>
  <c r="K417" i="6"/>
  <c r="H417" i="6"/>
  <c r="N416" i="6"/>
  <c r="K416" i="6"/>
  <c r="H416" i="6"/>
  <c r="N415" i="6"/>
  <c r="K415" i="6"/>
  <c r="H415" i="6"/>
  <c r="N414" i="6"/>
  <c r="K414" i="6"/>
  <c r="H414" i="6"/>
  <c r="N413" i="6"/>
  <c r="K413" i="6"/>
  <c r="H413" i="6"/>
  <c r="N412" i="6"/>
  <c r="K412" i="6"/>
  <c r="H412" i="6"/>
  <c r="N411" i="6"/>
  <c r="K411" i="6"/>
  <c r="H411" i="6"/>
  <c r="N410" i="6"/>
  <c r="K410" i="6"/>
  <c r="H410" i="6"/>
  <c r="N409" i="6"/>
  <c r="K409" i="6"/>
  <c r="H409" i="6"/>
  <c r="N408" i="6"/>
  <c r="K408" i="6"/>
  <c r="H408" i="6"/>
  <c r="N407" i="6"/>
  <c r="K407" i="6"/>
  <c r="H407" i="6"/>
  <c r="N406" i="6"/>
  <c r="K406" i="6"/>
  <c r="H406" i="6"/>
  <c r="N405" i="6"/>
  <c r="K405" i="6"/>
  <c r="H405" i="6"/>
  <c r="N404" i="6"/>
  <c r="K404" i="6"/>
  <c r="H404" i="6"/>
  <c r="N403" i="6"/>
  <c r="K403" i="6"/>
  <c r="H403" i="6"/>
  <c r="N402" i="6"/>
  <c r="K402" i="6"/>
  <c r="H402" i="6"/>
  <c r="N401" i="6"/>
  <c r="K401" i="6"/>
  <c r="H401" i="6"/>
  <c r="N400" i="6"/>
  <c r="K400" i="6"/>
  <c r="H400" i="6"/>
  <c r="N399" i="6"/>
  <c r="K399" i="6"/>
  <c r="H399" i="6"/>
  <c r="N398" i="6"/>
  <c r="K398" i="6"/>
  <c r="H398" i="6"/>
  <c r="N397" i="6"/>
  <c r="K397" i="6"/>
  <c r="H397" i="6"/>
  <c r="N396" i="6"/>
  <c r="K396" i="6"/>
  <c r="H396" i="6"/>
  <c r="N395" i="6"/>
  <c r="K395" i="6"/>
  <c r="H395" i="6"/>
  <c r="N394" i="6"/>
  <c r="K394" i="6"/>
  <c r="H394" i="6"/>
  <c r="N393" i="6"/>
  <c r="K393" i="6"/>
  <c r="H393" i="6"/>
  <c r="N392" i="6"/>
  <c r="K392" i="6"/>
  <c r="H392" i="6"/>
  <c r="N391" i="6"/>
  <c r="K391" i="6"/>
  <c r="H391" i="6"/>
  <c r="N390" i="6"/>
  <c r="K390" i="6"/>
  <c r="H390" i="6"/>
  <c r="N389" i="6"/>
  <c r="K389" i="6"/>
  <c r="H389" i="6"/>
  <c r="N388" i="6"/>
  <c r="K388" i="6"/>
  <c r="H388" i="6"/>
  <c r="N387" i="6"/>
  <c r="K387" i="6"/>
  <c r="H387" i="6"/>
  <c r="N386" i="6"/>
  <c r="K386" i="6"/>
  <c r="H386" i="6"/>
  <c r="N385" i="6"/>
  <c r="K385" i="6"/>
  <c r="H385" i="6"/>
  <c r="N384" i="6"/>
  <c r="K384" i="6"/>
  <c r="H384" i="6"/>
  <c r="N383" i="6"/>
  <c r="K383" i="6"/>
  <c r="H383" i="6"/>
  <c r="N382" i="6"/>
  <c r="K382" i="6"/>
  <c r="H382" i="6"/>
  <c r="N381" i="6"/>
  <c r="K381" i="6"/>
  <c r="H381" i="6"/>
  <c r="N380" i="6"/>
  <c r="K380" i="6"/>
  <c r="H380" i="6"/>
  <c r="N379" i="6"/>
  <c r="K379" i="6"/>
  <c r="H379" i="6"/>
  <c r="N378" i="6"/>
  <c r="K378" i="6"/>
  <c r="H378" i="6"/>
  <c r="N377" i="6"/>
  <c r="K377" i="6"/>
  <c r="H377" i="6"/>
  <c r="N376" i="6"/>
  <c r="K376" i="6"/>
  <c r="H376" i="6"/>
  <c r="N375" i="6"/>
  <c r="K375" i="6"/>
  <c r="H375" i="6"/>
  <c r="N374" i="6"/>
  <c r="K374" i="6"/>
  <c r="H374" i="6"/>
  <c r="N373" i="6"/>
  <c r="K373" i="6"/>
  <c r="H373" i="6"/>
  <c r="N372" i="6"/>
  <c r="K372" i="6"/>
  <c r="H372" i="6"/>
  <c r="N371" i="6"/>
  <c r="K371" i="6"/>
  <c r="H371" i="6"/>
  <c r="N370" i="6"/>
  <c r="K370" i="6"/>
  <c r="H370" i="6"/>
  <c r="N369" i="6"/>
  <c r="K369" i="6"/>
  <c r="H369" i="6"/>
  <c r="N368" i="6"/>
  <c r="K368" i="6"/>
  <c r="H368" i="6"/>
  <c r="N367" i="6"/>
  <c r="K367" i="6"/>
  <c r="H367" i="6"/>
  <c r="N366" i="6"/>
  <c r="K366" i="6"/>
  <c r="H366" i="6"/>
  <c r="N365" i="6"/>
  <c r="K365" i="6"/>
  <c r="H365" i="6"/>
  <c r="AN363" i="6"/>
  <c r="AM363" i="6"/>
  <c r="AL363" i="6"/>
  <c r="AK363" i="6"/>
  <c r="AJ363" i="6"/>
  <c r="AI363" i="6"/>
  <c r="AH363" i="6"/>
  <c r="AG363" i="6"/>
  <c r="AF363" i="6"/>
  <c r="AE363" i="6"/>
  <c r="AD363" i="6"/>
  <c r="AC363" i="6"/>
  <c r="AB363" i="6"/>
  <c r="AA363" i="6"/>
  <c r="Z363" i="6"/>
  <c r="Y363" i="6"/>
  <c r="X363" i="6"/>
  <c r="W363" i="6"/>
  <c r="V363" i="6"/>
  <c r="U363" i="6"/>
  <c r="T363" i="6"/>
  <c r="S363" i="6"/>
  <c r="R363" i="6"/>
  <c r="Q363" i="6"/>
  <c r="P363" i="6"/>
  <c r="M363" i="6"/>
  <c r="J363" i="6"/>
  <c r="G363" i="6"/>
  <c r="F363" i="6"/>
  <c r="N363" i="6"/>
  <c r="N362" i="6"/>
  <c r="K362" i="6"/>
  <c r="H362" i="6"/>
  <c r="N361" i="6"/>
  <c r="K361" i="6"/>
  <c r="H361" i="6"/>
  <c r="N360" i="6"/>
  <c r="K360" i="6"/>
  <c r="H360" i="6"/>
  <c r="N359" i="6"/>
  <c r="K359" i="6"/>
  <c r="H359" i="6"/>
  <c r="N357" i="6"/>
  <c r="K357" i="6"/>
  <c r="H357" i="6"/>
  <c r="N356" i="6"/>
  <c r="K356" i="6"/>
  <c r="H356" i="6"/>
  <c r="N354" i="6"/>
  <c r="K354" i="6"/>
  <c r="H354" i="6"/>
  <c r="N353" i="6"/>
  <c r="K353" i="6"/>
  <c r="H353" i="6"/>
  <c r="N351" i="6"/>
  <c r="K351" i="6"/>
  <c r="H351" i="6"/>
  <c r="AN350" i="6"/>
  <c r="AM350" i="6"/>
  <c r="AL350" i="6"/>
  <c r="AK350" i="6"/>
  <c r="AJ350" i="6"/>
  <c r="AI350" i="6"/>
  <c r="AH350" i="6"/>
  <c r="AG350" i="6"/>
  <c r="AF350" i="6"/>
  <c r="AE350" i="6"/>
  <c r="AD350" i="6"/>
  <c r="AC350" i="6"/>
  <c r="AB350" i="6"/>
  <c r="AA350" i="6"/>
  <c r="Z350" i="6"/>
  <c r="Y350" i="6"/>
  <c r="X350" i="6"/>
  <c r="W350" i="6"/>
  <c r="V350" i="6"/>
  <c r="U350" i="6"/>
  <c r="T350" i="6"/>
  <c r="S350" i="6"/>
  <c r="R350" i="6"/>
  <c r="Q350" i="6"/>
  <c r="P350" i="6"/>
  <c r="M350" i="6"/>
  <c r="J350" i="6"/>
  <c r="G350" i="6"/>
  <c r="F350" i="6"/>
  <c r="N350" i="6"/>
  <c r="N349" i="6"/>
  <c r="K349" i="6"/>
  <c r="H349" i="6"/>
  <c r="N348" i="6"/>
  <c r="K348" i="6"/>
  <c r="H348" i="6"/>
  <c r="N346" i="6"/>
  <c r="K346" i="6"/>
  <c r="H346" i="6"/>
  <c r="N345" i="6"/>
  <c r="K345" i="6"/>
  <c r="H345" i="6"/>
  <c r="AN342" i="6"/>
  <c r="AM342" i="6"/>
  <c r="AL342" i="6"/>
  <c r="AK342" i="6"/>
  <c r="AJ342" i="6"/>
  <c r="AI342" i="6"/>
  <c r="AH342" i="6"/>
  <c r="AG342" i="6"/>
  <c r="AF342" i="6"/>
  <c r="AE342" i="6"/>
  <c r="AD342" i="6"/>
  <c r="AC342" i="6"/>
  <c r="AB342" i="6"/>
  <c r="AA342" i="6"/>
  <c r="Z342" i="6"/>
  <c r="Y342" i="6"/>
  <c r="X342" i="6"/>
  <c r="W342" i="6"/>
  <c r="V342" i="6"/>
  <c r="U342" i="6"/>
  <c r="U343" i="6" s="1"/>
  <c r="T342" i="6"/>
  <c r="S342" i="6"/>
  <c r="R342" i="6"/>
  <c r="Q342" i="6"/>
  <c r="Q343" i="6" s="1"/>
  <c r="P342" i="6"/>
  <c r="M342" i="6"/>
  <c r="J342" i="6"/>
  <c r="G342" i="6"/>
  <c r="F342" i="6"/>
  <c r="N342" i="6" s="1"/>
  <c r="N341" i="6"/>
  <c r="K341" i="6"/>
  <c r="H341" i="6"/>
  <c r="N340" i="6"/>
  <c r="K340" i="6"/>
  <c r="H340" i="6"/>
  <c r="N339" i="6"/>
  <c r="K339" i="6"/>
  <c r="H339" i="6"/>
  <c r="N338" i="6"/>
  <c r="K338" i="6"/>
  <c r="H338" i="6"/>
  <c r="N337" i="6"/>
  <c r="K337" i="6"/>
  <c r="H337" i="6"/>
  <c r="N336" i="6"/>
  <c r="K336" i="6"/>
  <c r="H336" i="6"/>
  <c r="N335" i="6"/>
  <c r="K335" i="6"/>
  <c r="H335" i="6"/>
  <c r="N334" i="6"/>
  <c r="K334" i="6"/>
  <c r="H334" i="6"/>
  <c r="AN333" i="6"/>
  <c r="AM333" i="6"/>
  <c r="AM343" i="6" s="1"/>
  <c r="AL333" i="6"/>
  <c r="AL343" i="6"/>
  <c r="AK333" i="6"/>
  <c r="AJ333" i="6"/>
  <c r="AJ343" i="6" s="1"/>
  <c r="AJ515" i="6"/>
  <c r="AI333" i="6"/>
  <c r="AI343" i="6"/>
  <c r="AH333" i="6"/>
  <c r="AG333" i="6"/>
  <c r="AG343" i="6" s="1"/>
  <c r="AF333" i="6"/>
  <c r="AE333" i="6"/>
  <c r="AE343" i="6"/>
  <c r="AD333" i="6"/>
  <c r="AD343" i="6"/>
  <c r="AC333" i="6"/>
  <c r="AB333" i="6"/>
  <c r="AB343" i="6" s="1"/>
  <c r="AA333" i="6"/>
  <c r="AA343" i="6" s="1"/>
  <c r="Z333" i="6"/>
  <c r="Z343" i="6" s="1"/>
  <c r="Y333" i="6"/>
  <c r="X333" i="6"/>
  <c r="W333" i="6"/>
  <c r="W343" i="6"/>
  <c r="V333" i="6"/>
  <c r="V343" i="6"/>
  <c r="U333" i="6"/>
  <c r="T333" i="6"/>
  <c r="T343" i="6"/>
  <c r="S333" i="6"/>
  <c r="S343" i="6"/>
  <c r="R333" i="6"/>
  <c r="R343" i="6"/>
  <c r="Q333" i="6"/>
  <c r="P333" i="6"/>
  <c r="M333" i="6"/>
  <c r="J333" i="6"/>
  <c r="G333" i="6"/>
  <c r="G343" i="6"/>
  <c r="F333" i="6"/>
  <c r="N332" i="6"/>
  <c r="K332" i="6"/>
  <c r="H332" i="6"/>
  <c r="N331" i="6"/>
  <c r="K331" i="6"/>
  <c r="H331" i="6"/>
  <c r="N330" i="6"/>
  <c r="K330" i="6"/>
  <c r="H330" i="6"/>
  <c r="N329" i="6"/>
  <c r="K329" i="6"/>
  <c r="H329" i="6"/>
  <c r="N328" i="6"/>
  <c r="K328" i="6"/>
  <c r="H328" i="6"/>
  <c r="N327" i="6"/>
  <c r="K327" i="6"/>
  <c r="H327" i="6"/>
  <c r="N326" i="6"/>
  <c r="K326" i="6"/>
  <c r="H326" i="6"/>
  <c r="N325" i="6"/>
  <c r="K325" i="6"/>
  <c r="H325" i="6"/>
  <c r="N324" i="6"/>
  <c r="K324" i="6"/>
  <c r="H324" i="6"/>
  <c r="N323" i="6"/>
  <c r="K323" i="6"/>
  <c r="H323" i="6"/>
  <c r="N322" i="6"/>
  <c r="K322" i="6"/>
  <c r="H322" i="6"/>
  <c r="N321" i="6"/>
  <c r="K321" i="6"/>
  <c r="H321" i="6"/>
  <c r="N320" i="6"/>
  <c r="K320" i="6"/>
  <c r="H320" i="6"/>
  <c r="N319" i="6"/>
  <c r="K319" i="6"/>
  <c r="H319" i="6"/>
  <c r="N318" i="6"/>
  <c r="K318" i="6"/>
  <c r="H318" i="6"/>
  <c r="N317" i="6"/>
  <c r="K317" i="6"/>
  <c r="H317" i="6"/>
  <c r="N316" i="6"/>
  <c r="K316" i="6"/>
  <c r="H316" i="6"/>
  <c r="N315" i="6"/>
  <c r="K315" i="6"/>
  <c r="H315" i="6"/>
  <c r="N314" i="6"/>
  <c r="K314" i="6"/>
  <c r="H314" i="6"/>
  <c r="N313" i="6"/>
  <c r="K313" i="6"/>
  <c r="H313" i="6"/>
  <c r="N312" i="6"/>
  <c r="K312" i="6"/>
  <c r="H312" i="6"/>
  <c r="N311" i="6"/>
  <c r="K311" i="6"/>
  <c r="H311" i="6"/>
  <c r="N306" i="6"/>
  <c r="K306" i="6"/>
  <c r="H306" i="6"/>
  <c r="N305" i="6"/>
  <c r="K305" i="6"/>
  <c r="H305" i="6"/>
  <c r="AN298" i="6"/>
  <c r="AN302" i="6"/>
  <c r="AM298" i="6"/>
  <c r="AM302" i="6" s="1"/>
  <c r="AL298" i="6"/>
  <c r="AL302" i="6"/>
  <c r="AK298" i="6"/>
  <c r="AK302" i="6" s="1"/>
  <c r="AJ298" i="6"/>
  <c r="AJ302" i="6"/>
  <c r="AI298" i="6"/>
  <c r="AI302" i="6" s="1"/>
  <c r="AH298" i="6"/>
  <c r="AH302" i="6"/>
  <c r="AG298" i="6"/>
  <c r="AG302" i="6" s="1"/>
  <c r="AF298" i="6"/>
  <c r="AF302" i="6"/>
  <c r="AE298" i="6"/>
  <c r="AE302" i="6" s="1"/>
  <c r="AD298" i="6"/>
  <c r="AD302" i="6"/>
  <c r="AC298" i="6"/>
  <c r="AC302" i="6" s="1"/>
  <c r="AB298" i="6"/>
  <c r="AB302" i="6"/>
  <c r="AA298" i="6"/>
  <c r="AA302" i="6" s="1"/>
  <c r="Z298" i="6"/>
  <c r="Z302" i="6"/>
  <c r="Y298" i="6"/>
  <c r="Y302" i="6" s="1"/>
  <c r="X298" i="6"/>
  <c r="X302" i="6"/>
  <c r="W298" i="6"/>
  <c r="W302" i="6" s="1"/>
  <c r="V298" i="6"/>
  <c r="V302" i="6"/>
  <c r="U298" i="6"/>
  <c r="U302" i="6" s="1"/>
  <c r="T298" i="6"/>
  <c r="T302" i="6"/>
  <c r="S298" i="6"/>
  <c r="S302" i="6" s="1"/>
  <c r="R298" i="6"/>
  <c r="R302" i="6"/>
  <c r="Q298" i="6"/>
  <c r="Q302" i="6" s="1"/>
  <c r="P298" i="6"/>
  <c r="P302" i="6"/>
  <c r="M298" i="6"/>
  <c r="M302" i="6" s="1"/>
  <c r="J298" i="6"/>
  <c r="J302" i="6"/>
  <c r="G298" i="6"/>
  <c r="G302" i="6" s="1"/>
  <c r="F298" i="6"/>
  <c r="N298" i="6"/>
  <c r="N297" i="6"/>
  <c r="K297" i="6"/>
  <c r="H297" i="6"/>
  <c r="N296" i="6"/>
  <c r="K296" i="6"/>
  <c r="H296" i="6"/>
  <c r="N295" i="6"/>
  <c r="K295" i="6"/>
  <c r="H295" i="6"/>
  <c r="N294" i="6"/>
  <c r="K294" i="6"/>
  <c r="H294" i="6"/>
  <c r="N293" i="6"/>
  <c r="K293" i="6"/>
  <c r="H293" i="6"/>
  <c r="N292" i="6"/>
  <c r="K292" i="6"/>
  <c r="H292" i="6"/>
  <c r="N291" i="6"/>
  <c r="K291" i="6"/>
  <c r="H291" i="6"/>
  <c r="N290" i="6"/>
  <c r="K290" i="6"/>
  <c r="H290" i="6"/>
  <c r="N289" i="6"/>
  <c r="K289" i="6"/>
  <c r="H289" i="6"/>
  <c r="N288" i="6"/>
  <c r="K288" i="6"/>
  <c r="H288" i="6"/>
  <c r="N287" i="6"/>
  <c r="K287" i="6"/>
  <c r="H287" i="6"/>
  <c r="N286" i="6"/>
  <c r="K286" i="6"/>
  <c r="H286" i="6"/>
  <c r="N285" i="6"/>
  <c r="K285" i="6"/>
  <c r="H285" i="6"/>
  <c r="N284" i="6"/>
  <c r="K284" i="6"/>
  <c r="H284" i="6"/>
  <c r="N283" i="6"/>
  <c r="K283" i="6"/>
  <c r="H283" i="6"/>
  <c r="N282" i="6"/>
  <c r="K282" i="6"/>
  <c r="H282" i="6"/>
  <c r="N281" i="6"/>
  <c r="K281" i="6"/>
  <c r="H281" i="6"/>
  <c r="N280" i="6"/>
  <c r="K280" i="6"/>
  <c r="H280" i="6"/>
  <c r="N279" i="6"/>
  <c r="K279" i="6"/>
  <c r="H279" i="6"/>
  <c r="N278" i="6"/>
  <c r="K278" i="6"/>
  <c r="H278" i="6"/>
  <c r="N277" i="6"/>
  <c r="K277" i="6"/>
  <c r="H277" i="6"/>
  <c r="N276" i="6"/>
  <c r="K276" i="6"/>
  <c r="H276" i="6"/>
  <c r="N275" i="6"/>
  <c r="K275" i="6"/>
  <c r="H275" i="6"/>
  <c r="N274" i="6"/>
  <c r="K274" i="6"/>
  <c r="H274" i="6"/>
  <c r="N273" i="6"/>
  <c r="K273" i="6"/>
  <c r="H273" i="6"/>
  <c r="N272" i="6"/>
  <c r="K272" i="6"/>
  <c r="H272" i="6"/>
  <c r="N271" i="6"/>
  <c r="K271" i="6"/>
  <c r="H271" i="6"/>
  <c r="N270" i="6"/>
  <c r="K270" i="6"/>
  <c r="H270" i="6"/>
  <c r="N269" i="6"/>
  <c r="K269" i="6"/>
  <c r="H269" i="6"/>
  <c r="N268" i="6"/>
  <c r="K268" i="6"/>
  <c r="H268" i="6"/>
  <c r="N267" i="6"/>
  <c r="K267" i="6"/>
  <c r="H267" i="6"/>
  <c r="N266" i="6"/>
  <c r="K266" i="6"/>
  <c r="H266" i="6"/>
  <c r="N265" i="6"/>
  <c r="K265" i="6"/>
  <c r="H265" i="6"/>
  <c r="N263" i="6"/>
  <c r="K263" i="6"/>
  <c r="H263" i="6"/>
  <c r="N262" i="6"/>
  <c r="K262" i="6"/>
  <c r="H262" i="6"/>
  <c r="N261" i="6"/>
  <c r="K261" i="6"/>
  <c r="H261" i="6"/>
  <c r="N260" i="6"/>
  <c r="K260" i="6"/>
  <c r="H260" i="6"/>
  <c r="N259" i="6"/>
  <c r="K259" i="6"/>
  <c r="H259" i="6"/>
  <c r="N258" i="6"/>
  <c r="K258" i="6"/>
  <c r="H258" i="6"/>
  <c r="N257" i="6"/>
  <c r="K257" i="6"/>
  <c r="H257" i="6"/>
  <c r="N256" i="6"/>
  <c r="K256" i="6"/>
  <c r="H256" i="6"/>
  <c r="N255" i="6"/>
  <c r="K255" i="6"/>
  <c r="H255" i="6"/>
  <c r="N254" i="6"/>
  <c r="K254" i="6"/>
  <c r="H254" i="6"/>
  <c r="AN252" i="6"/>
  <c r="AM252" i="6"/>
  <c r="AL252" i="6"/>
  <c r="AK252" i="6"/>
  <c r="AJ252" i="6"/>
  <c r="AI252" i="6"/>
  <c r="AH252" i="6"/>
  <c r="AG252" i="6"/>
  <c r="AF252" i="6"/>
  <c r="AE252" i="6"/>
  <c r="AE303" i="6" s="1"/>
  <c r="AE307" i="6" s="1"/>
  <c r="AD252" i="6"/>
  <c r="AC252" i="6"/>
  <c r="AB252" i="6"/>
  <c r="AA252" i="6"/>
  <c r="Z252" i="6"/>
  <c r="Y252" i="6"/>
  <c r="X252" i="6"/>
  <c r="W252" i="6"/>
  <c r="W303" i="6" s="1"/>
  <c r="V252" i="6"/>
  <c r="U252" i="6"/>
  <c r="T252" i="6"/>
  <c r="S252" i="6"/>
  <c r="S303" i="6" s="1"/>
  <c r="R252" i="6"/>
  <c r="Q252" i="6"/>
  <c r="P252" i="6"/>
  <c r="M252" i="6"/>
  <c r="J252" i="6"/>
  <c r="G252" i="6"/>
  <c r="F252" i="6"/>
  <c r="H252" i="6" s="1"/>
  <c r="N251" i="6"/>
  <c r="K251" i="6"/>
  <c r="H251" i="6"/>
  <c r="N250" i="6"/>
  <c r="K250" i="6"/>
  <c r="H250" i="6"/>
  <c r="N249" i="6"/>
  <c r="K249" i="6"/>
  <c r="H249" i="6"/>
  <c r="N247" i="6"/>
  <c r="K247" i="6"/>
  <c r="H247" i="6"/>
  <c r="AN245" i="6"/>
  <c r="AM245" i="6"/>
  <c r="AL245" i="6"/>
  <c r="AK245" i="6"/>
  <c r="AJ245" i="6"/>
  <c r="AI245" i="6"/>
  <c r="AH245" i="6"/>
  <c r="AG245" i="6"/>
  <c r="AF245" i="6"/>
  <c r="AE245" i="6"/>
  <c r="AD245" i="6"/>
  <c r="AC245" i="6"/>
  <c r="AB245" i="6"/>
  <c r="AA245" i="6"/>
  <c r="Z245" i="6"/>
  <c r="Y245" i="6"/>
  <c r="X245" i="6"/>
  <c r="W245" i="6"/>
  <c r="V245" i="6"/>
  <c r="U245" i="6"/>
  <c r="T245" i="6"/>
  <c r="S245" i="6"/>
  <c r="R245" i="6"/>
  <c r="Q245" i="6"/>
  <c r="P245" i="6"/>
  <c r="M245" i="6"/>
  <c r="J245" i="6"/>
  <c r="G245" i="6"/>
  <c r="F245" i="6"/>
  <c r="N244" i="6"/>
  <c r="K244" i="6"/>
  <c r="H244" i="6"/>
  <c r="N243" i="6"/>
  <c r="K243" i="6"/>
  <c r="H243" i="6"/>
  <c r="N241" i="6"/>
  <c r="K241" i="6"/>
  <c r="H241" i="6"/>
  <c r="N239" i="6"/>
  <c r="K239" i="6"/>
  <c r="H239" i="6"/>
  <c r="N236" i="6"/>
  <c r="K236" i="6"/>
  <c r="H236" i="6"/>
  <c r="N235" i="6"/>
  <c r="K235" i="6"/>
  <c r="H235" i="6"/>
  <c r="N234" i="6"/>
  <c r="K234" i="6"/>
  <c r="H234" i="6"/>
  <c r="N232" i="6"/>
  <c r="K232" i="6"/>
  <c r="H232" i="6"/>
  <c r="N231" i="6"/>
  <c r="K231" i="6"/>
  <c r="H231" i="6"/>
  <c r="N230" i="6"/>
  <c r="K230" i="6"/>
  <c r="H230" i="6"/>
  <c r="N229" i="6"/>
  <c r="K229" i="6"/>
  <c r="H229" i="6"/>
  <c r="N228" i="6"/>
  <c r="K228" i="6"/>
  <c r="H228" i="6"/>
  <c r="N227" i="6"/>
  <c r="K227" i="6"/>
  <c r="H227" i="6"/>
  <c r="N226" i="6"/>
  <c r="K226" i="6"/>
  <c r="H226" i="6"/>
  <c r="N225" i="6"/>
  <c r="K225" i="6"/>
  <c r="H225" i="6"/>
  <c r="N224" i="6"/>
  <c r="K224" i="6"/>
  <c r="H224" i="6"/>
  <c r="N223" i="6"/>
  <c r="K223" i="6"/>
  <c r="H223" i="6"/>
  <c r="N222" i="6"/>
  <c r="K222" i="6"/>
  <c r="H222" i="6"/>
  <c r="N221" i="6"/>
  <c r="K221" i="6"/>
  <c r="H221" i="6"/>
  <c r="N220" i="6"/>
  <c r="K220" i="6"/>
  <c r="H220" i="6"/>
  <c r="N219" i="6"/>
  <c r="K219" i="6"/>
  <c r="H219" i="6"/>
  <c r="N218" i="6"/>
  <c r="K218" i="6"/>
  <c r="H218" i="6"/>
  <c r="N217" i="6"/>
  <c r="K217" i="6"/>
  <c r="H217" i="6"/>
  <c r="N216" i="6"/>
  <c r="K216" i="6"/>
  <c r="H216" i="6"/>
  <c r="N215" i="6"/>
  <c r="K215" i="6"/>
  <c r="H215" i="6"/>
  <c r="N214" i="6"/>
  <c r="K214" i="6"/>
  <c r="H214" i="6"/>
  <c r="AN213" i="6"/>
  <c r="AM213" i="6"/>
  <c r="AL213" i="6"/>
  <c r="AK213" i="6"/>
  <c r="AJ213" i="6"/>
  <c r="AI213" i="6"/>
  <c r="AH213" i="6"/>
  <c r="AG213" i="6"/>
  <c r="AF213" i="6"/>
  <c r="AE213" i="6"/>
  <c r="AD213" i="6"/>
  <c r="AD233" i="6"/>
  <c r="AD237" i="6" s="1"/>
  <c r="AC213" i="6"/>
  <c r="AB213" i="6"/>
  <c r="AA213" i="6"/>
  <c r="Z213" i="6"/>
  <c r="Y213" i="6"/>
  <c r="X213" i="6"/>
  <c r="W213" i="6"/>
  <c r="V213" i="6"/>
  <c r="V233" i="6" s="1"/>
  <c r="V237" i="6" s="1"/>
  <c r="V303" i="6" s="1"/>
  <c r="U213" i="6"/>
  <c r="U233" i="6" s="1"/>
  <c r="T213" i="6"/>
  <c r="S213" i="6"/>
  <c r="S233" i="6" s="1"/>
  <c r="S237" i="6"/>
  <c r="R213" i="6"/>
  <c r="Q213" i="6"/>
  <c r="P213" i="6"/>
  <c r="M213" i="6"/>
  <c r="J213" i="6"/>
  <c r="G213" i="6"/>
  <c r="F213" i="6"/>
  <c r="N212" i="6"/>
  <c r="K212" i="6"/>
  <c r="H212" i="6"/>
  <c r="N211" i="6"/>
  <c r="K211" i="6"/>
  <c r="H211" i="6"/>
  <c r="N210" i="6"/>
  <c r="K210" i="6"/>
  <c r="H210" i="6"/>
  <c r="N209" i="6"/>
  <c r="K209" i="6"/>
  <c r="H209" i="6"/>
  <c r="N208" i="6"/>
  <c r="K208" i="6"/>
  <c r="H208" i="6"/>
  <c r="N207" i="6"/>
  <c r="K207" i="6"/>
  <c r="H207" i="6"/>
  <c r="AN206" i="6"/>
  <c r="AM206" i="6"/>
  <c r="AL206" i="6"/>
  <c r="AL233" i="6" s="1"/>
  <c r="AL237" i="6" s="1"/>
  <c r="AK206" i="6"/>
  <c r="AK233" i="6" s="1"/>
  <c r="AJ206" i="6"/>
  <c r="AI206" i="6"/>
  <c r="AH206" i="6"/>
  <c r="AG206" i="6"/>
  <c r="AG233" i="6" s="1"/>
  <c r="AF206" i="6"/>
  <c r="AE206" i="6"/>
  <c r="AD206" i="6"/>
  <c r="AC206" i="6"/>
  <c r="AC233" i="6" s="1"/>
  <c r="AB206" i="6"/>
  <c r="AA206" i="6"/>
  <c r="Z206" i="6"/>
  <c r="Y206" i="6"/>
  <c r="Y233" i="6" s="1"/>
  <c r="X206" i="6"/>
  <c r="W206" i="6"/>
  <c r="V206" i="6"/>
  <c r="U206" i="6"/>
  <c r="T206" i="6"/>
  <c r="S206" i="6"/>
  <c r="R206" i="6"/>
  <c r="Q206" i="6"/>
  <c r="Q233" i="6" s="1"/>
  <c r="P206" i="6"/>
  <c r="M206" i="6"/>
  <c r="J206" i="6"/>
  <c r="J233" i="6" s="1"/>
  <c r="J237" i="6" s="1"/>
  <c r="G206" i="6"/>
  <c r="F206" i="6"/>
  <c r="N205" i="6"/>
  <c r="K205" i="6"/>
  <c r="H205" i="6"/>
  <c r="N204" i="6"/>
  <c r="K204" i="6"/>
  <c r="H204" i="6"/>
  <c r="N203" i="6"/>
  <c r="K203" i="6"/>
  <c r="H203" i="6"/>
  <c r="N202" i="6"/>
  <c r="K202" i="6"/>
  <c r="H202" i="6"/>
  <c r="N201" i="6"/>
  <c r="K201" i="6"/>
  <c r="H201" i="6"/>
  <c r="N200" i="6"/>
  <c r="K200" i="6"/>
  <c r="H200" i="6"/>
  <c r="N199" i="6"/>
  <c r="K199" i="6"/>
  <c r="H199" i="6"/>
  <c r="N198" i="6"/>
  <c r="K198" i="6"/>
  <c r="H198" i="6"/>
  <c r="N197" i="6"/>
  <c r="K197" i="6"/>
  <c r="H197" i="6"/>
  <c r="AN194" i="6"/>
  <c r="AM194" i="6"/>
  <c r="AL194" i="6"/>
  <c r="AK194" i="6"/>
  <c r="AJ194" i="6"/>
  <c r="AI194" i="6"/>
  <c r="AH194" i="6"/>
  <c r="AG194" i="6"/>
  <c r="AF194" i="6"/>
  <c r="AE194" i="6"/>
  <c r="AD194" i="6"/>
  <c r="AC194" i="6"/>
  <c r="AC195" i="6" s="1"/>
  <c r="AB194" i="6"/>
  <c r="AA194" i="6"/>
  <c r="Z194" i="6"/>
  <c r="Y194" i="6"/>
  <c r="X194" i="6"/>
  <c r="W194" i="6"/>
  <c r="V194" i="6"/>
  <c r="U194" i="6"/>
  <c r="T194" i="6"/>
  <c r="S194" i="6"/>
  <c r="R194" i="6"/>
  <c r="Q194" i="6"/>
  <c r="P194" i="6"/>
  <c r="M194" i="6"/>
  <c r="J194" i="6"/>
  <c r="G194" i="6"/>
  <c r="F194" i="6"/>
  <c r="K194" i="6" s="1"/>
  <c r="N193" i="6"/>
  <c r="K193" i="6"/>
  <c r="H193" i="6"/>
  <c r="N192" i="6"/>
  <c r="K192" i="6"/>
  <c r="H192" i="6"/>
  <c r="N191" i="6"/>
  <c r="K191" i="6"/>
  <c r="H191" i="6"/>
  <c r="N190" i="6"/>
  <c r="K190" i="6"/>
  <c r="H190" i="6"/>
  <c r="N189" i="6"/>
  <c r="K189" i="6"/>
  <c r="H189" i="6"/>
  <c r="N188" i="6"/>
  <c r="K188" i="6"/>
  <c r="H188" i="6"/>
  <c r="N187" i="6"/>
  <c r="K187" i="6"/>
  <c r="H187" i="6"/>
  <c r="N184" i="6"/>
  <c r="K184" i="6"/>
  <c r="H184" i="6"/>
  <c r="N183" i="6"/>
  <c r="K183" i="6"/>
  <c r="H183" i="6"/>
  <c r="AN180" i="6"/>
  <c r="AN181" i="6" s="1"/>
  <c r="AN185" i="6"/>
  <c r="AN195" i="6" s="1"/>
  <c r="AM180" i="6"/>
  <c r="AM181" i="6" s="1"/>
  <c r="AM185" i="6"/>
  <c r="AM195" i="6" s="1"/>
  <c r="AL180" i="6"/>
  <c r="AL181" i="6" s="1"/>
  <c r="AL185" i="6"/>
  <c r="AL195" i="6" s="1"/>
  <c r="AK180" i="6"/>
  <c r="AK181" i="6" s="1"/>
  <c r="AK185" i="6"/>
  <c r="AK195" i="6" s="1"/>
  <c r="AJ180" i="6"/>
  <c r="AJ181" i="6" s="1"/>
  <c r="AJ185" i="6"/>
  <c r="AJ195" i="6" s="1"/>
  <c r="AI180" i="6"/>
  <c r="AI181" i="6" s="1"/>
  <c r="AI185" i="6"/>
  <c r="AI195" i="6" s="1"/>
  <c r="AH180" i="6"/>
  <c r="AH181" i="6" s="1"/>
  <c r="AH185" i="6"/>
  <c r="AH195" i="6" s="1"/>
  <c r="AG180" i="6"/>
  <c r="AG181" i="6" s="1"/>
  <c r="AG185" i="6"/>
  <c r="AG195" i="6" s="1"/>
  <c r="AF180" i="6"/>
  <c r="AF181" i="6" s="1"/>
  <c r="AF185" i="6"/>
  <c r="AF195" i="6" s="1"/>
  <c r="AE180" i="6"/>
  <c r="AE181" i="6" s="1"/>
  <c r="AE185" i="6"/>
  <c r="AE195" i="6" s="1"/>
  <c r="AD180" i="6"/>
  <c r="AD181" i="6" s="1"/>
  <c r="AD185" i="6"/>
  <c r="AD195" i="6"/>
  <c r="AC180" i="6"/>
  <c r="AC181" i="6" s="1"/>
  <c r="AC185" i="6"/>
  <c r="AB180" i="6"/>
  <c r="AB181" i="6" s="1"/>
  <c r="AB185" i="6" s="1"/>
  <c r="AB195" i="6" s="1"/>
  <c r="AA180" i="6"/>
  <c r="AA181" i="6"/>
  <c r="AA185" i="6" s="1"/>
  <c r="AA195" i="6" s="1"/>
  <c r="Z180" i="6"/>
  <c r="Z181" i="6"/>
  <c r="Z185" i="6" s="1"/>
  <c r="Z195" i="6" s="1"/>
  <c r="Y180" i="6"/>
  <c r="Y181" i="6"/>
  <c r="Y185" i="6" s="1"/>
  <c r="Y195" i="6" s="1"/>
  <c r="X180" i="6"/>
  <c r="X181" i="6"/>
  <c r="X185" i="6" s="1"/>
  <c r="X195" i="6" s="1"/>
  <c r="W180" i="6"/>
  <c r="W181" i="6"/>
  <c r="W185" i="6" s="1"/>
  <c r="W195" i="6" s="1"/>
  <c r="V180" i="6"/>
  <c r="V181" i="6"/>
  <c r="V185" i="6" s="1"/>
  <c r="V195" i="6" s="1"/>
  <c r="U180" i="6"/>
  <c r="U181" i="6"/>
  <c r="U185" i="6" s="1"/>
  <c r="U195" i="6" s="1"/>
  <c r="T180" i="6"/>
  <c r="T181" i="6"/>
  <c r="T185" i="6" s="1"/>
  <c r="T195" i="6" s="1"/>
  <c r="S180" i="6"/>
  <c r="S181" i="6"/>
  <c r="S185" i="6" s="1"/>
  <c r="S195" i="6" s="1"/>
  <c r="R180" i="6"/>
  <c r="R181" i="6"/>
  <c r="R185" i="6" s="1"/>
  <c r="R195" i="6" s="1"/>
  <c r="Q180" i="6"/>
  <c r="Q181" i="6"/>
  <c r="Q185" i="6" s="1"/>
  <c r="Q195" i="6" s="1"/>
  <c r="P180" i="6"/>
  <c r="P181" i="6"/>
  <c r="P185" i="6" s="1"/>
  <c r="P195" i="6" s="1"/>
  <c r="M180" i="6"/>
  <c r="M181" i="6" s="1"/>
  <c r="M185" i="6" s="1"/>
  <c r="M195" i="6" s="1"/>
  <c r="J180" i="6"/>
  <c r="J181" i="6" s="1"/>
  <c r="J185" i="6" s="1"/>
  <c r="J195" i="6" s="1"/>
  <c r="G180" i="6"/>
  <c r="G181" i="6" s="1"/>
  <c r="G185" i="6" s="1"/>
  <c r="G195" i="6" s="1"/>
  <c r="F180" i="6"/>
  <c r="N179" i="6"/>
  <c r="K179" i="6"/>
  <c r="H179" i="6"/>
  <c r="N178" i="6"/>
  <c r="K178" i="6"/>
  <c r="H178" i="6"/>
  <c r="N177" i="6"/>
  <c r="K177" i="6"/>
  <c r="H177" i="6"/>
  <c r="N176" i="6"/>
  <c r="K176" i="6"/>
  <c r="H176" i="6"/>
  <c r="N174" i="6"/>
  <c r="K174" i="6"/>
  <c r="H174" i="6"/>
  <c r="N172" i="6"/>
  <c r="K172" i="6"/>
  <c r="H172" i="6"/>
  <c r="N170" i="6"/>
  <c r="K170" i="6"/>
  <c r="H170" i="6"/>
  <c r="N169" i="6"/>
  <c r="K169" i="6"/>
  <c r="H169" i="6"/>
  <c r="N168" i="6"/>
  <c r="K168" i="6"/>
  <c r="H168" i="6"/>
  <c r="N167" i="6"/>
  <c r="K167" i="6"/>
  <c r="H167" i="6"/>
  <c r="N166" i="6"/>
  <c r="K166" i="6"/>
  <c r="H166" i="6"/>
  <c r="N165" i="6"/>
  <c r="K165" i="6"/>
  <c r="H165" i="6"/>
  <c r="AN160" i="6"/>
  <c r="AN161" i="6"/>
  <c r="AM160" i="6"/>
  <c r="AL160" i="6"/>
  <c r="AK160" i="6"/>
  <c r="AJ160" i="6"/>
  <c r="AJ161" i="6"/>
  <c r="AI160" i="6"/>
  <c r="AI161" i="6" s="1"/>
  <c r="AH160" i="6"/>
  <c r="AG160" i="6"/>
  <c r="AF160" i="6"/>
  <c r="AF161" i="6"/>
  <c r="AE160" i="6"/>
  <c r="AD160" i="6"/>
  <c r="AC160" i="6"/>
  <c r="AC161" i="6" s="1"/>
  <c r="AC162" i="6" s="1"/>
  <c r="AB160" i="6"/>
  <c r="AA160" i="6"/>
  <c r="Z160" i="6"/>
  <c r="Y160" i="6"/>
  <c r="X160" i="6"/>
  <c r="W160" i="6"/>
  <c r="V160" i="6"/>
  <c r="U160" i="6"/>
  <c r="T160" i="6"/>
  <c r="S160" i="6"/>
  <c r="R160" i="6"/>
  <c r="Q160" i="6"/>
  <c r="P160" i="6"/>
  <c r="M160" i="6"/>
  <c r="M161" i="6"/>
  <c r="J160" i="6"/>
  <c r="G160" i="6"/>
  <c r="F160" i="6"/>
  <c r="F161" i="6" s="1"/>
  <c r="N161" i="6" s="1"/>
  <c r="N160" i="6"/>
  <c r="N159" i="6"/>
  <c r="K159" i="6"/>
  <c r="H159" i="6"/>
  <c r="N158" i="6"/>
  <c r="K158" i="6"/>
  <c r="H158" i="6"/>
  <c r="N157" i="6"/>
  <c r="K157" i="6"/>
  <c r="H157" i="6"/>
  <c r="N156" i="6"/>
  <c r="K156" i="6"/>
  <c r="H156" i="6"/>
  <c r="N155" i="6"/>
  <c r="K155" i="6"/>
  <c r="H155" i="6"/>
  <c r="N154" i="6"/>
  <c r="K154" i="6"/>
  <c r="H154" i="6"/>
  <c r="N153" i="6"/>
  <c r="K153" i="6"/>
  <c r="H153" i="6"/>
  <c r="N152" i="6"/>
  <c r="K152" i="6"/>
  <c r="H152" i="6"/>
  <c r="N151" i="6"/>
  <c r="K151" i="6"/>
  <c r="H151" i="6"/>
  <c r="N150" i="6"/>
  <c r="K150" i="6"/>
  <c r="H150" i="6"/>
  <c r="N149" i="6"/>
  <c r="K149" i="6"/>
  <c r="H149" i="6"/>
  <c r="N148" i="6"/>
  <c r="K148" i="6"/>
  <c r="H148" i="6"/>
  <c r="N147" i="6"/>
  <c r="K147" i="6"/>
  <c r="H147" i="6"/>
  <c r="AN146" i="6"/>
  <c r="AM146" i="6"/>
  <c r="AL146" i="6"/>
  <c r="AK146" i="6"/>
  <c r="AJ146" i="6"/>
  <c r="AI146" i="6"/>
  <c r="AH146" i="6"/>
  <c r="AG146" i="6"/>
  <c r="AF146" i="6"/>
  <c r="AE146" i="6"/>
  <c r="AD146" i="6"/>
  <c r="AC146" i="6"/>
  <c r="AB146" i="6"/>
  <c r="AA146" i="6"/>
  <c r="AA161" i="6"/>
  <c r="Z146" i="6"/>
  <c r="Y146" i="6"/>
  <c r="X146" i="6"/>
  <c r="W146" i="6"/>
  <c r="W161" i="6" s="1"/>
  <c r="V146" i="6"/>
  <c r="U146" i="6"/>
  <c r="T146" i="6"/>
  <c r="S146" i="6"/>
  <c r="R146" i="6"/>
  <c r="Q146" i="6"/>
  <c r="P146" i="6"/>
  <c r="M146" i="6"/>
  <c r="J146" i="6"/>
  <c r="G146" i="6"/>
  <c r="H146" i="6"/>
  <c r="F146" i="6"/>
  <c r="N146" i="6"/>
  <c r="K146" i="6"/>
  <c r="N145" i="6"/>
  <c r="K145" i="6"/>
  <c r="H145" i="6"/>
  <c r="N144" i="6"/>
  <c r="K144" i="6"/>
  <c r="H144" i="6"/>
  <c r="AN143" i="6"/>
  <c r="AM143" i="6"/>
  <c r="AM161" i="6" s="1"/>
  <c r="AL143" i="6"/>
  <c r="AK143" i="6"/>
  <c r="AJ143" i="6"/>
  <c r="AI143" i="6"/>
  <c r="AH143" i="6"/>
  <c r="AG143" i="6"/>
  <c r="AG161" i="6"/>
  <c r="AF143" i="6"/>
  <c r="AE143" i="6"/>
  <c r="AE161" i="6" s="1"/>
  <c r="AD143" i="6"/>
  <c r="AC143" i="6"/>
  <c r="AB143" i="6"/>
  <c r="AB161" i="6" s="1"/>
  <c r="AB162" i="6" s="1"/>
  <c r="AA143" i="6"/>
  <c r="Z143" i="6"/>
  <c r="Y143" i="6"/>
  <c r="Y161" i="6"/>
  <c r="X143" i="6"/>
  <c r="W143" i="6"/>
  <c r="V143" i="6"/>
  <c r="U143" i="6"/>
  <c r="U161" i="6" s="1"/>
  <c r="T143" i="6"/>
  <c r="T161" i="6" s="1"/>
  <c r="T162" i="6" s="1"/>
  <c r="T307" i="6" s="1"/>
  <c r="S143" i="6"/>
  <c r="S161" i="6" s="1"/>
  <c r="R143" i="6"/>
  <c r="Q143" i="6"/>
  <c r="Q161" i="6"/>
  <c r="P143" i="6"/>
  <c r="M143" i="6"/>
  <c r="J143" i="6"/>
  <c r="G143" i="6"/>
  <c r="F143" i="6"/>
  <c r="N142" i="6"/>
  <c r="K142" i="6"/>
  <c r="H142" i="6"/>
  <c r="N141" i="6"/>
  <c r="K141" i="6"/>
  <c r="H141" i="6"/>
  <c r="N140" i="6"/>
  <c r="K140" i="6"/>
  <c r="H140" i="6"/>
  <c r="N139" i="6"/>
  <c r="K139" i="6"/>
  <c r="H139" i="6"/>
  <c r="N138" i="6"/>
  <c r="K138" i="6"/>
  <c r="H138" i="6"/>
  <c r="N137" i="6"/>
  <c r="K137" i="6"/>
  <c r="H137" i="6"/>
  <c r="N136" i="6"/>
  <c r="K136" i="6"/>
  <c r="H136" i="6"/>
  <c r="N135" i="6"/>
  <c r="K135" i="6"/>
  <c r="H135" i="6"/>
  <c r="N134" i="6"/>
  <c r="K134" i="6"/>
  <c r="H134" i="6"/>
  <c r="N133" i="6"/>
  <c r="K133" i="6"/>
  <c r="H133" i="6"/>
  <c r="N132" i="6"/>
  <c r="K132" i="6"/>
  <c r="H132" i="6"/>
  <c r="N131" i="6"/>
  <c r="K131" i="6"/>
  <c r="H131" i="6"/>
  <c r="N130" i="6"/>
  <c r="K130" i="6"/>
  <c r="H130" i="6"/>
  <c r="N129" i="6"/>
  <c r="K129" i="6"/>
  <c r="H129" i="6"/>
  <c r="N128" i="6"/>
  <c r="K128" i="6"/>
  <c r="H128" i="6"/>
  <c r="N127" i="6"/>
  <c r="K127" i="6"/>
  <c r="H127" i="6"/>
  <c r="N126" i="6"/>
  <c r="K126" i="6"/>
  <c r="H126" i="6"/>
  <c r="N125" i="6"/>
  <c r="K125" i="6"/>
  <c r="H125" i="6"/>
  <c r="N124" i="6"/>
  <c r="K124" i="6"/>
  <c r="H124" i="6"/>
  <c r="N123" i="6"/>
  <c r="K123" i="6"/>
  <c r="H123" i="6"/>
  <c r="N122" i="6"/>
  <c r="K122" i="6"/>
  <c r="H122" i="6"/>
  <c r="N121" i="6"/>
  <c r="K121" i="6"/>
  <c r="H121" i="6"/>
  <c r="N120" i="6"/>
  <c r="K120" i="6"/>
  <c r="H120" i="6"/>
  <c r="N119" i="6"/>
  <c r="K119" i="6"/>
  <c r="H119" i="6"/>
  <c r="N118" i="6"/>
  <c r="K118" i="6"/>
  <c r="H118" i="6"/>
  <c r="N117" i="6"/>
  <c r="K117" i="6"/>
  <c r="H117" i="6"/>
  <c r="AN116" i="6"/>
  <c r="AM116" i="6"/>
  <c r="AL116" i="6"/>
  <c r="AK116" i="6"/>
  <c r="AJ116" i="6"/>
  <c r="AI116" i="6"/>
  <c r="AH116" i="6"/>
  <c r="AG116" i="6"/>
  <c r="AF116" i="6"/>
  <c r="AE116" i="6"/>
  <c r="AD116" i="6"/>
  <c r="AC116" i="6"/>
  <c r="AB116" i="6"/>
  <c r="AA116" i="6"/>
  <c r="Z116" i="6"/>
  <c r="Y116" i="6"/>
  <c r="X116" i="6"/>
  <c r="W116" i="6"/>
  <c r="V116" i="6"/>
  <c r="U116" i="6"/>
  <c r="T116" i="6"/>
  <c r="S116" i="6"/>
  <c r="R116" i="6"/>
  <c r="Q116" i="6"/>
  <c r="P116" i="6"/>
  <c r="M116" i="6"/>
  <c r="J116" i="6"/>
  <c r="K116" i="6"/>
  <c r="G116" i="6"/>
  <c r="F116" i="6"/>
  <c r="N116" i="6" s="1"/>
  <c r="H116" i="6"/>
  <c r="N115" i="6"/>
  <c r="K115" i="6"/>
  <c r="H115" i="6"/>
  <c r="N114" i="6"/>
  <c r="K114" i="6"/>
  <c r="H114" i="6"/>
  <c r="N113" i="6"/>
  <c r="K113" i="6"/>
  <c r="H113" i="6"/>
  <c r="N112" i="6"/>
  <c r="K112" i="6"/>
  <c r="H112" i="6"/>
  <c r="N111" i="6"/>
  <c r="K111" i="6"/>
  <c r="H111" i="6"/>
  <c r="N110" i="6"/>
  <c r="K110" i="6"/>
  <c r="H110" i="6"/>
  <c r="N109" i="6"/>
  <c r="K109" i="6"/>
  <c r="H109" i="6"/>
  <c r="N108" i="6"/>
  <c r="K108" i="6"/>
  <c r="H108" i="6"/>
  <c r="AN107" i="6"/>
  <c r="AM107" i="6"/>
  <c r="AL107" i="6"/>
  <c r="AK107" i="6"/>
  <c r="AJ107" i="6"/>
  <c r="AI107" i="6"/>
  <c r="AH107" i="6"/>
  <c r="AG107" i="6"/>
  <c r="AF107" i="6"/>
  <c r="AE107" i="6"/>
  <c r="AD107" i="6"/>
  <c r="AC107" i="6"/>
  <c r="AB107" i="6"/>
  <c r="AA107" i="6"/>
  <c r="Z107" i="6"/>
  <c r="Y107" i="6"/>
  <c r="X107" i="6"/>
  <c r="W107" i="6"/>
  <c r="V107" i="6"/>
  <c r="U107" i="6"/>
  <c r="T107" i="6"/>
  <c r="S107" i="6"/>
  <c r="R107" i="6"/>
  <c r="Q107" i="6"/>
  <c r="P107" i="6"/>
  <c r="M107" i="6"/>
  <c r="J107" i="6"/>
  <c r="K107" i="6"/>
  <c r="G107" i="6"/>
  <c r="F107" i="6"/>
  <c r="N107" i="6" s="1"/>
  <c r="H107" i="6"/>
  <c r="N106" i="6"/>
  <c r="K106" i="6"/>
  <c r="H106" i="6"/>
  <c r="N105" i="6"/>
  <c r="K105" i="6"/>
  <c r="H105" i="6"/>
  <c r="N104" i="6"/>
  <c r="K104" i="6"/>
  <c r="H104" i="6"/>
  <c r="N103" i="6"/>
  <c r="K103" i="6"/>
  <c r="H103" i="6"/>
  <c r="N102" i="6"/>
  <c r="K102" i="6"/>
  <c r="H102" i="6"/>
  <c r="N101" i="6"/>
  <c r="K101" i="6"/>
  <c r="H101" i="6"/>
  <c r="AN99" i="6"/>
  <c r="AN100" i="6"/>
  <c r="AM99" i="6"/>
  <c r="AM100" i="6" s="1"/>
  <c r="AL99" i="6"/>
  <c r="AL100" i="6"/>
  <c r="AK99" i="6"/>
  <c r="AK100" i="6" s="1"/>
  <c r="AJ99" i="6"/>
  <c r="AJ100" i="6"/>
  <c r="AI99" i="6"/>
  <c r="AI100" i="6" s="1"/>
  <c r="AH99" i="6"/>
  <c r="AH100" i="6"/>
  <c r="AG99" i="6"/>
  <c r="AG100" i="6" s="1"/>
  <c r="AF99" i="6"/>
  <c r="AF100" i="6"/>
  <c r="AE99" i="6"/>
  <c r="AE100" i="6" s="1"/>
  <c r="AD99" i="6"/>
  <c r="AD100" i="6"/>
  <c r="AC99" i="6"/>
  <c r="AC100" i="6" s="1"/>
  <c r="AB99" i="6"/>
  <c r="AB100" i="6"/>
  <c r="AA99" i="6"/>
  <c r="AA100" i="6" s="1"/>
  <c r="Z99" i="6"/>
  <c r="Z100" i="6"/>
  <c r="Y99" i="6"/>
  <c r="Y100" i="6" s="1"/>
  <c r="X99" i="6"/>
  <c r="X100" i="6"/>
  <c r="W99" i="6"/>
  <c r="W100" i="6" s="1"/>
  <c r="V99" i="6"/>
  <c r="V100" i="6"/>
  <c r="U99" i="6"/>
  <c r="T99" i="6"/>
  <c r="T100" i="6"/>
  <c r="S99" i="6"/>
  <c r="S100" i="6" s="1"/>
  <c r="R99" i="6"/>
  <c r="R100" i="6"/>
  <c r="Q99" i="6"/>
  <c r="Q100" i="6" s="1"/>
  <c r="P99" i="6"/>
  <c r="P100" i="6"/>
  <c r="M99" i="6"/>
  <c r="J99" i="6"/>
  <c r="J100" i="6"/>
  <c r="G99" i="6"/>
  <c r="F99" i="6"/>
  <c r="F100" i="6"/>
  <c r="N98" i="6"/>
  <c r="K98" i="6"/>
  <c r="H98" i="6"/>
  <c r="N97" i="6"/>
  <c r="K97" i="6"/>
  <c r="H97" i="6"/>
  <c r="N96" i="6"/>
  <c r="K96" i="6"/>
  <c r="H96" i="6"/>
  <c r="N95" i="6"/>
  <c r="K95" i="6"/>
  <c r="H95" i="6"/>
  <c r="N94" i="6"/>
  <c r="K94" i="6"/>
  <c r="H94" i="6"/>
  <c r="N93" i="6"/>
  <c r="K93" i="6"/>
  <c r="H93" i="6"/>
  <c r="N92" i="6"/>
  <c r="K92" i="6"/>
  <c r="H92" i="6"/>
  <c r="N91" i="6"/>
  <c r="K91" i="6"/>
  <c r="H91" i="6"/>
  <c r="N90" i="6"/>
  <c r="K90" i="6"/>
  <c r="H90" i="6"/>
  <c r="N89" i="6"/>
  <c r="K89" i="6"/>
  <c r="H89" i="6"/>
  <c r="N88" i="6"/>
  <c r="K88" i="6"/>
  <c r="H88" i="6"/>
  <c r="N87" i="6"/>
  <c r="K87" i="6"/>
  <c r="H87" i="6"/>
  <c r="N86" i="6"/>
  <c r="K86" i="6"/>
  <c r="H86" i="6"/>
  <c r="N84" i="6"/>
  <c r="K84" i="6"/>
  <c r="H84" i="6"/>
  <c r="N83" i="6"/>
  <c r="K83" i="6"/>
  <c r="H83" i="6"/>
  <c r="N82" i="6"/>
  <c r="K82" i="6"/>
  <c r="H82" i="6"/>
  <c r="AN80" i="6"/>
  <c r="AN81" i="6" s="1"/>
  <c r="AN85" i="6" s="1"/>
  <c r="AM80" i="6"/>
  <c r="AM81" i="6" s="1"/>
  <c r="AL80" i="6"/>
  <c r="AK80" i="6"/>
  <c r="AJ80" i="6"/>
  <c r="AJ81" i="6" s="1"/>
  <c r="AJ85" i="6" s="1"/>
  <c r="AI80" i="6"/>
  <c r="AH80" i="6"/>
  <c r="AG80" i="6"/>
  <c r="AF80" i="6"/>
  <c r="AF85" i="6"/>
  <c r="AE80" i="6"/>
  <c r="AD80" i="6"/>
  <c r="AD81" i="6" s="1"/>
  <c r="AD85" i="6" s="1"/>
  <c r="AC80" i="6"/>
  <c r="AC81" i="6" s="1"/>
  <c r="AC85" i="6" s="1"/>
  <c r="AB80" i="6"/>
  <c r="AA80" i="6"/>
  <c r="AA81" i="6" s="1"/>
  <c r="Z80" i="6"/>
  <c r="Y80" i="6"/>
  <c r="X80" i="6"/>
  <c r="X81" i="6" s="1"/>
  <c r="X85" i="6" s="1"/>
  <c r="W80" i="6"/>
  <c r="V80" i="6"/>
  <c r="U80" i="6"/>
  <c r="T80" i="6"/>
  <c r="T81" i="6" s="1"/>
  <c r="T85" i="6" s="1"/>
  <c r="S80" i="6"/>
  <c r="R80" i="6"/>
  <c r="Q80" i="6"/>
  <c r="P80" i="6"/>
  <c r="M80" i="6"/>
  <c r="M81" i="6"/>
  <c r="M85" i="6"/>
  <c r="J80" i="6"/>
  <c r="G80" i="6"/>
  <c r="F80" i="6"/>
  <c r="N79" i="6"/>
  <c r="K79" i="6"/>
  <c r="H79" i="6"/>
  <c r="N78" i="6"/>
  <c r="K78" i="6"/>
  <c r="H78" i="6"/>
  <c r="N77" i="6"/>
  <c r="K77" i="6"/>
  <c r="H77" i="6"/>
  <c r="N76" i="6"/>
  <c r="K76" i="6"/>
  <c r="H76" i="6"/>
  <c r="N75" i="6"/>
  <c r="K75" i="6"/>
  <c r="H75" i="6"/>
  <c r="N74" i="6"/>
  <c r="K74" i="6"/>
  <c r="H74" i="6"/>
  <c r="N73" i="6"/>
  <c r="K73" i="6"/>
  <c r="H73" i="6"/>
  <c r="N72" i="6"/>
  <c r="K72" i="6"/>
  <c r="H72" i="6"/>
  <c r="N71" i="6"/>
  <c r="K71" i="6"/>
  <c r="H71" i="6"/>
  <c r="N70" i="6"/>
  <c r="K70" i="6"/>
  <c r="H70" i="6"/>
  <c r="N69" i="6"/>
  <c r="K69" i="6"/>
  <c r="H69" i="6"/>
  <c r="N68" i="6"/>
  <c r="K68" i="6"/>
  <c r="H68" i="6"/>
  <c r="AN67" i="6"/>
  <c r="AM67" i="6"/>
  <c r="AL67" i="6"/>
  <c r="AL81" i="6"/>
  <c r="AK67" i="6"/>
  <c r="AJ67" i="6"/>
  <c r="AI67" i="6"/>
  <c r="AI81" i="6" s="1"/>
  <c r="AI85" i="6" s="1"/>
  <c r="AI162" i="6" s="1"/>
  <c r="AH67" i="6"/>
  <c r="AG67" i="6"/>
  <c r="AF67" i="6"/>
  <c r="AF81" i="6" s="1"/>
  <c r="AE67" i="6"/>
  <c r="AE81" i="6" s="1"/>
  <c r="AD67" i="6"/>
  <c r="AC67" i="6"/>
  <c r="AB67" i="6"/>
  <c r="AB81" i="6" s="1"/>
  <c r="AB85" i="6" s="1"/>
  <c r="AA67" i="6"/>
  <c r="Z67" i="6"/>
  <c r="Z81" i="6"/>
  <c r="Y67" i="6"/>
  <c r="X67" i="6"/>
  <c r="W67" i="6"/>
  <c r="W81" i="6" s="1"/>
  <c r="V67" i="6"/>
  <c r="U67" i="6"/>
  <c r="T67" i="6"/>
  <c r="S67" i="6"/>
  <c r="S81" i="6" s="1"/>
  <c r="S85" i="6" s="1"/>
  <c r="R67" i="6"/>
  <c r="R81" i="6" s="1"/>
  <c r="Q67" i="6"/>
  <c r="P67" i="6"/>
  <c r="P81" i="6" s="1"/>
  <c r="P85" i="6" s="1"/>
  <c r="M67" i="6"/>
  <c r="J67" i="6"/>
  <c r="J81" i="6"/>
  <c r="J85" i="6"/>
  <c r="G67" i="6"/>
  <c r="F67" i="6"/>
  <c r="N66" i="6"/>
  <c r="K66" i="6"/>
  <c r="H66" i="6"/>
  <c r="N65" i="6"/>
  <c r="K65" i="6"/>
  <c r="H65" i="6"/>
  <c r="N64" i="6"/>
  <c r="K64" i="6"/>
  <c r="H64" i="6"/>
  <c r="N63" i="6"/>
  <c r="K63" i="6"/>
  <c r="H63" i="6"/>
  <c r="N62" i="6"/>
  <c r="K62" i="6"/>
  <c r="H62" i="6"/>
  <c r="N61" i="6"/>
  <c r="K61" i="6"/>
  <c r="H61" i="6"/>
  <c r="N60" i="6"/>
  <c r="K60" i="6"/>
  <c r="H60" i="6"/>
  <c r="N59" i="6"/>
  <c r="K59" i="6"/>
  <c r="H59" i="6"/>
  <c r="N58" i="6"/>
  <c r="K58" i="6"/>
  <c r="H58" i="6"/>
  <c r="N57" i="6"/>
  <c r="K57" i="6"/>
  <c r="H57" i="6"/>
  <c r="N56" i="6"/>
  <c r="K56" i="6"/>
  <c r="H56" i="6"/>
  <c r="N55" i="6"/>
  <c r="K55" i="6"/>
  <c r="H55" i="6"/>
  <c r="N54" i="6"/>
  <c r="K54" i="6"/>
  <c r="H54" i="6"/>
  <c r="AN53" i="6"/>
  <c r="AM53" i="6"/>
  <c r="AL53" i="6"/>
  <c r="AL85" i="6" s="1"/>
  <c r="AK53" i="6"/>
  <c r="AJ53" i="6"/>
  <c r="AI53" i="6"/>
  <c r="AH53" i="6"/>
  <c r="AG53" i="6"/>
  <c r="AF53" i="6"/>
  <c r="AE53" i="6"/>
  <c r="AD53" i="6"/>
  <c r="AC53" i="6"/>
  <c r="AB53" i="6"/>
  <c r="AA53" i="6"/>
  <c r="Z53" i="6"/>
  <c r="Y53" i="6"/>
  <c r="X53" i="6"/>
  <c r="W53" i="6"/>
  <c r="V53" i="6"/>
  <c r="U53" i="6"/>
  <c r="T53" i="6"/>
  <c r="S53" i="6"/>
  <c r="R53" i="6"/>
  <c r="Q53" i="6"/>
  <c r="P53" i="6"/>
  <c r="M53" i="6"/>
  <c r="J53" i="6"/>
  <c r="G53" i="6"/>
  <c r="H53" i="6" s="1"/>
  <c r="F53" i="6"/>
  <c r="N52" i="6"/>
  <c r="K52" i="6"/>
  <c r="H52" i="6"/>
  <c r="N51" i="6"/>
  <c r="K51" i="6"/>
  <c r="H51" i="6"/>
  <c r="N50" i="6"/>
  <c r="K50" i="6"/>
  <c r="H50" i="6"/>
  <c r="N49" i="6"/>
  <c r="K49" i="6"/>
  <c r="H49" i="6"/>
  <c r="N48" i="6"/>
  <c r="K48" i="6"/>
  <c r="H48" i="6"/>
  <c r="N47" i="6"/>
  <c r="K47" i="6"/>
  <c r="H47" i="6"/>
  <c r="N46" i="6"/>
  <c r="K46" i="6"/>
  <c r="H46" i="6"/>
  <c r="AN45" i="6"/>
  <c r="AM45" i="6"/>
  <c r="AL45" i="6"/>
  <c r="AK45" i="6"/>
  <c r="AJ45" i="6"/>
  <c r="AI45" i="6"/>
  <c r="AH45" i="6"/>
  <c r="AG45" i="6"/>
  <c r="AF45" i="6"/>
  <c r="AE45" i="6"/>
  <c r="AD45" i="6"/>
  <c r="AC45" i="6"/>
  <c r="AB45" i="6"/>
  <c r="AA45" i="6"/>
  <c r="Z45" i="6"/>
  <c r="Z85" i="6" s="1"/>
  <c r="Y45" i="6"/>
  <c r="X45" i="6"/>
  <c r="W45" i="6"/>
  <c r="V45" i="6"/>
  <c r="U45" i="6"/>
  <c r="T45" i="6"/>
  <c r="S45" i="6"/>
  <c r="R45" i="6"/>
  <c r="Q45" i="6"/>
  <c r="P45" i="6"/>
  <c r="M45" i="6"/>
  <c r="J45" i="6"/>
  <c r="K45" i="6"/>
  <c r="G45" i="6"/>
  <c r="F45" i="6"/>
  <c r="N44" i="6"/>
  <c r="K44" i="6"/>
  <c r="H44" i="6"/>
  <c r="N43" i="6"/>
  <c r="K43" i="6"/>
  <c r="H43" i="6"/>
  <c r="N42" i="6"/>
  <c r="K42" i="6"/>
  <c r="H42" i="6"/>
  <c r="N41" i="6"/>
  <c r="K41" i="6"/>
  <c r="H41" i="6"/>
  <c r="N40" i="6"/>
  <c r="K40" i="6"/>
  <c r="H40" i="6"/>
  <c r="N39" i="6"/>
  <c r="K39" i="6"/>
  <c r="H39" i="6"/>
  <c r="N38" i="6"/>
  <c r="K38" i="6"/>
  <c r="H38" i="6"/>
  <c r="N37" i="6"/>
  <c r="K37" i="6"/>
  <c r="H37" i="6"/>
  <c r="N36" i="6"/>
  <c r="K36" i="6"/>
  <c r="H36" i="6"/>
  <c r="N35" i="6"/>
  <c r="K35" i="6"/>
  <c r="H35" i="6"/>
  <c r="N34" i="6"/>
  <c r="K34" i="6"/>
  <c r="H34" i="6"/>
  <c r="N33" i="6"/>
  <c r="K33" i="6"/>
  <c r="H33" i="6"/>
  <c r="N32" i="6"/>
  <c r="K32" i="6"/>
  <c r="H32" i="6"/>
  <c r="N31" i="6"/>
  <c r="K31" i="6"/>
  <c r="H31" i="6"/>
  <c r="N30" i="6"/>
  <c r="K30" i="6"/>
  <c r="H30" i="6"/>
  <c r="N29" i="6"/>
  <c r="K29" i="6"/>
  <c r="H29" i="6"/>
  <c r="N28" i="6"/>
  <c r="K28" i="6"/>
  <c r="H28" i="6"/>
  <c r="N27" i="6"/>
  <c r="K27" i="6"/>
  <c r="H27" i="6"/>
  <c r="N26" i="6"/>
  <c r="K26" i="6"/>
  <c r="H26" i="6"/>
  <c r="N25" i="6"/>
  <c r="K25" i="6"/>
  <c r="H25" i="6"/>
  <c r="N24" i="6"/>
  <c r="K24" i="6"/>
  <c r="H24" i="6"/>
  <c r="N23" i="6"/>
  <c r="K23" i="6"/>
  <c r="H23" i="6"/>
  <c r="N22" i="6"/>
  <c r="K22" i="6"/>
  <c r="H22" i="6"/>
  <c r="AN21" i="6"/>
  <c r="AM21" i="6"/>
  <c r="AL21" i="6"/>
  <c r="AK21" i="6"/>
  <c r="AJ21" i="6"/>
  <c r="AI21" i="6"/>
  <c r="AH21" i="6"/>
  <c r="AG21" i="6"/>
  <c r="AF21" i="6"/>
  <c r="AE21" i="6"/>
  <c r="AD21" i="6"/>
  <c r="AC21" i="6"/>
  <c r="AB21" i="6"/>
  <c r="AA21" i="6"/>
  <c r="Z21" i="6"/>
  <c r="Y21" i="6"/>
  <c r="X21" i="6"/>
  <c r="W21" i="6"/>
  <c r="V21" i="6"/>
  <c r="U21" i="6"/>
  <c r="T21" i="6"/>
  <c r="S21" i="6"/>
  <c r="R21" i="6"/>
  <c r="Q21" i="6"/>
  <c r="P21" i="6"/>
  <c r="M21" i="6"/>
  <c r="J21" i="6"/>
  <c r="G21" i="6"/>
  <c r="F21" i="6"/>
  <c r="N21" i="6" s="1"/>
  <c r="N20" i="6"/>
  <c r="K20" i="6"/>
  <c r="H20" i="6"/>
  <c r="N19" i="6"/>
  <c r="K19" i="6"/>
  <c r="H19" i="6"/>
  <c r="N18" i="6"/>
  <c r="K18" i="6"/>
  <c r="H18" i="6"/>
  <c r="N17" i="6"/>
  <c r="K17" i="6"/>
  <c r="H17" i="6"/>
  <c r="AN15" i="6"/>
  <c r="AN16" i="6"/>
  <c r="AM15" i="6"/>
  <c r="AM16" i="6"/>
  <c r="AL15" i="6"/>
  <c r="AL16" i="6"/>
  <c r="AK15" i="6"/>
  <c r="AK16" i="6"/>
  <c r="AJ15" i="6"/>
  <c r="AJ16" i="6"/>
  <c r="AI15" i="6"/>
  <c r="AI16" i="6"/>
  <c r="AH15" i="6"/>
  <c r="AH16" i="6"/>
  <c r="AG15" i="6"/>
  <c r="AG16" i="6"/>
  <c r="AF15" i="6"/>
  <c r="AF16" i="6"/>
  <c r="AE15" i="6"/>
  <c r="AE16" i="6" s="1"/>
  <c r="AD15" i="6"/>
  <c r="AD16" i="6" s="1"/>
  <c r="AC15" i="6"/>
  <c r="AC16" i="6"/>
  <c r="AB15" i="6"/>
  <c r="AB16" i="6"/>
  <c r="AA15" i="6"/>
  <c r="AA16" i="6"/>
  <c r="Z15" i="6"/>
  <c r="Z16" i="6"/>
  <c r="Y15" i="6"/>
  <c r="Y16" i="6"/>
  <c r="X15" i="6"/>
  <c r="X16" i="6"/>
  <c r="W15" i="6"/>
  <c r="W16" i="6"/>
  <c r="V15" i="6"/>
  <c r="V16" i="6"/>
  <c r="U15" i="6"/>
  <c r="U16" i="6"/>
  <c r="T15" i="6"/>
  <c r="T16" i="6"/>
  <c r="S15" i="6"/>
  <c r="S16" i="6"/>
  <c r="R15" i="6"/>
  <c r="R16" i="6"/>
  <c r="Q15" i="6"/>
  <c r="Q16" i="6"/>
  <c r="P15" i="6"/>
  <c r="P16" i="6"/>
  <c r="M15" i="6"/>
  <c r="J15" i="6"/>
  <c r="J16" i="6" s="1"/>
  <c r="K16" i="6" s="1"/>
  <c r="G15" i="6"/>
  <c r="F15" i="6"/>
  <c r="N14" i="6"/>
  <c r="K14" i="6"/>
  <c r="H14" i="6"/>
  <c r="N13" i="6"/>
  <c r="K13" i="6"/>
  <c r="H13" i="6"/>
  <c r="N12" i="6"/>
  <c r="K12" i="6"/>
  <c r="H12" i="6"/>
  <c r="N11" i="6"/>
  <c r="K11" i="6"/>
  <c r="H11" i="6"/>
  <c r="N10" i="6"/>
  <c r="K10" i="6"/>
  <c r="H10" i="6"/>
  <c r="F10" i="5"/>
  <c r="M12" i="1"/>
  <c r="M11" i="1"/>
  <c r="M10" i="1"/>
  <c r="M9" i="1"/>
  <c r="M8" i="1"/>
  <c r="M7" i="1"/>
  <c r="M6" i="1"/>
  <c r="M5" i="1"/>
  <c r="M233" i="6"/>
  <c r="M237" i="6" s="1"/>
  <c r="M303" i="6"/>
  <c r="W233" i="6"/>
  <c r="W237" i="6"/>
  <c r="AA233" i="6"/>
  <c r="AA237" i="6" s="1"/>
  <c r="AA303" i="6"/>
  <c r="AE233" i="6"/>
  <c r="AE237" i="6"/>
  <c r="AI233" i="6"/>
  <c r="AI237" i="6" s="1"/>
  <c r="AM233" i="6"/>
  <c r="AM237" i="6" s="1"/>
  <c r="AM303" i="6" s="1"/>
  <c r="F233" i="6"/>
  <c r="H233" i="6" s="1"/>
  <c r="P233" i="6"/>
  <c r="P237" i="6" s="1"/>
  <c r="P303" i="6"/>
  <c r="T233" i="6"/>
  <c r="T237" i="6"/>
  <c r="T303" i="6" s="1"/>
  <c r="X233" i="6"/>
  <c r="X237" i="6"/>
  <c r="X303" i="6" s="1"/>
  <c r="AB233" i="6"/>
  <c r="AB237" i="6" s="1"/>
  <c r="AB303" i="6"/>
  <c r="AF233" i="6"/>
  <c r="AF237" i="6"/>
  <c r="AF303" i="6" s="1"/>
  <c r="AJ233" i="6"/>
  <c r="AJ237" i="6" s="1"/>
  <c r="AJ303" i="6"/>
  <c r="AN233" i="6"/>
  <c r="AN237" i="6"/>
  <c r="AN303" i="6" s="1"/>
  <c r="G233" i="6"/>
  <c r="G237" i="6"/>
  <c r="Q237" i="6"/>
  <c r="U237" i="6"/>
  <c r="Y237" i="6"/>
  <c r="AC237" i="6"/>
  <c r="AC303" i="6" s="1"/>
  <c r="AC307" i="6" s="1"/>
  <c r="AG237" i="6"/>
  <c r="AK237" i="6"/>
  <c r="N53" i="6"/>
  <c r="Q81" i="6"/>
  <c r="Q85" i="6" s="1"/>
  <c r="U81" i="6"/>
  <c r="AG81" i="6"/>
  <c r="AK81" i="6"/>
  <c r="AK85" i="6" s="1"/>
  <c r="K100" i="6"/>
  <c r="N67" i="6"/>
  <c r="H67" i="6"/>
  <c r="K15" i="6"/>
  <c r="F16" i="6"/>
  <c r="K53" i="6"/>
  <c r="N45" i="6"/>
  <c r="H45" i="6"/>
  <c r="K67" i="6"/>
  <c r="G81" i="6"/>
  <c r="G85" i="6" s="1"/>
  <c r="Y81" i="6"/>
  <c r="Y85" i="6" s="1"/>
  <c r="H143" i="6"/>
  <c r="N143" i="6"/>
  <c r="AI303" i="6"/>
  <c r="S515" i="6"/>
  <c r="S635" i="6" s="1"/>
  <c r="S675" i="6"/>
  <c r="W515" i="6"/>
  <c r="AA515" i="6"/>
  <c r="AE515" i="6"/>
  <c r="AI515" i="6"/>
  <c r="AM515" i="6"/>
  <c r="AM635" i="6" s="1"/>
  <c r="AM675" i="6" s="1"/>
  <c r="N194" i="6"/>
  <c r="H194" i="6"/>
  <c r="K99" i="6"/>
  <c r="Q515" i="6"/>
  <c r="Q635" i="6" s="1"/>
  <c r="Q675" i="6" s="1"/>
  <c r="U515" i="6"/>
  <c r="U635" i="6"/>
  <c r="U675" i="6" s="1"/>
  <c r="K160" i="6"/>
  <c r="K180" i="6"/>
  <c r="J303" i="6"/>
  <c r="AD303" i="6"/>
  <c r="V515" i="6"/>
  <c r="V635" i="6"/>
  <c r="H213" i="6"/>
  <c r="N213" i="6"/>
  <c r="K252" i="6"/>
  <c r="K363" i="6"/>
  <c r="K434" i="6"/>
  <c r="K441" i="6"/>
  <c r="G673" i="6"/>
  <c r="J673" i="6"/>
  <c r="AB673" i="6"/>
  <c r="K298" i="6"/>
  <c r="F302" i="6"/>
  <c r="K342" i="6"/>
  <c r="F343" i="6"/>
  <c r="K350" i="6"/>
  <c r="G514" i="6"/>
  <c r="G515" i="6"/>
  <c r="G635" i="6" s="1"/>
  <c r="G675" i="6"/>
  <c r="M514" i="6"/>
  <c r="N628" i="6"/>
  <c r="H628" i="6"/>
  <c r="Q673" i="6"/>
  <c r="U673" i="6"/>
  <c r="Y673" i="6"/>
  <c r="AG673" i="6"/>
  <c r="AK673" i="6"/>
  <c r="P673" i="6"/>
  <c r="K213" i="6"/>
  <c r="N252" i="6"/>
  <c r="H363" i="6"/>
  <c r="H441" i="6"/>
  <c r="R673" i="6"/>
  <c r="V675" i="6"/>
  <c r="V673" i="6"/>
  <c r="AD673" i="6"/>
  <c r="AH673" i="6"/>
  <c r="AL673" i="6"/>
  <c r="AJ673" i="6"/>
  <c r="H298" i="6"/>
  <c r="H333" i="6"/>
  <c r="H342" i="6"/>
  <c r="H350" i="6"/>
  <c r="N662" i="6"/>
  <c r="H662" i="6"/>
  <c r="F672" i="6"/>
  <c r="N672" i="6" s="1"/>
  <c r="K662" i="6"/>
  <c r="S673" i="6"/>
  <c r="W673" i="6"/>
  <c r="AA673" i="6"/>
  <c r="AE673" i="6"/>
  <c r="AI673" i="6"/>
  <c r="AM673" i="6"/>
  <c r="X673" i="6"/>
  <c r="K535" i="6"/>
  <c r="H555" i="6"/>
  <c r="N555" i="6"/>
  <c r="K576" i="6"/>
  <c r="F577" i="6"/>
  <c r="K625" i="6"/>
  <c r="H535" i="6"/>
  <c r="H576" i="6"/>
  <c r="H625" i="6"/>
  <c r="N625" i="6"/>
  <c r="I13" i="1"/>
  <c r="N302" i="6"/>
  <c r="H343" i="6"/>
  <c r="G16" i="3"/>
  <c r="G15" i="3"/>
  <c r="G14" i="3"/>
  <c r="G12" i="3"/>
  <c r="G11" i="3"/>
  <c r="G5" i="3"/>
  <c r="G169" i="7"/>
  <c r="G168" i="7"/>
  <c r="G167" i="7"/>
  <c r="G166" i="7"/>
  <c r="G165" i="7"/>
  <c r="G164" i="7"/>
  <c r="G163" i="7"/>
  <c r="G162" i="7"/>
  <c r="G156" i="7"/>
  <c r="G155" i="7"/>
  <c r="G154" i="7"/>
  <c r="G153" i="7"/>
  <c r="G152" i="7"/>
  <c r="G151" i="7"/>
  <c r="G150" i="7"/>
  <c r="G149" i="7"/>
  <c r="G146" i="7"/>
  <c r="C10" i="3" s="1"/>
  <c r="G10" i="3" s="1"/>
  <c r="G136" i="7"/>
  <c r="C9" i="3" s="1"/>
  <c r="G9" i="3" s="1"/>
  <c r="G125" i="7"/>
  <c r="G124" i="7"/>
  <c r="G123" i="7"/>
  <c r="G122" i="7"/>
  <c r="G121" i="7"/>
  <c r="G120" i="7"/>
  <c r="G119" i="7"/>
  <c r="G126" i="7" s="1"/>
  <c r="G118" i="7"/>
  <c r="G115" i="7"/>
  <c r="C8" i="3" s="1"/>
  <c r="G105" i="7"/>
  <c r="G95" i="7"/>
  <c r="G84" i="7"/>
  <c r="G83" i="7"/>
  <c r="G82" i="7"/>
  <c r="G81" i="7"/>
  <c r="G80" i="7"/>
  <c r="G79" i="7"/>
  <c r="G78" i="7"/>
  <c r="G85" i="7" s="1"/>
  <c r="G77" i="7"/>
  <c r="G74" i="7"/>
  <c r="G64" i="7"/>
  <c r="G54" i="7"/>
  <c r="G43" i="7"/>
  <c r="G42" i="7"/>
  <c r="G41" i="7"/>
  <c r="G40" i="7"/>
  <c r="G39" i="7"/>
  <c r="G38" i="7"/>
  <c r="G37" i="7"/>
  <c r="G44" i="7" s="1"/>
  <c r="G36" i="7"/>
  <c r="G33" i="7"/>
  <c r="G23" i="7"/>
  <c r="G13" i="7"/>
  <c r="I22" i="7"/>
  <c r="I63" i="7" s="1"/>
  <c r="I51" i="7"/>
  <c r="K9" i="7"/>
  <c r="I50" i="7"/>
  <c r="I91" i="7" s="1"/>
  <c r="I49" i="7"/>
  <c r="I17" i="7"/>
  <c r="K17" i="7" s="1"/>
  <c r="K7" i="7"/>
  <c r="K12" i="7"/>
  <c r="K8" i="7"/>
  <c r="I15" i="7"/>
  <c r="I19" i="7"/>
  <c r="I60" i="7"/>
  <c r="K60" i="7"/>
  <c r="I18" i="7"/>
  <c r="I20" i="7"/>
  <c r="I61" i="7" s="1"/>
  <c r="K91" i="7"/>
  <c r="K10" i="7"/>
  <c r="I59" i="7"/>
  <c r="I102" i="7"/>
  <c r="F673" i="6"/>
  <c r="K672" i="6"/>
  <c r="H672" i="6"/>
  <c r="K650" i="6"/>
  <c r="N650" i="6"/>
  <c r="H650" i="6"/>
  <c r="AN673" i="6"/>
  <c r="I132" i="7"/>
  <c r="K50" i="7"/>
  <c r="I32" i="7"/>
  <c r="G157" i="7"/>
  <c r="N15" i="6"/>
  <c r="M16" i="6"/>
  <c r="M673" i="6"/>
  <c r="AC673" i="6"/>
  <c r="I43" i="7"/>
  <c r="K59" i="7"/>
  <c r="I100" i="7"/>
  <c r="H577" i="6"/>
  <c r="K577" i="6"/>
  <c r="N577" i="6"/>
  <c r="Z673" i="6"/>
  <c r="AF673" i="6"/>
  <c r="K22" i="7"/>
  <c r="K61" i="7"/>
  <c r="K18" i="7"/>
  <c r="I28" i="7"/>
  <c r="I47" i="7"/>
  <c r="K6" i="7"/>
  <c r="I16" i="7"/>
  <c r="K11" i="7"/>
  <c r="I21" i="7"/>
  <c r="I52" i="7"/>
  <c r="I93" i="7" s="1"/>
  <c r="K245" i="6"/>
  <c r="H245" i="6"/>
  <c r="N245" i="6"/>
  <c r="AG85" i="6"/>
  <c r="AG162" i="6" s="1"/>
  <c r="K233" i="6"/>
  <c r="N233" i="6"/>
  <c r="F237" i="6"/>
  <c r="AL303" i="6"/>
  <c r="Q303" i="6"/>
  <c r="U303" i="6"/>
  <c r="Y303" i="6"/>
  <c r="AK303" i="6"/>
  <c r="F514" i="6"/>
  <c r="N514" i="6" s="1"/>
  <c r="H513" i="6"/>
  <c r="N513" i="6"/>
  <c r="K513" i="6"/>
  <c r="AL515" i="6"/>
  <c r="AL635" i="6" s="1"/>
  <c r="AL675" i="6" s="1"/>
  <c r="K20" i="7"/>
  <c r="AB307" i="6"/>
  <c r="H15" i="6"/>
  <c r="G16" i="6"/>
  <c r="H16" i="6"/>
  <c r="H21" i="6"/>
  <c r="K21" i="6"/>
  <c r="Y162" i="6"/>
  <c r="J343" i="6"/>
  <c r="K343" i="6" s="1"/>
  <c r="K333" i="6"/>
  <c r="I53" i="7"/>
  <c r="I94" i="7" s="1"/>
  <c r="K94" i="7" s="1"/>
  <c r="U85" i="6"/>
  <c r="H80" i="6"/>
  <c r="K80" i="6"/>
  <c r="N80" i="6"/>
  <c r="F81" i="6"/>
  <c r="AF162" i="6"/>
  <c r="AF307" i="6"/>
  <c r="AI307" i="6"/>
  <c r="J161" i="6"/>
  <c r="K143" i="6"/>
  <c r="K628" i="6"/>
  <c r="F629" i="6"/>
  <c r="AE85" i="6"/>
  <c r="AE162" i="6" s="1"/>
  <c r="AM85" i="6"/>
  <c r="AM162" i="6" s="1"/>
  <c r="V161" i="6"/>
  <c r="AD161" i="6"/>
  <c r="AD162" i="6" s="1"/>
  <c r="AL161" i="6"/>
  <c r="AL162" i="6" s="1"/>
  <c r="AL307" i="6" s="1"/>
  <c r="AL677" i="6" s="1"/>
  <c r="W85" i="6"/>
  <c r="W162" i="6"/>
  <c r="W307" i="6"/>
  <c r="G161" i="6"/>
  <c r="R161" i="6"/>
  <c r="Z161" i="6"/>
  <c r="Z162" i="6" s="1"/>
  <c r="AH161" i="6"/>
  <c r="AB515" i="6"/>
  <c r="AA85" i="6"/>
  <c r="H160" i="6"/>
  <c r="K206" i="6"/>
  <c r="AH233" i="6"/>
  <c r="AH237" i="6"/>
  <c r="AH303" i="6"/>
  <c r="T515" i="6"/>
  <c r="AA629" i="6"/>
  <c r="AA635" i="6"/>
  <c r="AA675" i="6" s="1"/>
  <c r="Z233" i="6"/>
  <c r="Z237" i="6"/>
  <c r="Z303" i="6" s="1"/>
  <c r="Z307" i="6" s="1"/>
  <c r="AH343" i="6"/>
  <c r="AH515" i="6"/>
  <c r="R233" i="6"/>
  <c r="R237" i="6" s="1"/>
  <c r="R303" i="6" s="1"/>
  <c r="P343" i="6"/>
  <c r="P515" i="6" s="1"/>
  <c r="X343" i="6"/>
  <c r="X515" i="6" s="1"/>
  <c r="AF343" i="6"/>
  <c r="AF515" i="6" s="1"/>
  <c r="AN343" i="6"/>
  <c r="AN515" i="6" s="1"/>
  <c r="H529" i="6"/>
  <c r="K237" i="6"/>
  <c r="N237" i="6"/>
  <c r="K52" i="7"/>
  <c r="K83" i="7" s="1"/>
  <c r="I62" i="7"/>
  <c r="I31" i="7"/>
  <c r="I42" i="7" s="1"/>
  <c r="K21" i="7"/>
  <c r="K28" i="7"/>
  <c r="K39" i="7" s="1"/>
  <c r="I69" i="7"/>
  <c r="I39" i="7"/>
  <c r="I141" i="7"/>
  <c r="K141" i="7" s="1"/>
  <c r="K100" i="7"/>
  <c r="M162" i="6"/>
  <c r="N16" i="6"/>
  <c r="K673" i="6"/>
  <c r="H673" i="6"/>
  <c r="N673" i="6"/>
  <c r="H629" i="6"/>
  <c r="K629" i="6"/>
  <c r="K53" i="7"/>
  <c r="K84" i="7" s="1"/>
  <c r="J515" i="6"/>
  <c r="J635" i="6" s="1"/>
  <c r="Y307" i="6"/>
  <c r="K47" i="7"/>
  <c r="I88" i="7"/>
  <c r="I129" i="7" s="1"/>
  <c r="F85" i="6"/>
  <c r="N81" i="6"/>
  <c r="H81" i="6"/>
  <c r="K81" i="6"/>
  <c r="I26" i="7"/>
  <c r="K16" i="7"/>
  <c r="K163" i="7" s="1"/>
  <c r="I57" i="7"/>
  <c r="K57" i="7" s="1"/>
  <c r="K78" i="7" s="1"/>
  <c r="K63" i="7"/>
  <c r="I104" i="7"/>
  <c r="I145" i="7" s="1"/>
  <c r="K145" i="7" s="1"/>
  <c r="H161" i="6"/>
  <c r="J162" i="6"/>
  <c r="J307" i="6" s="1"/>
  <c r="K161" i="6"/>
  <c r="K514" i="6"/>
  <c r="H514" i="6"/>
  <c r="F515" i="6"/>
  <c r="H515" i="6" s="1"/>
  <c r="F303" i="6"/>
  <c r="K303" i="6" s="1"/>
  <c r="I73" i="7"/>
  <c r="K32" i="7"/>
  <c r="K43" i="7" s="1"/>
  <c r="K132" i="7"/>
  <c r="K88" i="7"/>
  <c r="I134" i="7"/>
  <c r="I155" i="7" s="1"/>
  <c r="K93" i="7"/>
  <c r="K104" i="7"/>
  <c r="I98" i="7"/>
  <c r="K26" i="7"/>
  <c r="K37" i="7" s="1"/>
  <c r="I67" i="7"/>
  <c r="F162" i="6"/>
  <c r="K162" i="6" s="1"/>
  <c r="H85" i="6"/>
  <c r="N85" i="6"/>
  <c r="K85" i="6"/>
  <c r="I110" i="7"/>
  <c r="I80" i="7"/>
  <c r="K69" i="7"/>
  <c r="I72" i="7"/>
  <c r="I168" i="7" s="1"/>
  <c r="K31" i="7"/>
  <c r="K73" i="7"/>
  <c r="I114" i="7"/>
  <c r="K114" i="7" s="1"/>
  <c r="F635" i="6"/>
  <c r="K515" i="6"/>
  <c r="I78" i="7"/>
  <c r="I84" i="7"/>
  <c r="K62" i="7"/>
  <c r="I103" i="7"/>
  <c r="I37" i="7"/>
  <c r="I144" i="7"/>
  <c r="K144" i="7" s="1"/>
  <c r="K103" i="7"/>
  <c r="K72" i="7"/>
  <c r="I113" i="7"/>
  <c r="K113" i="7"/>
  <c r="K124" i="7" s="1"/>
  <c r="I83" i="7"/>
  <c r="K67" i="7"/>
  <c r="I108" i="7"/>
  <c r="I139" i="7"/>
  <c r="K98" i="7"/>
  <c r="H635" i="6"/>
  <c r="F675" i="6"/>
  <c r="H675" i="6" s="1"/>
  <c r="I124" i="7"/>
  <c r="I119" i="7"/>
  <c r="K110" i="7"/>
  <c r="K129" i="7"/>
  <c r="K150" i="7" s="1"/>
  <c r="I150" i="7"/>
  <c r="K42" i="7"/>
  <c r="K139" i="7"/>
  <c r="K108" i="7"/>
  <c r="I163" i="7"/>
  <c r="K119" i="7"/>
  <c r="J675" i="6" l="1"/>
  <c r="K635" i="6"/>
  <c r="K125" i="7"/>
  <c r="V162" i="6"/>
  <c r="V307" i="6" s="1"/>
  <c r="V677" i="6" s="1"/>
  <c r="I143" i="7"/>
  <c r="K143" i="7" s="1"/>
  <c r="K102" i="7"/>
  <c r="I25" i="7"/>
  <c r="I56" i="7"/>
  <c r="I23" i="7"/>
  <c r="K15" i="7"/>
  <c r="AD307" i="6"/>
  <c r="G100" i="6"/>
  <c r="H100" i="6" s="1"/>
  <c r="G162" i="6"/>
  <c r="H162" i="6" s="1"/>
  <c r="H99" i="6"/>
  <c r="U100" i="6"/>
  <c r="U162" i="6"/>
  <c r="U307" i="6" s="1"/>
  <c r="U677" i="6" s="1"/>
  <c r="S162" i="6"/>
  <c r="AA162" i="6"/>
  <c r="P635" i="6"/>
  <c r="P675" i="6" s="1"/>
  <c r="G303" i="6"/>
  <c r="G307" i="6" s="1"/>
  <c r="G677" i="6" s="1"/>
  <c r="H237" i="6"/>
  <c r="I135" i="7"/>
  <c r="I169" i="7" s="1"/>
  <c r="AB635" i="6"/>
  <c r="AB675" i="6" s="1"/>
  <c r="AB677" i="6" s="1"/>
  <c r="AM307" i="6"/>
  <c r="AM677" i="6" s="1"/>
  <c r="AA307" i="6"/>
  <c r="AA677" i="6" s="1"/>
  <c r="M307" i="6"/>
  <c r="N303" i="6"/>
  <c r="W677" i="6"/>
  <c r="N162" i="6"/>
  <c r="K134" i="7"/>
  <c r="K155" i="7" s="1"/>
  <c r="H303" i="6"/>
  <c r="I125" i="7"/>
  <c r="I46" i="7"/>
  <c r="K5" i="7"/>
  <c r="I36" i="7"/>
  <c r="I13" i="7"/>
  <c r="K49" i="7"/>
  <c r="K80" i="7" s="1"/>
  <c r="I90" i="7"/>
  <c r="K51" i="7"/>
  <c r="I92" i="7"/>
  <c r="I101" i="7"/>
  <c r="AH81" i="6"/>
  <c r="AH85" i="6" s="1"/>
  <c r="AH162" i="6" s="1"/>
  <c r="AH307" i="6" s="1"/>
  <c r="AH677" i="6" s="1"/>
  <c r="N99" i="6"/>
  <c r="M100" i="6"/>
  <c r="N100" i="6" s="1"/>
  <c r="F181" i="6"/>
  <c r="N180" i="6"/>
  <c r="H180" i="6"/>
  <c r="AJ162" i="6"/>
  <c r="AJ307" i="6" s="1"/>
  <c r="Q162" i="6"/>
  <c r="P161" i="6"/>
  <c r="P162" i="6" s="1"/>
  <c r="P307" i="6" s="1"/>
  <c r="P677" i="6" s="1"/>
  <c r="AN162" i="6"/>
  <c r="AN307" i="6" s="1"/>
  <c r="S307" i="6"/>
  <c r="S677" i="6" s="1"/>
  <c r="Q307" i="6"/>
  <c r="Q677" i="6" s="1"/>
  <c r="I30" i="7"/>
  <c r="I58" i="7"/>
  <c r="I29" i="7"/>
  <c r="K19" i="7"/>
  <c r="I27" i="7"/>
  <c r="G170" i="7"/>
  <c r="K302" i="6"/>
  <c r="H302" i="6"/>
  <c r="M13" i="1"/>
  <c r="R85" i="6"/>
  <c r="R162" i="6" s="1"/>
  <c r="R307" i="6" s="1"/>
  <c r="R677" i="6" s="1"/>
  <c r="V81" i="6"/>
  <c r="V85" i="6" s="1"/>
  <c r="X161" i="6"/>
  <c r="X162" i="6" s="1"/>
  <c r="X307" i="6" s="1"/>
  <c r="X677" i="6" s="1"/>
  <c r="AK161" i="6"/>
  <c r="AK162" i="6" s="1"/>
  <c r="AK307" i="6" s="1"/>
  <c r="C26" i="3"/>
  <c r="C28" i="3" s="1"/>
  <c r="E11" i="8" s="1"/>
  <c r="I11" i="8" s="1"/>
  <c r="G8" i="3"/>
  <c r="G22" i="3" s="1"/>
  <c r="G24" i="3" s="1"/>
  <c r="N206" i="6"/>
  <c r="H206" i="6"/>
  <c r="N333" i="6"/>
  <c r="M343" i="6"/>
  <c r="M515" i="6" s="1"/>
  <c r="AK343" i="6"/>
  <c r="AK515" i="6" s="1"/>
  <c r="AK635" i="6" s="1"/>
  <c r="AK675" i="6" s="1"/>
  <c r="N600" i="6"/>
  <c r="H600" i="6"/>
  <c r="K600" i="6"/>
  <c r="P629" i="6"/>
  <c r="X629" i="6"/>
  <c r="X635" i="6" s="1"/>
  <c r="X675" i="6" s="1"/>
  <c r="AJ629" i="6"/>
  <c r="AJ635" i="6" s="1"/>
  <c r="AJ675" i="6" s="1"/>
  <c r="AN629" i="6"/>
  <c r="AN635" i="6" s="1"/>
  <c r="AN675" i="6" s="1"/>
  <c r="H434" i="6"/>
  <c r="N434" i="6"/>
  <c r="T629" i="6"/>
  <c r="T635" i="6" s="1"/>
  <c r="T675" i="6" s="1"/>
  <c r="T677" i="6" s="1"/>
  <c r="AB629" i="6"/>
  <c r="AF629" i="6"/>
  <c r="AF635" i="6" s="1"/>
  <c r="AF675" i="6" s="1"/>
  <c r="AF677" i="6" s="1"/>
  <c r="I48" i="7"/>
  <c r="AG515" i="6"/>
  <c r="AG635" i="6" s="1"/>
  <c r="AD629" i="6"/>
  <c r="AH629" i="6"/>
  <c r="AH635" i="6" s="1"/>
  <c r="AH675" i="6" s="1"/>
  <c r="AG675" i="6"/>
  <c r="AG303" i="6"/>
  <c r="AG307" i="6" s="1"/>
  <c r="Y343" i="6"/>
  <c r="Y515" i="6" s="1"/>
  <c r="Y635" i="6" s="1"/>
  <c r="Y675" i="6" s="1"/>
  <c r="Y677" i="6" s="1"/>
  <c r="AC343" i="6"/>
  <c r="AC515" i="6" s="1"/>
  <c r="AC635" i="6" s="1"/>
  <c r="AC675" i="6" s="1"/>
  <c r="AC677" i="6" s="1"/>
  <c r="R515" i="6"/>
  <c r="R635" i="6" s="1"/>
  <c r="R675" i="6" s="1"/>
  <c r="Z515" i="6"/>
  <c r="Z635" i="6" s="1"/>
  <c r="Z675" i="6" s="1"/>
  <c r="Z677" i="6" s="1"/>
  <c r="AD515" i="6"/>
  <c r="AD635" i="6" s="1"/>
  <c r="AD675" i="6" s="1"/>
  <c r="AE629" i="6"/>
  <c r="AE635" i="6" s="1"/>
  <c r="AE675" i="6" s="1"/>
  <c r="AE677" i="6" s="1"/>
  <c r="M629" i="6"/>
  <c r="N629" i="6" s="1"/>
  <c r="W629" i="6"/>
  <c r="W635" i="6" s="1"/>
  <c r="W675" i="6" s="1"/>
  <c r="AI629" i="6"/>
  <c r="AI635" i="6" s="1"/>
  <c r="AI675" i="6" s="1"/>
  <c r="AI677" i="6" s="1"/>
  <c r="AJ677" i="6" l="1"/>
  <c r="K25" i="7"/>
  <c r="K33" i="7" s="1"/>
  <c r="I66" i="7"/>
  <c r="I33" i="7"/>
  <c r="AG677" i="6"/>
  <c r="AK677" i="6"/>
  <c r="I99" i="7"/>
  <c r="K58" i="7"/>
  <c r="AN677" i="6"/>
  <c r="K90" i="7"/>
  <c r="I121" i="7"/>
  <c r="I131" i="7"/>
  <c r="I165" i="7"/>
  <c r="K13" i="7"/>
  <c r="K23" i="7"/>
  <c r="K29" i="7"/>
  <c r="I40" i="7"/>
  <c r="I70" i="7"/>
  <c r="I142" i="7"/>
  <c r="K101" i="7"/>
  <c r="I68" i="7"/>
  <c r="I79" i="7" s="1"/>
  <c r="I38" i="7"/>
  <c r="I44" i="7" s="1"/>
  <c r="K27" i="7"/>
  <c r="I71" i="7"/>
  <c r="I41" i="7"/>
  <c r="K30" i="7"/>
  <c r="I133" i="7"/>
  <c r="K92" i="7"/>
  <c r="I87" i="7"/>
  <c r="I54" i="7"/>
  <c r="K46" i="7"/>
  <c r="I77" i="7"/>
  <c r="K135" i="7"/>
  <c r="I156" i="7"/>
  <c r="J677" i="6"/>
  <c r="K675" i="6"/>
  <c r="AD677" i="6"/>
  <c r="K48" i="7"/>
  <c r="I89" i="7"/>
  <c r="M635" i="6"/>
  <c r="N515" i="6"/>
  <c r="K40" i="7"/>
  <c r="F185" i="6"/>
  <c r="H181" i="6"/>
  <c r="K181" i="6"/>
  <c r="N181" i="6"/>
  <c r="K168" i="7"/>
  <c r="N343" i="6"/>
  <c r="K56" i="7"/>
  <c r="K64" i="7" s="1"/>
  <c r="I97" i="7"/>
  <c r="I64" i="7"/>
  <c r="H185" i="6" l="1"/>
  <c r="K185" i="6"/>
  <c r="N185" i="6"/>
  <c r="F195" i="6"/>
  <c r="K54" i="7"/>
  <c r="K142" i="7"/>
  <c r="K153" i="7" s="1"/>
  <c r="I153" i="7"/>
  <c r="K121" i="7"/>
  <c r="K66" i="7"/>
  <c r="K74" i="7" s="1"/>
  <c r="I74" i="7"/>
  <c r="I107" i="7"/>
  <c r="M675" i="6"/>
  <c r="N635" i="6"/>
  <c r="I154" i="7"/>
  <c r="K133" i="7"/>
  <c r="K154" i="7" s="1"/>
  <c r="K68" i="7"/>
  <c r="I109" i="7"/>
  <c r="K109" i="7" s="1"/>
  <c r="I130" i="7"/>
  <c r="K89" i="7"/>
  <c r="K156" i="7"/>
  <c r="K169" i="7"/>
  <c r="I118" i="7"/>
  <c r="K87" i="7"/>
  <c r="I95" i="7"/>
  <c r="I128" i="7"/>
  <c r="K38" i="7"/>
  <c r="I111" i="7"/>
  <c r="K70" i="7"/>
  <c r="I81" i="7"/>
  <c r="K131" i="7"/>
  <c r="K152" i="7" s="1"/>
  <c r="I152" i="7"/>
  <c r="I162" i="7"/>
  <c r="K97" i="7"/>
  <c r="I105" i="7"/>
  <c r="I138" i="7"/>
  <c r="K71" i="7"/>
  <c r="K82" i="7" s="1"/>
  <c r="I112" i="7"/>
  <c r="I82" i="7"/>
  <c r="I85" i="7" s="1"/>
  <c r="K79" i="7"/>
  <c r="K41" i="7"/>
  <c r="K36" i="7"/>
  <c r="K44" i="7" s="1"/>
  <c r="I140" i="7"/>
  <c r="K140" i="7" s="1"/>
  <c r="K99" i="7"/>
  <c r="K111" i="7" l="1"/>
  <c r="K122" i="7" s="1"/>
  <c r="I122" i="7"/>
  <c r="I126" i="7" s="1"/>
  <c r="I166" i="7"/>
  <c r="K112" i="7"/>
  <c r="I123" i="7"/>
  <c r="K105" i="7"/>
  <c r="K95" i="7"/>
  <c r="K120" i="7"/>
  <c r="N675" i="6"/>
  <c r="M677" i="6"/>
  <c r="K165" i="7"/>
  <c r="K77" i="7"/>
  <c r="K85" i="7" s="1"/>
  <c r="I120" i="7"/>
  <c r="I115" i="7"/>
  <c r="K107" i="7"/>
  <c r="K115" i="7" s="1"/>
  <c r="I164" i="7"/>
  <c r="I170" i="7" s="1"/>
  <c r="K138" i="7"/>
  <c r="K146" i="7" s="1"/>
  <c r="I146" i="7"/>
  <c r="K81" i="7"/>
  <c r="K166" i="7"/>
  <c r="I136" i="7"/>
  <c r="K128" i="7"/>
  <c r="I149" i="7"/>
  <c r="I157" i="7" s="1"/>
  <c r="K130" i="7"/>
  <c r="K151" i="7" s="1"/>
  <c r="I151" i="7"/>
  <c r="H195" i="6"/>
  <c r="N195" i="6"/>
  <c r="K195" i="6"/>
  <c r="F307" i="6"/>
  <c r="I167" i="7"/>
  <c r="K162" i="7" l="1"/>
  <c r="K118" i="7"/>
  <c r="K149" i="7"/>
  <c r="K157" i="7" s="1"/>
  <c r="K136" i="7"/>
  <c r="H307" i="6"/>
  <c r="K307" i="6"/>
  <c r="N307" i="6"/>
  <c r="F677" i="6"/>
  <c r="K167" i="7"/>
  <c r="K123" i="7"/>
  <c r="K164" i="7"/>
  <c r="H677" i="6" l="1"/>
  <c r="N677" i="6"/>
  <c r="K677" i="6"/>
  <c r="K126" i="7"/>
  <c r="K170" i="7"/>
</calcChain>
</file>

<file path=xl/sharedStrings.xml><?xml version="1.0" encoding="utf-8"?>
<sst xmlns="http://schemas.openxmlformats.org/spreadsheetml/2006/main" count="2664" uniqueCount="1610">
  <si>
    <t>ACCOUNT RECONCILIATION</t>
  </si>
  <si>
    <t>Debit</t>
  </si>
  <si>
    <t xml:space="preserve"> </t>
  </si>
  <si>
    <t>Month</t>
  </si>
  <si>
    <t>Total</t>
  </si>
  <si>
    <t>Unit</t>
  </si>
  <si>
    <t>Journal ID</t>
  </si>
  <si>
    <t>Date</t>
  </si>
  <si>
    <t>Dept</t>
  </si>
  <si>
    <t>Account</t>
  </si>
  <si>
    <t>Sum Amount</t>
  </si>
  <si>
    <t>Line Descr</t>
  </si>
  <si>
    <t>Affiliate</t>
  </si>
  <si>
    <t>Project</t>
  </si>
  <si>
    <t>PC Bus Unit</t>
  </si>
  <si>
    <t>W/O</t>
  </si>
  <si>
    <t>Cost Comp</t>
  </si>
  <si>
    <t>ABM Act</t>
  </si>
  <si>
    <t>User</t>
  </si>
  <si>
    <t>Product</t>
  </si>
  <si>
    <t>99990</t>
  </si>
  <si>
    <t/>
  </si>
  <si>
    <t>999</t>
  </si>
  <si>
    <t>974</t>
  </si>
  <si>
    <t>S998569</t>
  </si>
  <si>
    <t>%,LACTUALS,SBAL</t>
  </si>
  <si>
    <t>%,ATT,FDESCR,UDESCR</t>
  </si>
  <si>
    <t>%,C</t>
  </si>
  <si>
    <t>%,LACTUALS,SADJBAL-1YR</t>
  </si>
  <si>
    <t>$</t>
  </si>
  <si>
    <t>%,V1010001</t>
  </si>
  <si>
    <t>1010001</t>
  </si>
  <si>
    <t>Plant in Service</t>
  </si>
  <si>
    <t>%,V1011001</t>
  </si>
  <si>
    <t>1011001</t>
  </si>
  <si>
    <t>Capital Leases</t>
  </si>
  <si>
    <t>%,V1050001</t>
  </si>
  <si>
    <t>1050001</t>
  </si>
  <si>
    <t>Held For Fut Use</t>
  </si>
  <si>
    <t>%,V1060001</t>
  </si>
  <si>
    <t>1060001</t>
  </si>
  <si>
    <t>Const Not Classifd</t>
  </si>
  <si>
    <t>%,V1011012</t>
  </si>
  <si>
    <t>1011012</t>
  </si>
  <si>
    <t>Accrued Capital Leases</t>
  </si>
  <si>
    <t>%,V1070001</t>
  </si>
  <si>
    <t>1070001</t>
  </si>
  <si>
    <t>CWIP - Project</t>
  </si>
  <si>
    <t>%,V1011006</t>
  </si>
  <si>
    <t>1011006</t>
  </si>
  <si>
    <t>Prov-Leased Assets</t>
  </si>
  <si>
    <t>%,V1080001</t>
  </si>
  <si>
    <t>1080001</t>
  </si>
  <si>
    <t>A/P for Deprec of Plt</t>
  </si>
  <si>
    <t>%,V1080005</t>
  </si>
  <si>
    <t>1080005</t>
  </si>
  <si>
    <t>RWIP - Project Detail</t>
  </si>
  <si>
    <t>%,V1080011</t>
  </si>
  <si>
    <t>1080011</t>
  </si>
  <si>
    <t>Cost of Removal Reserve</t>
  </si>
  <si>
    <t>%,V1080013</t>
  </si>
  <si>
    <t>1080013</t>
  </si>
  <si>
    <t>ARO Removal Deprec - Accretion</t>
  </si>
  <si>
    <t>%,V1110001</t>
  </si>
  <si>
    <t>1110001</t>
  </si>
  <si>
    <t>A/P for Amort of Plt</t>
  </si>
  <si>
    <t>%,V1290001</t>
  </si>
  <si>
    <t>1290001</t>
  </si>
  <si>
    <t>Non-UMWA PRW Funded Position</t>
  </si>
  <si>
    <t>%,V1290002</t>
  </si>
  <si>
    <t>1290002</t>
  </si>
  <si>
    <t>SFAS 106 - Non-UMWA PRW</t>
  </si>
  <si>
    <t>%,V1750002</t>
  </si>
  <si>
    <t>1750002</t>
  </si>
  <si>
    <t>Long-Term Unreal Gns - Non Aff</t>
  </si>
  <si>
    <t>%,V1340051</t>
  </si>
  <si>
    <t>1340051</t>
  </si>
  <si>
    <t>Spec Depost RBC</t>
  </si>
  <si>
    <t>%,V1420102</t>
  </si>
  <si>
    <t>1420102</t>
  </si>
  <si>
    <t>AR Peoplesoft Billing - Cust</t>
  </si>
  <si>
    <t>%,V1430022</t>
  </si>
  <si>
    <t>1430022</t>
  </si>
  <si>
    <t>2001 Employee Biweekly Pay Cnv</t>
  </si>
  <si>
    <t>%,V1430083</t>
  </si>
  <si>
    <t>1430083</t>
  </si>
  <si>
    <t>Damage Recovery Offset Demand</t>
  </si>
  <si>
    <t>%,V1430102</t>
  </si>
  <si>
    <t>1430102</t>
  </si>
  <si>
    <t>AR Peoplesoft Billing - Misc</t>
  </si>
  <si>
    <t>%,V1440002</t>
  </si>
  <si>
    <t>1440002</t>
  </si>
  <si>
    <t>Uncoll Accts-Other Receivables</t>
  </si>
  <si>
    <t>%,V1460001</t>
  </si>
  <si>
    <t>1460001</t>
  </si>
  <si>
    <t>A/R Assoc Co - InterUnit G/L</t>
  </si>
  <si>
    <t>%,V1460006</t>
  </si>
  <si>
    <t>1460006</t>
  </si>
  <si>
    <t>A/R Assoc Co - Intercompany</t>
  </si>
  <si>
    <t>%,V1460009</t>
  </si>
  <si>
    <t>1460009</t>
  </si>
  <si>
    <t>A/R Assoc Co - InterUnit A/P</t>
  </si>
  <si>
    <t>%,V1540001</t>
  </si>
  <si>
    <t>1540001</t>
  </si>
  <si>
    <t>M&amp;S - Regular</t>
  </si>
  <si>
    <t>%,V1730000</t>
  </si>
  <si>
    <t>1730000</t>
  </si>
  <si>
    <t>Accrued Utility Revenues</t>
  </si>
  <si>
    <t>%,V1650001</t>
  </si>
  <si>
    <t>1650001</t>
  </si>
  <si>
    <t>Prepaid Insurance</t>
  </si>
  <si>
    <t>%,V1650010</t>
  </si>
  <si>
    <t>1650010</t>
  </si>
  <si>
    <t>Prepaid Pension Benefits</t>
  </si>
  <si>
    <t>%,V1650014</t>
  </si>
  <si>
    <t>1650014</t>
  </si>
  <si>
    <t>FAS 158 Qual Contra Asset</t>
  </si>
  <si>
    <t>%,V1650021</t>
  </si>
  <si>
    <t>1650021</t>
  </si>
  <si>
    <t>Prepaid Insurance - EIS</t>
  </si>
  <si>
    <t>%,V1650035</t>
  </si>
  <si>
    <t>1650035</t>
  </si>
  <si>
    <t>PRW Without MED-D Benefits</t>
  </si>
  <si>
    <t>%,V1650036</t>
  </si>
  <si>
    <t>1650036</t>
  </si>
  <si>
    <t>PRW for Med-D Benefits</t>
  </si>
  <si>
    <t>%,V1650037</t>
  </si>
  <si>
    <t>1650037</t>
  </si>
  <si>
    <t>FAS158 Contra-PRW Exclud Med-D</t>
  </si>
  <si>
    <t>%,V1340048</t>
  </si>
  <si>
    <t>1340048</t>
  </si>
  <si>
    <t>Spec Deposits-Trading Contra</t>
  </si>
  <si>
    <t>%,V1823007</t>
  </si>
  <si>
    <t>1823007</t>
  </si>
  <si>
    <t>SFAS 112 Postemployment Benef</t>
  </si>
  <si>
    <t>%,V1823077</t>
  </si>
  <si>
    <t>1823077</t>
  </si>
  <si>
    <t>Unreal Loss on Fwd Commitments</t>
  </si>
  <si>
    <t>Asset Retirement Obligations</t>
  </si>
  <si>
    <t>%,V1823165</t>
  </si>
  <si>
    <t>1823165</t>
  </si>
  <si>
    <t>REG ASSET FAS 158 QUAL PLAN</t>
  </si>
  <si>
    <t>%,V1823166</t>
  </si>
  <si>
    <t>1823166</t>
  </si>
  <si>
    <t>REG ASSET FAS 158 OPEB PLAN</t>
  </si>
  <si>
    <t>%,V1823167</t>
  </si>
  <si>
    <t>1823167</t>
  </si>
  <si>
    <t>REG Asset FAS 158 SERP Plan</t>
  </si>
  <si>
    <t>%,V1823299</t>
  </si>
  <si>
    <t>1823299</t>
  </si>
  <si>
    <t>SFAS 106 Medicare Subsidy</t>
  </si>
  <si>
    <t>%,V1823301</t>
  </si>
  <si>
    <t>1823301</t>
  </si>
  <si>
    <t>SFAS 109 Flow Thru Defd FIT</t>
  </si>
  <si>
    <t>%,V1823302</t>
  </si>
  <si>
    <t>1823302</t>
  </si>
  <si>
    <t>SFAS 109 Flow Thru Defrd SIT</t>
  </si>
  <si>
    <t>%,V1890004</t>
  </si>
  <si>
    <t>1890004</t>
  </si>
  <si>
    <t>Loss Rec Debt-Debentures</t>
  </si>
  <si>
    <t>%,V1810003</t>
  </si>
  <si>
    <t>1810003</t>
  </si>
  <si>
    <t>Unamort Debt Exp Notes Payable</t>
  </si>
  <si>
    <t>%,V1810006</t>
  </si>
  <si>
    <t>1810006</t>
  </si>
  <si>
    <t>Unamort Debt Exp - Sr Unsec Nt</t>
  </si>
  <si>
    <t>%,V1830000</t>
  </si>
  <si>
    <t>1830000</t>
  </si>
  <si>
    <t>Prelimin Surv&amp;Investgtn Chrgs</t>
  </si>
  <si>
    <t>Allowances</t>
  </si>
  <si>
    <t>Deferred Property Taxes</t>
  </si>
  <si>
    <t>%,V186000314</t>
  </si>
  <si>
    <t>186000314</t>
  </si>
  <si>
    <t>Defd Property Tax - Cap Leases</t>
  </si>
  <si>
    <t>%,V186008115</t>
  </si>
  <si>
    <t>186008115</t>
  </si>
  <si>
    <t>%,V1900015</t>
  </si>
  <si>
    <t>1900015</t>
  </si>
  <si>
    <t>ADIT-Fed-Hdg-CF-Int Rate</t>
  </si>
  <si>
    <t>%,V1901001</t>
  </si>
  <si>
    <t>1901001</t>
  </si>
  <si>
    <t>Accum Deferred FIT - Other</t>
  </si>
  <si>
    <t>%,V1902001</t>
  </si>
  <si>
    <t>1902001</t>
  </si>
  <si>
    <t>Accum Defd FIT - Oth Inc &amp; Ded</t>
  </si>
  <si>
    <t>%,V1903001</t>
  </si>
  <si>
    <t>1903001</t>
  </si>
  <si>
    <t>Acc Dfd FIT - FAS109 Flow Thru</t>
  </si>
  <si>
    <t>%,V1904001</t>
  </si>
  <si>
    <t>1904001</t>
  </si>
  <si>
    <t>Accum Dfd FIT - FAS 109 Excess</t>
  </si>
  <si>
    <t>%,V2010001</t>
  </si>
  <si>
    <t>2010001</t>
  </si>
  <si>
    <t>Common Stock Issued-Affiliated</t>
  </si>
  <si>
    <t>%,V2080000</t>
  </si>
  <si>
    <t>2080000</t>
  </si>
  <si>
    <t>Donations Recvd from Stckhldrs</t>
  </si>
  <si>
    <t>%,V2190015</t>
  </si>
  <si>
    <t>2190015</t>
  </si>
  <si>
    <t>Accum OCI-Hdg-CF-Int Rate</t>
  </si>
  <si>
    <t>%,V2240005</t>
  </si>
  <si>
    <t>2240005</t>
  </si>
  <si>
    <t>Other Long Term Debt - Other</t>
  </si>
  <si>
    <t>%,V2240006</t>
  </si>
  <si>
    <t>2240006</t>
  </si>
  <si>
    <t>Senior Unsecured Notes</t>
  </si>
  <si>
    <t>%,V2260006</t>
  </si>
  <si>
    <t>2260006</t>
  </si>
  <si>
    <t>Unam Disc LTD-Dr-Sr Unsec Note</t>
  </si>
  <si>
    <t>%,V2270001</t>
  </si>
  <si>
    <t>2270001</t>
  </si>
  <si>
    <t>Obligatns Undr Cap Lse-Noncurr</t>
  </si>
  <si>
    <t>%,V2270003</t>
  </si>
  <si>
    <t>2270003</t>
  </si>
  <si>
    <t>Accrued Noncur Lease Oblig</t>
  </si>
  <si>
    <t>%,V2282003</t>
  </si>
  <si>
    <t>2282003</t>
  </si>
  <si>
    <t>Accm Prv I/D - Worker's Com</t>
  </si>
  <si>
    <t>%,V2283000</t>
  </si>
  <si>
    <t>2283000</t>
  </si>
  <si>
    <t>Accm Prv for Pensions&amp;Benefits</t>
  </si>
  <si>
    <t>%,V2283002</t>
  </si>
  <si>
    <t>2283002</t>
  </si>
  <si>
    <t>Supplemental Savings Plan</t>
  </si>
  <si>
    <t>%,V2283005</t>
  </si>
  <si>
    <t>2283005</t>
  </si>
  <si>
    <t>%,V2283006</t>
  </si>
  <si>
    <t>2283006</t>
  </si>
  <si>
    <t>SFAS 87 - Pensions</t>
  </si>
  <si>
    <t>%,V2283007</t>
  </si>
  <si>
    <t>2283007</t>
  </si>
  <si>
    <t>Perf Share Incentive Plan</t>
  </si>
  <si>
    <t>%,V2283015</t>
  </si>
  <si>
    <t>2283015</t>
  </si>
  <si>
    <t>FAS 158 SERP Payable Long Term</t>
  </si>
  <si>
    <t>%,V2283016</t>
  </si>
  <si>
    <t>2283016</t>
  </si>
  <si>
    <t>FAS 158 Qual Payable Long Term</t>
  </si>
  <si>
    <t>%,V2300001</t>
  </si>
  <si>
    <t>2300001</t>
  </si>
  <si>
    <t>%,V2330000</t>
  </si>
  <si>
    <t>2330000</t>
  </si>
  <si>
    <t>Corp Borrow Program (NP-Assoc)</t>
  </si>
  <si>
    <t>%,V2320001</t>
  </si>
  <si>
    <t>2320001</t>
  </si>
  <si>
    <t>Accounts Payable - Regular</t>
  </si>
  <si>
    <t>%,V2320002</t>
  </si>
  <si>
    <t>2320002</t>
  </si>
  <si>
    <t>Unvouchered Invoices</t>
  </si>
  <si>
    <t>%,V2320003</t>
  </si>
  <si>
    <t>2320003</t>
  </si>
  <si>
    <t>Retention</t>
  </si>
  <si>
    <t>%,V2320076</t>
  </si>
  <si>
    <t>2320076</t>
  </si>
  <si>
    <t>Corporate Credit Card Liab</t>
  </si>
  <si>
    <t>%,V2320077</t>
  </si>
  <si>
    <t>2320077</t>
  </si>
  <si>
    <t>INDUS Unvouchered Liabilities</t>
  </si>
  <si>
    <t>%,V2340001</t>
  </si>
  <si>
    <t>2340001</t>
  </si>
  <si>
    <t>A/P Assoc Co - InterUnit G/L</t>
  </si>
  <si>
    <t>%,V2340027</t>
  </si>
  <si>
    <t>2340027</t>
  </si>
  <si>
    <t>A/P Assoc Co - Intercompany</t>
  </si>
  <si>
    <t>%,V2340029</t>
  </si>
  <si>
    <t>2340029</t>
  </si>
  <si>
    <t>A/P Assoc Co - AEPSC Bills</t>
  </si>
  <si>
    <t>%,V2340030</t>
  </si>
  <si>
    <t>2340030</t>
  </si>
  <si>
    <t>A/P Assoc Co - InterUnit A/P</t>
  </si>
  <si>
    <t>%,V2340035</t>
  </si>
  <si>
    <t>2340035</t>
  </si>
  <si>
    <t>Fleet - M4 - A/P</t>
  </si>
  <si>
    <t>%,V2350001</t>
  </si>
  <si>
    <t>2350001</t>
  </si>
  <si>
    <t>Customer Deposits-Active</t>
  </si>
  <si>
    <t>%,V2360001</t>
  </si>
  <si>
    <t>2360001</t>
  </si>
  <si>
    <t>Federal Income Tax</t>
  </si>
  <si>
    <t>%,V236000209</t>
  </si>
  <si>
    <t>236000209</t>
  </si>
  <si>
    <t>State Income Taxes</t>
  </si>
  <si>
    <t>%,V236000214</t>
  </si>
  <si>
    <t>236000214</t>
  </si>
  <si>
    <t>%,V236000215</t>
  </si>
  <si>
    <t>236000215</t>
  </si>
  <si>
    <t>%,V2360004</t>
  </si>
  <si>
    <t>2360004</t>
  </si>
  <si>
    <t>FICA</t>
  </si>
  <si>
    <t>%,V2360005</t>
  </si>
  <si>
    <t>2360005</t>
  </si>
  <si>
    <t>Federal Unemployment Tax</t>
  </si>
  <si>
    <t>%,V2360006</t>
  </si>
  <si>
    <t>2360006</t>
  </si>
  <si>
    <t>State Unemployment Tax</t>
  </si>
  <si>
    <t>State Sales and Use Taxes</t>
  </si>
  <si>
    <t>%,V236000715</t>
  </si>
  <si>
    <t>236000715</t>
  </si>
  <si>
    <t>%,V236000813</t>
  </si>
  <si>
    <t>236000813</t>
  </si>
  <si>
    <t>Real Personal Property Taxes</t>
  </si>
  <si>
    <t>%,V236000814</t>
  </si>
  <si>
    <t>236000814</t>
  </si>
  <si>
    <t>State Franchise Taxes</t>
  </si>
  <si>
    <t>%,V236001214</t>
  </si>
  <si>
    <t>236001214</t>
  </si>
  <si>
    <t>Pers Prop Tax-Cap Leases</t>
  </si>
  <si>
    <t>%,V236003315</t>
  </si>
  <si>
    <t>236003315</t>
  </si>
  <si>
    <t>%,V2360037</t>
  </si>
  <si>
    <t>2360037</t>
  </si>
  <si>
    <t>FICA - Incentive accrual</t>
  </si>
  <si>
    <t>%,V2370005</t>
  </si>
  <si>
    <t>2370005</t>
  </si>
  <si>
    <t>Interest Accrd-Other LT Debt</t>
  </si>
  <si>
    <t>%,V2370006</t>
  </si>
  <si>
    <t>2370006</t>
  </si>
  <si>
    <t>Interest Accrd-Sen Unsec Notes</t>
  </si>
  <si>
    <t>%,V2370048</t>
  </si>
  <si>
    <t>2370048</t>
  </si>
  <si>
    <t>Acrd Int.- FIT Reserve - LT</t>
  </si>
  <si>
    <t>%,V2430001</t>
  </si>
  <si>
    <t>2430001</t>
  </si>
  <si>
    <t>Oblig Under Cap Leases - Curr</t>
  </si>
  <si>
    <t>%,V2430003</t>
  </si>
  <si>
    <t>2430003</t>
  </si>
  <si>
    <t>Accrued Cur Lease Oblig</t>
  </si>
  <si>
    <t>%,V2440001</t>
  </si>
  <si>
    <t>2440001</t>
  </si>
  <si>
    <t>Curr. Unreal Losses - NonAffil</t>
  </si>
  <si>
    <t>%,V2440021</t>
  </si>
  <si>
    <t>2440021</t>
  </si>
  <si>
    <t>S/T Liability MTM Collateral</t>
  </si>
  <si>
    <t>%,V2410002</t>
  </si>
  <si>
    <t>2410002</t>
  </si>
  <si>
    <t>State Income Tax Withheld</t>
  </si>
  <si>
    <t>%,V2410004</t>
  </si>
  <si>
    <t>2410004</t>
  </si>
  <si>
    <t>State Sales Tax Collected</t>
  </si>
  <si>
    <t>%,V2420514</t>
  </si>
  <si>
    <t>2420514</t>
  </si>
  <si>
    <t>Revenue Refunds Accrued</t>
  </si>
  <si>
    <t>%,V2420020</t>
  </si>
  <si>
    <t>2420020</t>
  </si>
  <si>
    <t>Vacation Pay - This Year</t>
  </si>
  <si>
    <t>%,V2420021</t>
  </si>
  <si>
    <t>2420021</t>
  </si>
  <si>
    <t>Vacation Pay - Next Year</t>
  </si>
  <si>
    <t>%,V2420051</t>
  </si>
  <si>
    <t>2420051</t>
  </si>
  <si>
    <t>Non-Productive Payroll</t>
  </si>
  <si>
    <t>%,V2420053</t>
  </si>
  <si>
    <t>2420053</t>
  </si>
  <si>
    <t>%,V2420002</t>
  </si>
  <si>
    <t>2420002</t>
  </si>
  <si>
    <t>P/R Ded - Medical Insurance</t>
  </si>
  <si>
    <t>%,V2420003</t>
  </si>
  <si>
    <t>2420003</t>
  </si>
  <si>
    <t>P/R Ded - Dental Insurance</t>
  </si>
  <si>
    <t>%,V2420013</t>
  </si>
  <si>
    <t>2420013</t>
  </si>
  <si>
    <t>P/R Ded - LTD Ins Premiums</t>
  </si>
  <si>
    <t>%,V2420532</t>
  </si>
  <si>
    <t>2420532</t>
  </si>
  <si>
    <t>Adm Liab-Cur-S/Ins-W/C</t>
  </si>
  <si>
    <t>%,V2420027</t>
  </si>
  <si>
    <t>2420027</t>
  </si>
  <si>
    <t>FAS 112 CURRENT LIAB</t>
  </si>
  <si>
    <t>%,V2420071</t>
  </si>
  <si>
    <t>2420071</t>
  </si>
  <si>
    <t>P/R Ded - Vision Plan</t>
  </si>
  <si>
    <t>%,V2420076</t>
  </si>
  <si>
    <t>2420076</t>
  </si>
  <si>
    <t>P/R Savings Plan - Incentive</t>
  </si>
  <si>
    <t>%,V2420083</t>
  </si>
  <si>
    <t>2420083</t>
  </si>
  <si>
    <t>Active Med and Dental IBNR</t>
  </si>
  <si>
    <t>%,V2420088</t>
  </si>
  <si>
    <t>2420088</t>
  </si>
  <si>
    <t>Econ. Development Fund Curr</t>
  </si>
  <si>
    <t>%,V2420558</t>
  </si>
  <si>
    <t>2420558</t>
  </si>
  <si>
    <t>Admitted Liab NC-Self/Ins-W/C</t>
  </si>
  <si>
    <t>%,V2420618</t>
  </si>
  <si>
    <t>2420618</t>
  </si>
  <si>
    <t>Accrued Payroll</t>
  </si>
  <si>
    <t>%,V2420624</t>
  </si>
  <si>
    <t>2420624</t>
  </si>
  <si>
    <t>Corp &amp; Shrd Srv Incentive Plan</t>
  </si>
  <si>
    <t>%,V2420643</t>
  </si>
  <si>
    <t>2420643</t>
  </si>
  <si>
    <t>Accrued Audit Fees</t>
  </si>
  <si>
    <t>%,V2821001</t>
  </si>
  <si>
    <t>2821001</t>
  </si>
  <si>
    <t>Accum Defd FIT - Utility Prop</t>
  </si>
  <si>
    <t>%,V2823001</t>
  </si>
  <si>
    <t>2823001</t>
  </si>
  <si>
    <t>Acc Dfrd FIT FAS 109 Flow Thru</t>
  </si>
  <si>
    <t>%,V2824001</t>
  </si>
  <si>
    <t>2824001</t>
  </si>
  <si>
    <t>Acc Dfrd FIT - SFAS 109 Excess</t>
  </si>
  <si>
    <t>%,V2831001</t>
  </si>
  <si>
    <t>2831001</t>
  </si>
  <si>
    <t>Accum Deferred SIT - Other</t>
  </si>
  <si>
    <t>%,V2833001</t>
  </si>
  <si>
    <t>2833001</t>
  </si>
  <si>
    <t>Acc Dfd FIT FAS 109 Flow Thru</t>
  </si>
  <si>
    <t>%,V2833002</t>
  </si>
  <si>
    <t>2833002</t>
  </si>
  <si>
    <t>Acc Dfrd SIT FAS 109 Flow Thru</t>
  </si>
  <si>
    <t>%,V2550001</t>
  </si>
  <si>
    <t>2550001</t>
  </si>
  <si>
    <t>Accum Deferred ITC - Federal</t>
  </si>
  <si>
    <t>%,V2543001</t>
  </si>
  <si>
    <t>2543001</t>
  </si>
  <si>
    <t>SFAS109 Flow Thru Def FIT Liab</t>
  </si>
  <si>
    <t>%,V2544001</t>
  </si>
  <si>
    <t>2544001</t>
  </si>
  <si>
    <t>SFAS 109 Exces Deferred FIT</t>
  </si>
  <si>
    <t>Other Deferred Credits</t>
  </si>
  <si>
    <t>%,V1340053</t>
  </si>
  <si>
    <t>1340053</t>
  </si>
  <si>
    <t>Deposits - Flexible Spending</t>
  </si>
  <si>
    <t>%,V1650005</t>
  </si>
  <si>
    <t>1650005</t>
  </si>
  <si>
    <t>Prepaid Employee Benefits</t>
  </si>
  <si>
    <t>%,V186000315</t>
  </si>
  <si>
    <t>186000315</t>
  </si>
  <si>
    <t>%,V2320008</t>
  </si>
  <si>
    <t>2320008</t>
  </si>
  <si>
    <t>Miscellaneous Liabilities</t>
  </si>
  <si>
    <t>%,V236000815</t>
  </si>
  <si>
    <t>236000815</t>
  </si>
  <si>
    <t>%,V2360801</t>
  </si>
  <si>
    <t>2360801</t>
  </si>
  <si>
    <t>Federal Income Tax - IRS Audit</t>
  </si>
  <si>
    <t>%,V2360901</t>
  </si>
  <si>
    <t>2360901</t>
  </si>
  <si>
    <t>Accum Defd FIT- IRS Audit</t>
  </si>
  <si>
    <t>%,V186008116</t>
  </si>
  <si>
    <t>186008116</t>
  </si>
  <si>
    <t>Defd Property Tax - Cap Lease</t>
  </si>
  <si>
    <t>%,V236000216</t>
  </si>
  <si>
    <t>236000216</t>
  </si>
  <si>
    <t>%,V236000716</t>
  </si>
  <si>
    <t>236000716</t>
  </si>
  <si>
    <t>%,V236003316</t>
  </si>
  <si>
    <t>236003316</t>
  </si>
  <si>
    <t>February</t>
  </si>
  <si>
    <t>March</t>
  </si>
  <si>
    <t>April</t>
  </si>
  <si>
    <t>May</t>
  </si>
  <si>
    <t>%,V1430002</t>
  </si>
  <si>
    <t>1430002</t>
  </si>
  <si>
    <t>%,V1823536</t>
  </si>
  <si>
    <t>1823536</t>
  </si>
  <si>
    <t>CC-NERC Compl/Cyber Unrec Eqty</t>
  </si>
  <si>
    <t>%,V1823537</t>
  </si>
  <si>
    <t>1823537</t>
  </si>
  <si>
    <t>CC-NERC Compliance/Cyber Sec</t>
  </si>
  <si>
    <t>%,V1823538</t>
  </si>
  <si>
    <t>1823538</t>
  </si>
  <si>
    <t>Def Depr-NERC Compli/Cybersec</t>
  </si>
  <si>
    <t>%,V1901002</t>
  </si>
  <si>
    <t>1901002</t>
  </si>
  <si>
    <t>%,V2360602</t>
  </si>
  <si>
    <t>2360602</t>
  </si>
  <si>
    <t>State Inc Tax-Long Term FIN48</t>
  </si>
  <si>
    <t>%,V2360702</t>
  </si>
  <si>
    <t>2360702</t>
  </si>
  <si>
    <t>SEC Accum Defd SIT - FIN 48</t>
  </si>
  <si>
    <t>%,V2370348</t>
  </si>
  <si>
    <t>2370348</t>
  </si>
  <si>
    <t>Acrd Int. - SIT Reserve - LT</t>
  </si>
  <si>
    <t>%,V2360502</t>
  </si>
  <si>
    <t>2360502</t>
  </si>
  <si>
    <t>State Inc Tax-Short Term FIN48</t>
  </si>
  <si>
    <t>%,V2370448</t>
  </si>
  <si>
    <t>2370448</t>
  </si>
  <si>
    <t>Acrd Int. - SIT Reserve - ST</t>
  </si>
  <si>
    <t>Capacity Charge Tariff Rev</t>
  </si>
  <si>
    <t>110</t>
  </si>
  <si>
    <t>TARIFF_CC</t>
  </si>
  <si>
    <t>1823414</t>
  </si>
  <si>
    <t>FANANDA</t>
  </si>
  <si>
    <t>FINAN</t>
  </si>
  <si>
    <t>G0000110</t>
  </si>
  <si>
    <t>%,V1210001</t>
  </si>
  <si>
    <t>1210001</t>
  </si>
  <si>
    <t>Nonutility Property - Owned</t>
  </si>
  <si>
    <t>%,V1220001</t>
  </si>
  <si>
    <t>1220001</t>
  </si>
  <si>
    <t>Depr&amp;Amrt of Nonutl Prop-Ownd</t>
  </si>
  <si>
    <t>%,V1240002</t>
  </si>
  <si>
    <t>1240002</t>
  </si>
  <si>
    <t>Oth Investments-Nonassociated</t>
  </si>
  <si>
    <t>%,V1240007</t>
  </si>
  <si>
    <t>1240007</t>
  </si>
  <si>
    <t>Deferred Compensation Benefits</t>
  </si>
  <si>
    <t>%,V1240092</t>
  </si>
  <si>
    <t>1240092</t>
  </si>
  <si>
    <t>Fbr Opt Lns-In Kind Sv-Invest</t>
  </si>
  <si>
    <t>%,V1310000</t>
  </si>
  <si>
    <t>1310000</t>
  </si>
  <si>
    <t>Cash</t>
  </si>
  <si>
    <t>%,V1420001</t>
  </si>
  <si>
    <t>1420001</t>
  </si>
  <si>
    <t>Customer A/R - Electric</t>
  </si>
  <si>
    <t>%,V1420022</t>
  </si>
  <si>
    <t>1420022</t>
  </si>
  <si>
    <t>Cust A/R - Factored</t>
  </si>
  <si>
    <t>%,V1420027</t>
  </si>
  <si>
    <t>1420027</t>
  </si>
  <si>
    <t>Low Inc Energy Asst Pr (LIEAP)</t>
  </si>
  <si>
    <t>%,V1420044</t>
  </si>
  <si>
    <t>1420044</t>
  </si>
  <si>
    <t>Customer A/R - Estimated</t>
  </si>
  <si>
    <t>%,V1420058</t>
  </si>
  <si>
    <t>1420058</t>
  </si>
  <si>
    <t>Cust A/R-Contra-Home Warranty</t>
  </si>
  <si>
    <t>%,V1420059</t>
  </si>
  <si>
    <t>1420059</t>
  </si>
  <si>
    <t>AR PS Bill-Cust Home Warranty</t>
  </si>
  <si>
    <t>%,V1430023</t>
  </si>
  <si>
    <t>1430023</t>
  </si>
  <si>
    <t>A/R PeopleSoft Billing System</t>
  </si>
  <si>
    <t>%,V1430081</t>
  </si>
  <si>
    <t>1430081</t>
  </si>
  <si>
    <t>Damage Recovery - Third Party</t>
  </si>
  <si>
    <t>%,V1720000</t>
  </si>
  <si>
    <t>1720000</t>
  </si>
  <si>
    <t>Rents Receivable</t>
  </si>
  <si>
    <t>%,V1460011</t>
  </si>
  <si>
    <t>1460011</t>
  </si>
  <si>
    <t>A/R Assoc Co - Multi Pmts</t>
  </si>
  <si>
    <t>%,V1460014</t>
  </si>
  <si>
    <t>1460014</t>
  </si>
  <si>
    <t>A/R-Assoc-Unvouchered</t>
  </si>
  <si>
    <t>%,V1460025</t>
  </si>
  <si>
    <t>1460025</t>
  </si>
  <si>
    <t>Fleet - M4 - A/R</t>
  </si>
  <si>
    <t>%,V1540013</t>
  </si>
  <si>
    <t>1540013</t>
  </si>
  <si>
    <t>Transportation Inventory</t>
  </si>
  <si>
    <t>%,V1630004</t>
  </si>
  <si>
    <t>1630004</t>
  </si>
  <si>
    <t>Strs Exp-T&amp;D Satellite Storerm</t>
  </si>
  <si>
    <t>%,V1730002</t>
  </si>
  <si>
    <t>1730002</t>
  </si>
  <si>
    <t>Acrd Utility Rev-Factored-Assc</t>
  </si>
  <si>
    <t>%,V165000215</t>
  </si>
  <si>
    <t>165000215</t>
  </si>
  <si>
    <t>Prepaid Taxes</t>
  </si>
  <si>
    <t>%,V165000216</t>
  </si>
  <si>
    <t>165000216</t>
  </si>
  <si>
    <t>%,V1650006</t>
  </si>
  <si>
    <t>1650006</t>
  </si>
  <si>
    <t>Other Prepayments</t>
  </si>
  <si>
    <t>%,V1650009</t>
  </si>
  <si>
    <t>1650009</t>
  </si>
  <si>
    <t>Prepaid Carry Cost-Factored AR</t>
  </si>
  <si>
    <t>%,V165001115</t>
  </si>
  <si>
    <t>165001115</t>
  </si>
  <si>
    <t>Prepaid Sales Taxes</t>
  </si>
  <si>
    <t>%,V165001116</t>
  </si>
  <si>
    <t>165001116</t>
  </si>
  <si>
    <t>%,V165001215</t>
  </si>
  <si>
    <t>165001215</t>
  </si>
  <si>
    <t>Prepaid Use Taxes</t>
  </si>
  <si>
    <t>%,V165001216</t>
  </si>
  <si>
    <t>165001216</t>
  </si>
  <si>
    <t>%,V1650023</t>
  </si>
  <si>
    <t>1650023</t>
  </si>
  <si>
    <t>Prepaid Lease</t>
  </si>
  <si>
    <t>%,V1860007</t>
  </si>
  <si>
    <t>1860007</t>
  </si>
  <si>
    <t>Billings and Deferred Projects</t>
  </si>
  <si>
    <t>%,V1823009</t>
  </si>
  <si>
    <t>1823009</t>
  </si>
  <si>
    <t>DSM Incentives</t>
  </si>
  <si>
    <t>%,V1823010</t>
  </si>
  <si>
    <t>1823010</t>
  </si>
  <si>
    <t>Energy Efficiency Recovery</t>
  </si>
  <si>
    <t>%,V1823011</t>
  </si>
  <si>
    <t>1823011</t>
  </si>
  <si>
    <t>DSM Lost Revenues</t>
  </si>
  <si>
    <t>%,V1823012</t>
  </si>
  <si>
    <t>1823012</t>
  </si>
  <si>
    <t>DSM Program Costs</t>
  </si>
  <si>
    <t>%,V1823078</t>
  </si>
  <si>
    <t>1823078</t>
  </si>
  <si>
    <t>Deferred Storm Expense</t>
  </si>
  <si>
    <t>%,V1823414</t>
  </si>
  <si>
    <t>%,V1840054</t>
  </si>
  <si>
    <t>1840054</t>
  </si>
  <si>
    <t>Insurance Clearing</t>
  </si>
  <si>
    <t>%,V1860005</t>
  </si>
  <si>
    <t>1860005</t>
  </si>
  <si>
    <t>Unidentified Cash Receipts</t>
  </si>
  <si>
    <t>%,V1860077</t>
  </si>
  <si>
    <t>1860077</t>
  </si>
  <si>
    <t>Agency Fees - Factored A/R</t>
  </si>
  <si>
    <t>%,V1860153</t>
  </si>
  <si>
    <t>1860153</t>
  </si>
  <si>
    <t>Unamortized Credit Line Fees</t>
  </si>
  <si>
    <t>%,V1860166</t>
  </si>
  <si>
    <t>1860166</t>
  </si>
  <si>
    <t>Def Lease Assets - Non Taxable</t>
  </si>
  <si>
    <t>%,V2320095</t>
  </si>
  <si>
    <t>2320095</t>
  </si>
  <si>
    <t>Home Warranty Payables</t>
  </si>
  <si>
    <t>%,V2340032</t>
  </si>
  <si>
    <t>2340032</t>
  </si>
  <si>
    <t>A/P Assoc Co - Multi Pmts</t>
  </si>
  <si>
    <t>Municipal License Fees Accrd</t>
  </si>
  <si>
    <t>%,V236003515</t>
  </si>
  <si>
    <t>236003515</t>
  </si>
  <si>
    <t>Real Prop Tax-Cap Leases</t>
  </si>
  <si>
    <t>%,V236003516</t>
  </si>
  <si>
    <t>236003516</t>
  </si>
  <si>
    <t>%,V2370007</t>
  </si>
  <si>
    <t>2370007</t>
  </si>
  <si>
    <t>Interest Accrd-Customer Depsts</t>
  </si>
  <si>
    <t>%,V2410003</t>
  </si>
  <si>
    <t>2410003</t>
  </si>
  <si>
    <t>Local Income Tax Withheld</t>
  </si>
  <si>
    <t>%,V2410008</t>
  </si>
  <si>
    <t>2410008</t>
  </si>
  <si>
    <t>Franchise Fee Collected</t>
  </si>
  <si>
    <t>%,V2410009</t>
  </si>
  <si>
    <t>2410009</t>
  </si>
  <si>
    <t>KY Utility Gr Receipts Lic Tax</t>
  </si>
  <si>
    <t>%,V2420504</t>
  </si>
  <si>
    <t>2420504</t>
  </si>
  <si>
    <t>Accrued Lease Expense</t>
  </si>
  <si>
    <t>%,V2420046</t>
  </si>
  <si>
    <t>2420046</t>
  </si>
  <si>
    <t>FAS 158 SERP Payable - Current</t>
  </si>
  <si>
    <t>%,V2420511</t>
  </si>
  <si>
    <t>2420511</t>
  </si>
  <si>
    <t>Control Cash Disburse Account</t>
  </si>
  <si>
    <t>%,V2420512</t>
  </si>
  <si>
    <t>2420512</t>
  </si>
  <si>
    <t>Unclaimed Funds</t>
  </si>
  <si>
    <t>%,V2420542</t>
  </si>
  <si>
    <t>2420542</t>
  </si>
  <si>
    <t>Acc Cash Franchise Req</t>
  </si>
  <si>
    <t>%,V2420623</t>
  </si>
  <si>
    <t>2420623</t>
  </si>
  <si>
    <t>Distr, Cust Ops &amp; Reg Svcs ICP</t>
  </si>
  <si>
    <t>%,V2540071</t>
  </si>
  <si>
    <t>2540071</t>
  </si>
  <si>
    <t>KY Enhanced Reliability Liab</t>
  </si>
  <si>
    <t>%,V2540105</t>
  </si>
  <si>
    <t>2540105</t>
  </si>
  <si>
    <t>Home Energy Assist Prgm - KPCO</t>
  </si>
  <si>
    <t>%,V2540173</t>
  </si>
  <si>
    <t>2540173</t>
  </si>
  <si>
    <t>Green Pricing Option</t>
  </si>
  <si>
    <t>%,V2520000</t>
  </si>
  <si>
    <t>2520000</t>
  </si>
  <si>
    <t>Customer Adv for Construction</t>
  </si>
  <si>
    <t>%,V2530022</t>
  </si>
  <si>
    <t>2530022</t>
  </si>
  <si>
    <t>Customer Advance Receipts</t>
  </si>
  <si>
    <t>%,V2530050</t>
  </si>
  <si>
    <t>2530050</t>
  </si>
  <si>
    <t>Deferred Rev -Pole Attachments</t>
  </si>
  <si>
    <t>%,V2530092</t>
  </si>
  <si>
    <t>2530092</t>
  </si>
  <si>
    <t>Fbr Opt Lns-In Kind Sv-Dfd Gns</t>
  </si>
  <si>
    <t>%,V2530101</t>
  </si>
  <si>
    <t>2530101</t>
  </si>
  <si>
    <t>MACSS Unidentified EDI Cash</t>
  </si>
  <si>
    <t>%,V2530124</t>
  </si>
  <si>
    <t>2530124</t>
  </si>
  <si>
    <t>Contr In Aid of Constr Advance</t>
  </si>
  <si>
    <t>Kentucky Power Company</t>
  </si>
  <si>
    <t>Capacity Charge Revenue Over/Under Recovery</t>
  </si>
  <si>
    <t>Year</t>
  </si>
  <si>
    <t>GL Account</t>
  </si>
  <si>
    <t>Billed Revenue</t>
  </si>
  <si>
    <t>Approved Revenue</t>
  </si>
  <si>
    <t>ENTRY   Over (Under) Recovery</t>
  </si>
  <si>
    <t>Over (Under) Recovery</t>
  </si>
  <si>
    <t>July</t>
  </si>
  <si>
    <t>August</t>
  </si>
  <si>
    <t>September</t>
  </si>
  <si>
    <t>Total July 2015 - September 2015</t>
  </si>
  <si>
    <t>October</t>
  </si>
  <si>
    <t>November</t>
  </si>
  <si>
    <t>December</t>
  </si>
  <si>
    <t>Total October 2015 - December 2015</t>
  </si>
  <si>
    <t>Janaury</t>
  </si>
  <si>
    <t>Total January 2016 - March 2016</t>
  </si>
  <si>
    <t>Total April 2016 - May 2016</t>
  </si>
  <si>
    <t>Total July 2015 - May 2016</t>
  </si>
  <si>
    <t xml:space="preserve">Account </t>
  </si>
  <si>
    <t>Description</t>
  </si>
  <si>
    <t>Credit</t>
  </si>
  <si>
    <t>1823xxx</t>
  </si>
  <si>
    <t>Capacity Charge Tariff Revenues</t>
  </si>
  <si>
    <t>Residential Sales-W/Space Htg</t>
  </si>
  <si>
    <t>Residential Sales-W/O Space Ht</t>
  </si>
  <si>
    <t>Commercial Sales</t>
  </si>
  <si>
    <t>Industrial Sales (Excl Mines)</t>
  </si>
  <si>
    <t>Ind Sales-NonAffil(Incl Mines)</t>
  </si>
  <si>
    <t>Sales to Pub Auth - Schools</t>
  </si>
  <si>
    <t>Sales to Pub Auth - Ex Schools</t>
  </si>
  <si>
    <t>Public Street/Highway Lighting</t>
  </si>
  <si>
    <t>To record a regulatory asset for the difference between the $6.2 million annual revenue amount authorized to be collected under Tariff C. C. and the amount actually billed under Tariff C. C. from July 2015 through May 2016 as authorized by the KPSC in the Final Order in Case No. 2014-00396.</t>
  </si>
  <si>
    <t>July 15 - May 16</t>
  </si>
  <si>
    <t>Diff</t>
  </si>
  <si>
    <t>Explanation</t>
  </si>
  <si>
    <t>Capacity Charge Tariff Rev (This was a true-up from July 2015 - May 2016)  SAB108 entries were posted.</t>
  </si>
  <si>
    <t>Billed Revenue (Revenue Received)</t>
  </si>
  <si>
    <t>Approved Revenue ($6.2M annually)</t>
  </si>
  <si>
    <t>%,V174001114</t>
  </si>
  <si>
    <t>174001114</t>
  </si>
  <si>
    <t>Non-Highway Fuel Tax Credit</t>
  </si>
  <si>
    <t>%,V174001115</t>
  </si>
  <si>
    <t>174001115</t>
  </si>
  <si>
    <t>%,V1860002</t>
  </si>
  <si>
    <t>1860002</t>
  </si>
  <si>
    <t>Deferred Expenses</t>
  </si>
  <si>
    <t>%,V2283013</t>
  </si>
  <si>
    <t>2283013</t>
  </si>
  <si>
    <t>Incentive Comp Deferral Plan</t>
  </si>
  <si>
    <t>%,V236001716</t>
  </si>
  <si>
    <t>236001716</t>
  </si>
  <si>
    <t>%,V2540000</t>
  </si>
  <si>
    <t>2540000</t>
  </si>
  <si>
    <t>Other Regulatory Liabilities</t>
  </si>
  <si>
    <t>%,V2543220</t>
  </si>
  <si>
    <t>2543220</t>
  </si>
  <si>
    <t>Economic Development</t>
  </si>
  <si>
    <t>%,V2440002</t>
  </si>
  <si>
    <t>2440002</t>
  </si>
  <si>
    <t>LT Unreal Losses - Non Affil</t>
  </si>
  <si>
    <t>%,V2440022</t>
  </si>
  <si>
    <t>2440022</t>
  </si>
  <si>
    <t>L/T Liability MTM Collateral</t>
  </si>
  <si>
    <t>%,ATF,FACCOUNT</t>
  </si>
  <si>
    <t>%,LACTUALS,SADJBAL-2YR</t>
  </si>
  <si>
    <t>%,LACTUALS,SBALPER1-1Y</t>
  </si>
  <si>
    <t>%,LACTUALS,SBALPER2-1Y</t>
  </si>
  <si>
    <t>%,LACTUALS,SBALPER3-1Y</t>
  </si>
  <si>
    <t>%,LACTUALS,SBALPER4-1Y</t>
  </si>
  <si>
    <t>%,LACTUALS,SBALPER5-1Y</t>
  </si>
  <si>
    <t>%,LACTUALS,SBALPER6-1Y</t>
  </si>
  <si>
    <t>%,LACTUALS,SBALPER7-1Y</t>
  </si>
  <si>
    <t>%,LACTUALS,SBALPER8-1Y</t>
  </si>
  <si>
    <t>%,LACTUALS,SBALPER9-1Y</t>
  </si>
  <si>
    <t>%,LACTUALS,SBALPR10-1Y</t>
  </si>
  <si>
    <t>%,LACTUALS,SBALPR11-1Y</t>
  </si>
  <si>
    <t>%,LACTUALS,SBAL_PER1</t>
  </si>
  <si>
    <t>%,LACTUALS,SBAL_PER2</t>
  </si>
  <si>
    <t>%,LACTUALS,SBAL_PER3</t>
  </si>
  <si>
    <t>%,LACTUALS,SBAL_PER4</t>
  </si>
  <si>
    <t>%,LACTUALS,SBAL_PER5</t>
  </si>
  <si>
    <t>%,LACTUALS,SBAL_PER6</t>
  </si>
  <si>
    <t>%,LACTUALS,SBAL_PER7</t>
  </si>
  <si>
    <t>%,LACTUALS,SBAL_PER8</t>
  </si>
  <si>
    <t>%,LACTUALS,SBAL_PER9</t>
  </si>
  <si>
    <t>%,LACTUALS,SBAL_PER10</t>
  </si>
  <si>
    <t>%,LACTUALS,SBAL_PER11</t>
  </si>
  <si>
    <t>%,LACTUALS,SBAL_PER12</t>
  </si>
  <si>
    <t>%,V1290000</t>
  </si>
  <si>
    <t>1290000</t>
  </si>
  <si>
    <t>Pension Net Funded Position</t>
  </si>
  <si>
    <t>%,V1290003</t>
  </si>
  <si>
    <t>1290003</t>
  </si>
  <si>
    <t>SFAS 87 - Pension</t>
  </si>
  <si>
    <t>%,V1420028</t>
  </si>
  <si>
    <t>1420028</t>
  </si>
  <si>
    <t>Emergency LIEAP</t>
  </si>
  <si>
    <t>%,V1450000</t>
  </si>
  <si>
    <t>1450000</t>
  </si>
  <si>
    <t>Corp Borrow Prg (NR-Assoc)</t>
  </si>
  <si>
    <t>%,V1520000</t>
  </si>
  <si>
    <t>1520000</t>
  </si>
  <si>
    <t>Fuel Stock Exp Undistributed</t>
  </si>
  <si>
    <t>%,V165000214</t>
  </si>
  <si>
    <t>165000214</t>
  </si>
  <si>
    <t>%,V165001114</t>
  </si>
  <si>
    <t>165001114</t>
  </si>
  <si>
    <t>%,V165001214</t>
  </si>
  <si>
    <t>165001214</t>
  </si>
  <si>
    <t>%,V1740000</t>
  </si>
  <si>
    <t>1740000</t>
  </si>
  <si>
    <t>Misc Current &amp; Accrued Assets</t>
  </si>
  <si>
    <t>%,V1823000</t>
  </si>
  <si>
    <t>1823000</t>
  </si>
  <si>
    <t>Other Regulatory Assets</t>
  </si>
  <si>
    <t>%,V1823520</t>
  </si>
  <si>
    <t>1823520</t>
  </si>
  <si>
    <t>Deferred Dep - Environmental</t>
  </si>
  <si>
    <t>%,V1840002</t>
  </si>
  <si>
    <t>1840002</t>
  </si>
  <si>
    <t>Accounts Pay Adj - Clearing</t>
  </si>
  <si>
    <t>%,V1840027</t>
  </si>
  <si>
    <t>1840027</t>
  </si>
  <si>
    <t>Oth Accts Rec - A/R Clearing</t>
  </si>
  <si>
    <t>%,V1840029</t>
  </si>
  <si>
    <t>1840029</t>
  </si>
  <si>
    <t>Transp-Assigned Vehicles</t>
  </si>
  <si>
    <t>%,V1860001</t>
  </si>
  <si>
    <t>1860001</t>
  </si>
  <si>
    <t>%,V186000313</t>
  </si>
  <si>
    <t>186000313</t>
  </si>
  <si>
    <t>%,V186008114</t>
  </si>
  <si>
    <t>186008114</t>
  </si>
  <si>
    <t>%,V1860160</t>
  </si>
  <si>
    <t>1860160</t>
  </si>
  <si>
    <t>Deferred Expenses - Current</t>
  </si>
  <si>
    <t>%,V2340037</t>
  </si>
  <si>
    <t>2340037</t>
  </si>
  <si>
    <t>A/P Assoc-Global Borrowing Int</t>
  </si>
  <si>
    <t>%,V236000213</t>
  </si>
  <si>
    <t>236000213</t>
  </si>
  <si>
    <t>%,V236000714</t>
  </si>
  <si>
    <t>236000714</t>
  </si>
  <si>
    <t>%,V236000812</t>
  </si>
  <si>
    <t>236000812</t>
  </si>
  <si>
    <t>%,V236001213</t>
  </si>
  <si>
    <t>236001213</t>
  </si>
  <si>
    <t>%,V236001715</t>
  </si>
  <si>
    <t>236001715</t>
  </si>
  <si>
    <t>%,V236003314</t>
  </si>
  <si>
    <t>236003314</t>
  </si>
  <si>
    <t>%,V236003514</t>
  </si>
  <si>
    <t>236003514</t>
  </si>
  <si>
    <t>%,V2360601</t>
  </si>
  <si>
    <t>2360601</t>
  </si>
  <si>
    <t>Fed Inc Tax-Long Term FIN48</t>
  </si>
  <si>
    <t>%,V2410001</t>
  </si>
  <si>
    <t>2410001</t>
  </si>
  <si>
    <t>Federal Income Tax Withheld</t>
  </si>
  <si>
    <t>%,V2410005</t>
  </si>
  <si>
    <t>2410005</t>
  </si>
  <si>
    <t>FICA Tax Withheld</t>
  </si>
  <si>
    <t>%,V2420010</t>
  </si>
  <si>
    <t>2420010</t>
  </si>
  <si>
    <t>P/R Ded - Dependent Life Ins</t>
  </si>
  <si>
    <t>%,V2420018</t>
  </si>
  <si>
    <t>2420018</t>
  </si>
  <si>
    <t>P/R Ded-Reg&amp;Spec Life Ins Prem</t>
  </si>
  <si>
    <t>%,V2420044</t>
  </si>
  <si>
    <t>2420044</t>
  </si>
  <si>
    <t>P/R Withholdings</t>
  </si>
  <si>
    <t>%,V2420072</t>
  </si>
  <si>
    <t>2420072</t>
  </si>
  <si>
    <t>P/R - Payroll Adjustment</t>
  </si>
  <si>
    <t>%,V242059215</t>
  </si>
  <si>
    <t>242059215</t>
  </si>
  <si>
    <t>Sales Use Tax - Leased Equip</t>
  </si>
  <si>
    <t>%,V242059216</t>
  </si>
  <si>
    <t>242059216</t>
  </si>
  <si>
    <t>%,V2530000</t>
  </si>
  <si>
    <t>2530000</t>
  </si>
  <si>
    <t>%,V2530112</t>
  </si>
  <si>
    <t>2530112</t>
  </si>
  <si>
    <t>Other Deferred Credits-Curr</t>
  </si>
  <si>
    <t>Class Code</t>
  </si>
  <si>
    <t>211, 212</t>
  </si>
  <si>
    <t>221, 222</t>
  </si>
  <si>
    <t>%,LACTUALS,SBAL-1YR</t>
  </si>
  <si>
    <t>%,LACTUALS,SBAL-1MTH</t>
  </si>
  <si>
    <t>%,V1710448</t>
  </si>
  <si>
    <t>1710448</t>
  </si>
  <si>
    <t>Interest Receivable. -SIT -ST</t>
  </si>
  <si>
    <t>%,V1750001</t>
  </si>
  <si>
    <t>1750001</t>
  </si>
  <si>
    <t>Curr. Unreal Gains - NonAffil</t>
  </si>
  <si>
    <t>%,V1750021</t>
  </si>
  <si>
    <t>1750021</t>
  </si>
  <si>
    <t>S/T Asset MTM Collateral</t>
  </si>
  <si>
    <t>%,V2240506</t>
  </si>
  <si>
    <t>2240506</t>
  </si>
  <si>
    <t>Senior Unsecured Notes-Current</t>
  </si>
  <si>
    <t>%,V2540047</t>
  </si>
  <si>
    <t>2540047</t>
  </si>
  <si>
    <t>Unreal Gain on Fwd Commitments</t>
  </si>
  <si>
    <t>Dec 2016</t>
  </si>
  <si>
    <t>%,V2350003</t>
  </si>
  <si>
    <t>2350003</t>
  </si>
  <si>
    <t>Deposits - Trading Activity</t>
  </si>
  <si>
    <t>%,V236001717</t>
  </si>
  <si>
    <t>236001717</t>
  </si>
  <si>
    <t>%,LACTUALS,SPER</t>
  </si>
  <si>
    <t>110 - Kentucky Power Co - Dist</t>
  </si>
  <si>
    <t>Balance Sheet</t>
  </si>
  <si>
    <t>ACTUALS</t>
  </si>
  <si>
    <t>01/10/2017 19:04</t>
  </si>
  <si>
    <t>Month End Bal</t>
  </si>
  <si>
    <t>Year End</t>
  </si>
  <si>
    <t>GLS9000</t>
  </si>
  <si>
    <t>Difference</t>
  </si>
  <si>
    <t>Actual</t>
  </si>
  <si>
    <t>GL_ALLBU_SUM_LED</t>
  </si>
  <si>
    <t>16A V2016-12-31</t>
  </si>
  <si>
    <t>Account: GL_ACCT_SEC      Business Unit: 110</t>
  </si>
  <si>
    <t>2016</t>
  </si>
  <si>
    <t>Previous Year End</t>
  </si>
  <si>
    <t>Previous Year</t>
  </si>
  <si>
    <t>Prior Month</t>
  </si>
  <si>
    <t>Dec YTD 2014</t>
  </si>
  <si>
    <t>Jan YTD 2015</t>
  </si>
  <si>
    <t>Feb YTD 2015</t>
  </si>
  <si>
    <t>Mar YTD 2015</t>
  </si>
  <si>
    <t>Apr YTD 2015</t>
  </si>
  <si>
    <t>May YTD 2015</t>
  </si>
  <si>
    <t>Jun YTD 2015</t>
  </si>
  <si>
    <t>Jul YTD 2015</t>
  </si>
  <si>
    <t>Aug YTD 2015</t>
  </si>
  <si>
    <t>Sep YTD 2015</t>
  </si>
  <si>
    <t>Oct YTD 2015</t>
  </si>
  <si>
    <t>Nov YTD 2015</t>
  </si>
  <si>
    <t>Dec YTD 2015</t>
  </si>
  <si>
    <t>Jan YTD 2016</t>
  </si>
  <si>
    <t>Feb YTD 2016</t>
  </si>
  <si>
    <t>Mar YTD 2016</t>
  </si>
  <si>
    <t>Apr YTD 2016</t>
  </si>
  <si>
    <t>May YTD 2016</t>
  </si>
  <si>
    <t>Jun YTD 2016</t>
  </si>
  <si>
    <t>Jul YTD 2016</t>
  </si>
  <si>
    <t>Aug YTD 2016</t>
  </si>
  <si>
    <t>Sep YTD 2016</t>
  </si>
  <si>
    <t>Oct YTD 2016</t>
  </si>
  <si>
    <t>Nov YTD 2016</t>
  </si>
  <si>
    <t>Dec YTD 2016</t>
  </si>
  <si>
    <t>ASSETS</t>
  </si>
  <si>
    <t>BS1CA_10    Cash and Cash Equivalents</t>
  </si>
  <si>
    <t>%,FACCOUNT,TGL_ACCT_SEC,XDYYNYY01,NCASH</t>
  </si>
  <si>
    <t>Cash Balances</t>
  </si>
  <si>
    <t>%,FACCOUNT,TGL_ACCT_SEC,XDYYNYY01,NTEMPORARY_INVESTMENT</t>
  </si>
  <si>
    <t>Temporary Investments</t>
  </si>
  <si>
    <t>%,FACCOUNT,TGL_ACCT_SEC,XDYYNYY01,NMISC_WORKING_FUNDS</t>
  </si>
  <si>
    <t>Miscellaneous Working Funds</t>
  </si>
  <si>
    <t>%,FACCOUNT,TGL_ACCT_SEC,XDYYNYY01,NOICA_WORKING_FUNDS</t>
  </si>
  <si>
    <t>Other Intercompany Adjustments</t>
  </si>
  <si>
    <t>Working Funds</t>
  </si>
  <si>
    <t>Cash and Cash Equivalents</t>
  </si>
  <si>
    <t>BS1CA_11    Other Cash Deposits</t>
  </si>
  <si>
    <t>%,FACCOUNT,TGL_ACCT_SEC,XDYYNYY01,NSPECIAL_DEPOSITS</t>
  </si>
  <si>
    <t>Special Deposits</t>
  </si>
  <si>
    <t>%,FACCOUNT,TGL_ACCT_SEC,XDYYNYY01,NAUCTION_RATE_SECUR</t>
  </si>
  <si>
    <t>Auction Rate Securities</t>
  </si>
  <si>
    <t>Other Cash Deposits</t>
  </si>
  <si>
    <t>%,FACCOUNT,TGL_ACCT_SEC,XDYYNYY01,NOTHER_AR_REGULAR</t>
  </si>
  <si>
    <t>Other Acct Rec - Regular</t>
  </si>
  <si>
    <t>BS1CA_13    AR Customers</t>
  </si>
  <si>
    <t>%,FACCOUNT,TGL_ACCT_SEC,XDYYNYY01,NTRANSMISSION_AR</t>
  </si>
  <si>
    <t>Transmission Sales Receivable</t>
  </si>
  <si>
    <t>%,FACCOUNT,TGL_ACCT_SEC,XDYYNYY01,NUNBILLED_AR</t>
  </si>
  <si>
    <t>Unbilled Accounts Receivable</t>
  </si>
  <si>
    <t xml:space="preserve">  </t>
  </si>
  <si>
    <t>%,FACCOUNT,TGL_ACCT_SEC,XDYYNYY01,NARCUSTOMER_OTHER</t>
  </si>
  <si>
    <t>Customer Receivables - Other</t>
  </si>
  <si>
    <t>%,FACCOUNT,TGL_ACCT_SEC,XDYYNYY01,NCUST_AR_FACTORED</t>
  </si>
  <si>
    <t>Customer Receivables - Factored</t>
  </si>
  <si>
    <t>%,FACCOUNT,TGL_ACCT_SEC,XDYYNYY01,NCUST_AR_OPTIONS</t>
  </si>
  <si>
    <t>Customer Receivables - Options and Swaps MLR</t>
  </si>
  <si>
    <t>%,FACCOUNT,TGL_ACCT_SEC,XDYYNYY01,NCUST_AR_SYSTEM_MLR</t>
  </si>
  <si>
    <t>Customer Receivables - System Sales MLR</t>
  </si>
  <si>
    <t>%,FACCOUNT,TGL_ACCT_SEC,XDYYNYY01,NCUST_AR_ELECTRIC</t>
  </si>
  <si>
    <t>Customer Receivables - Electric</t>
  </si>
  <si>
    <t>%,FACCOUNT,TGL_ACCT_SEC,XDYYNYY01,NCUST_AR_SYSTEM</t>
  </si>
  <si>
    <t>Customer Receivables - System Sales</t>
  </si>
  <si>
    <t>%,FACCOUNT,TGL_ACCT_SEC,XDYYNYY01,NARPEOPLESOFT</t>
  </si>
  <si>
    <t>Customer Receivables - Peoplesoft Billing System</t>
  </si>
  <si>
    <t>%,FACCOUNT,TGL_ACCT_SEC,XDYYNYY01,NAEP_CREDIT_CONTRA</t>
  </si>
  <si>
    <t>AEP Credit - Contra AR Aff</t>
  </si>
  <si>
    <t>%,FACCOUNT,TGL_ACCT_SEC,XDYYNYY01,NAEP_CREDIT_RESIDUAL</t>
  </si>
  <si>
    <t>AEP Credit - Residual AR Aff</t>
  </si>
  <si>
    <t>Customers</t>
  </si>
  <si>
    <t>BS1CA_14    AR Accrued Unbilled Revenues</t>
  </si>
  <si>
    <t>%,FACCOUNT,TGL_ACCT_SEC,XDYYNYY01,NACCRUED_UTIL_REV</t>
  </si>
  <si>
    <t>Accrued Utility Revenue</t>
  </si>
  <si>
    <t>%,FACCOUNT,TGL_ACCT_SEC,XDYYNYY01,NACCRUED_UTIL_FACTOR</t>
  </si>
  <si>
    <t>Accrued Utility Revenue - Factored</t>
  </si>
  <si>
    <t>%,FACCOUNT,TGL_ACCT_SEC,XDYYNYY01,NACCRUED_UTIL_WEST</t>
  </si>
  <si>
    <t>Accrued Utility Revenue - West</t>
  </si>
  <si>
    <t>%,FACCOUNT,TGL_ACCT_SEC,XDYYNYY01,NOTHER_ACCRUED_UTIL</t>
  </si>
  <si>
    <t>Accrued Utility Revenue - Other</t>
  </si>
  <si>
    <t>Accrued Unbilled Revenues</t>
  </si>
  <si>
    <t>%,FACCOUNT,TGL_ACCT_SEC,XDYYNYY01,NFACTORED_AR_BILLED</t>
  </si>
  <si>
    <t>Factored AR - Billed</t>
  </si>
  <si>
    <t>BS1CA_15    AR Associated Companies</t>
  </si>
  <si>
    <t>%,FACCOUNT,TGL_ACCT_SEC,XDYYNYY01,NFACTORED_AR_UNBILL</t>
  </si>
  <si>
    <t>Factored AR - Unbilled</t>
  </si>
  <si>
    <t>%,FACCOUNT,TGL_ACCT_SEC,XDYYNYY01,NAR_ASS_AGENT</t>
  </si>
  <si>
    <t>AR Assoc Co - AEPSC Agent</t>
  </si>
  <si>
    <t>%,FACCOUNT,TGL_ACCT_SEC,XDYYNYY01,NAR_ASS_AEPSC_BILLS</t>
  </si>
  <si>
    <t>AR Assoc Co - AEPSC Bills</t>
  </si>
  <si>
    <t>%,FACCOUNT,TGL_ACCT_SEC,XDYYNYY01,NAR_ASS_OTHER</t>
  </si>
  <si>
    <t>AR Assoc Co - Other</t>
  </si>
  <si>
    <t>Associated Companies</t>
  </si>
  <si>
    <t>BS1CA_16    AR Miscellaneous</t>
  </si>
  <si>
    <t>%,FACCOUNT,TGL_ACCT_SEC,XDYYNYY01,NOTH_MISC_AR_INT&amp;DIV</t>
  </si>
  <si>
    <t>Misc AR - Interest &amp; Dividend</t>
  </si>
  <si>
    <t>%,FACCOUNT,TGL_ACCT_SEC,XDYYNYY01,NOTH_MISC_AR_WHLSALE</t>
  </si>
  <si>
    <t>Misc AR - Wholesale Revenue</t>
  </si>
  <si>
    <t>%,V1430089</t>
  </si>
  <si>
    <t>1430089</t>
  </si>
  <si>
    <t>A/R - Benefits Billing</t>
  </si>
  <si>
    <t>%,V1430101</t>
  </si>
  <si>
    <t>1430101</t>
  </si>
  <si>
    <t>Other Accounts Rec - Misc</t>
  </si>
  <si>
    <t>%,FACCOUNT,TGL_ACCT_SEC,XDYYNYY01,NOTH_MISC_AR_OTHER</t>
  </si>
  <si>
    <t>Misc AR - Other Revenue</t>
  </si>
  <si>
    <t>Miscellaneous A/R</t>
  </si>
  <si>
    <t>Miscellaneous Accounts Receivable</t>
  </si>
  <si>
    <t>BS1CA_17    AR Allowances for Uncollectible Accounts</t>
  </si>
  <si>
    <t>%,FACCOUNT,TGL_ACCT_SEC,XDYYNYY01,NACCM_PROV_UNCOL_ACCT</t>
  </si>
  <si>
    <t>Allowances for Uncollectible Accounts</t>
  </si>
  <si>
    <t>Accounts Receivable</t>
  </si>
  <si>
    <t>BS1CA_12   Advances to Affiliates</t>
  </si>
  <si>
    <t>%,FACCOUNT,TGL_ACCT_SEC,XDYYNYY01,NADV_TO_AFFILIATES</t>
  </si>
  <si>
    <t>Advances to Affiliates</t>
  </si>
  <si>
    <t>BS1CA_19    Fuel</t>
  </si>
  <si>
    <t>%,FACCOUNT,TGL_ACCT_SEC,XDYYNYY01,NFUEL</t>
  </si>
  <si>
    <t>Fuel</t>
  </si>
  <si>
    <t>%,FACCOUNT,TGL_ACCT_SEC,XDYYNYY01,NALLOW_INV</t>
  </si>
  <si>
    <t>Compliance Allowances Inventory</t>
  </si>
  <si>
    <t>BS1CA_21    Intangible Emission Allowances</t>
  </si>
  <si>
    <t>BS1CA_22    All Other Materials and Supplies</t>
  </si>
  <si>
    <t>%,FACCOUNT,TGL_ACCT_SEC,XDYYNYY01,NOTHER_MAT_&amp;_SUPPLIES</t>
  </si>
  <si>
    <t>Other Materials and Supplies</t>
  </si>
  <si>
    <t>%,FACCOUNT,TGL_ACCT_SEC,XDYYNYY01,NMERCHANDISE</t>
  </si>
  <si>
    <t>Merchandise</t>
  </si>
  <si>
    <t>%,FACCOUNT,TGL_ACCT_SEC,XDYYNYY01,NSTORES_EXPENSE</t>
  </si>
  <si>
    <t>Stores Expense</t>
  </si>
  <si>
    <t>Material and Supplies</t>
  </si>
  <si>
    <t>Fuel, Materials and Supplies</t>
  </si>
  <si>
    <t>%,V1760010</t>
  </si>
  <si>
    <t>1760010</t>
  </si>
  <si>
    <t>S/T Asset for Commodity Hedges</t>
  </si>
  <si>
    <t>BS1CA_24    Risk Management Assets</t>
  </si>
  <si>
    <t>%,FACCOUNT,TGL_ACCT_SEC,XDYYNYY01,NENERGY_TRADING_HEDGE</t>
  </si>
  <si>
    <t>Energy Trading - Hedge</t>
  </si>
  <si>
    <t>%,FACCOUNT,TGL_ACCT_SEC,XDYYNYY01,NENERGY_TRADING_MTM</t>
  </si>
  <si>
    <t>Energy Trading - MTM</t>
  </si>
  <si>
    <t>Risk Management Contracts - Current</t>
  </si>
  <si>
    <t>%,V1340043</t>
  </si>
  <si>
    <t>1340043</t>
  </si>
  <si>
    <t>Spec Deposit BNP Paribas</t>
  </si>
  <si>
    <t>BS1CA_27    Margin Deposits</t>
  </si>
  <si>
    <t>%,FACCOUNT,TGL_ACCT_SEC,XDYYNYY01,NMARGIN</t>
  </si>
  <si>
    <t>Margin Deposits</t>
  </si>
  <si>
    <t>%,FACCOUNT,TGL_ACCT_SEC,XDYYNYY01,NINT_UNDER_RECOVER</t>
  </si>
  <si>
    <t>Interest Under Recover</t>
  </si>
  <si>
    <t>BS1CA_25    Regulatory Asset for Under-Recovered Fuel Costs</t>
  </si>
  <si>
    <t>%,FACCOUNT,TGL_ACCT_SEC,XDYYNYY01,NUNRECOVERED_FUEL</t>
  </si>
  <si>
    <t>Unrecovered Fuel</t>
  </si>
  <si>
    <t>Unrecovered Fuel - Current</t>
  </si>
  <si>
    <t>%,FACCOUNT,TGL_ACCT_SEC,XDYYNYY01,NOTHER_CUR_REG_ASSETS</t>
  </si>
  <si>
    <t>Other Current Regulatory Assets</t>
  </si>
  <si>
    <t>BS1CA_29    Prepayments and Other Current Assets</t>
  </si>
  <si>
    <t>%,FACCOUNT,TGL_ACCT_SEC,XDYYNYY01,NPREPAY_O&amp;M</t>
  </si>
  <si>
    <t>Prepayments - O&amp;M</t>
  </si>
  <si>
    <t>%,V165000212</t>
  </si>
  <si>
    <t>165000212</t>
  </si>
  <si>
    <t>%,V165000213</t>
  </si>
  <si>
    <t>165000213</t>
  </si>
  <si>
    <t>%,V165001112</t>
  </si>
  <si>
    <t>165001112</t>
  </si>
  <si>
    <t>%,V165001113</t>
  </si>
  <si>
    <t>165001113</t>
  </si>
  <si>
    <t>%,V165001212</t>
  </si>
  <si>
    <t>165001212</t>
  </si>
  <si>
    <t>%,V165001213</t>
  </si>
  <si>
    <t>165001213</t>
  </si>
  <si>
    <t>%,FACCOUNT,TGL_ACCT_SEC,XDYYNYY01,NPREPAY_TAX_PAYMENTS</t>
  </si>
  <si>
    <t>Prepayments - Tax Payments</t>
  </si>
  <si>
    <t>%,FACCOUNT,TGL_ACCT_SEC,XDYYNYY01,NPREPAY_INT&amp;DIV</t>
  </si>
  <si>
    <t>Prepayments - Interest and Dividends</t>
  </si>
  <si>
    <t>Prepayments</t>
  </si>
  <si>
    <t>%,FACCOUNT,TGL_ACCT_SEC,XDYYNYY01,NALLOW_SPEC</t>
  </si>
  <si>
    <t>Speculative Allowances</t>
  </si>
  <si>
    <t>Allowance Inventory and Withheld</t>
  </si>
  <si>
    <t>Allowances - Current</t>
  </si>
  <si>
    <t>%,FACCOUNT,TGL_ACCT_SEC,XDYYNYY01,NUNBILLED_LCRA</t>
  </si>
  <si>
    <t>Unbilled LCRA</t>
  </si>
  <si>
    <t>%,FACCOUNT,TGL_ACCT_SEC,XDYYNYY01,NABD_MAJOR_CONS</t>
  </si>
  <si>
    <t>ABD Major Construction Work</t>
  </si>
  <si>
    <t>%,FACCOUNT,TGL_ACCT_SEC,XDYYNYY01,NADVANCE_ROYALTY</t>
  </si>
  <si>
    <t>Advanced Royalty - Current</t>
  </si>
  <si>
    <t>%,FACCOUNT,TGL_ACCT_SEC,XDYYNYY01,NBILLINGS_DEFER</t>
  </si>
  <si>
    <t>%,FACCOUNT,TGL_ACCT_SEC,XDYYNYY01,NNONTRADITIONAL_OPT</t>
  </si>
  <si>
    <t>NonTraditional Option Premiums</t>
  </si>
  <si>
    <t>%,V174001113</t>
  </si>
  <si>
    <t>174001113</t>
  </si>
  <si>
    <t>Non-Highway Fuel Tx Credt-2012</t>
  </si>
  <si>
    <t>%,FACCOUNT,TGL_ACCT_SEC,XDYYNYY01,NCURRENT_ASSETS_OTHER</t>
  </si>
  <si>
    <t>Current Assets - Other</t>
  </si>
  <si>
    <t>Other Current Assets</t>
  </si>
  <si>
    <t>Prepayments and Other Current Assets</t>
  </si>
  <si>
    <t>TOTAL CURRENT ASSETS</t>
  </si>
  <si>
    <t>BS2PPE32    PPE Generation</t>
  </si>
  <si>
    <t>%,FACCOUNT,TGL_ACCT_SEC,XDYYNYY01,NELE_PRODUCTION</t>
  </si>
  <si>
    <t>Electric Production</t>
  </si>
  <si>
    <t>%,FACCOUNT,TGL_ACCT_SEC,XDYYNYY01,NELE_TRANSMISSION</t>
  </si>
  <si>
    <t>Electric Transmission</t>
  </si>
  <si>
    <t>BS2PPE33    PPE Transmission</t>
  </si>
  <si>
    <t>%,FACCOUNT,TGL_ACCT_SEC,XDYYNYY01,NELE_DISTRIBUTION</t>
  </si>
  <si>
    <t>Electric Distribution</t>
  </si>
  <si>
    <t>BS2PPE34    PPE Distribution</t>
  </si>
  <si>
    <t>BS2PPE35    PPE Other Property, Plant and Equipment</t>
  </si>
  <si>
    <t>%,FACCOUNT,TGL_ACCT_SEC,XDYYNYY01,NNONUTIL_PROP</t>
  </si>
  <si>
    <t>Non-Utility Property</t>
  </si>
  <si>
    <t>%,FACCOUNT,TGL_ACCT_SEC,XDYYNYY01,NOTHER_PPE_NONNUC</t>
  </si>
  <si>
    <t>Other PPE</t>
  </si>
  <si>
    <t>%,FACCOUNT,TGL_ACCT_SEC,XDYYNYY01,NNUCL_FUEL_LEASED</t>
  </si>
  <si>
    <t>Nuclear Fuel</t>
  </si>
  <si>
    <t>Other PPE (Gas, Mines, Nuclear Fuel)</t>
  </si>
  <si>
    <t>General Property, Plant and Equipment</t>
  </si>
  <si>
    <t>BS2PPE36    PPE Construction Work in Progress</t>
  </si>
  <si>
    <t>%,FACCOUNT,TGL_ACCT_SEC,XDYYNYY01,NCONST_WORK_IN_PROG</t>
  </si>
  <si>
    <t>Construction Work-in-Progress</t>
  </si>
  <si>
    <t>TOTAL PROPERTY, PLANT and EQUIPMENT</t>
  </si>
  <si>
    <t>BS2PPE37    PPE Accumulated Depreciation and Amortization</t>
  </si>
  <si>
    <t>%,FACCOUNT,TGL_ACCT_SEC,XDYYNYY01,NA/P_AMRT_CAP_LEASE,NA/P_AMRT_DEPR_OWNED</t>
  </si>
  <si>
    <t>Accumulated Depreciation and Amortization - Utility</t>
  </si>
  <si>
    <t>%,FACCOUNT,TGL_ACCT_SEC,XDYYNYY01,NACCM_PROV_DEP_DEPL_A</t>
  </si>
  <si>
    <t>Accumulated Depreciation and Amortization - NonUtility</t>
  </si>
  <si>
    <t>less: Accumulated Depreciation and Amortization</t>
  </si>
  <si>
    <t>NET PROPERTY, PLANT and EQUIPMENT</t>
  </si>
  <si>
    <t>%,FACCOUNT,TGL_ACCT_SEC,XDYYNYY01,NREG_CARRYING_COST</t>
  </si>
  <si>
    <t>Other Carrying Charges</t>
  </si>
  <si>
    <t>BS3NCA38    Regulatory Assets</t>
  </si>
  <si>
    <t>%,FACCOUNT,TGL_ACCT_SEC,XDYYNYY01,NRESTRUCTURING</t>
  </si>
  <si>
    <t>Restructuring Transition Costs</t>
  </si>
  <si>
    <t>%,FACCOUNT,TGL_ACCT_SEC,XDYYNYY01,NCUSTOMER_CHOICE</t>
  </si>
  <si>
    <t>Customer Choice Deferrals</t>
  </si>
  <si>
    <t>%,FACCOUNT,TGL_ACCT_SEC,XDYYNYY01,NFAS109_RECLASS</t>
  </si>
  <si>
    <t>FAS109 Reclass</t>
  </si>
  <si>
    <t>%,FACCOUNT,TGL_ACCT_SEC,XDYYNYY01,NSFAS109_FLOW_THRU</t>
  </si>
  <si>
    <t>FAS109 Flow Thru</t>
  </si>
  <si>
    <t>FAS109</t>
  </si>
  <si>
    <t>%,FACCOUNT,TGL_ACCT_SEC,XDYYNYY01,NSFAS158_REG_ASSET</t>
  </si>
  <si>
    <t>FAS158 Pension and OPEB</t>
  </si>
  <si>
    <t>%,FACCOUNT,TGL_ACCT_SEC,XDYYNYY01,NOTHER_RET_BENEFITS</t>
  </si>
  <si>
    <t>Other Retirement Benefits</t>
  </si>
  <si>
    <t>Retirement Benefits</t>
  </si>
  <si>
    <t>%,FACCOUNT,TGL_ACCT_SEC,XDYYNYY01,NENV_RELIABILITY</t>
  </si>
  <si>
    <t>Environmental and Reliability Costs</t>
  </si>
  <si>
    <t>%,FACCOUNT,TGL_ACCT_SEC,XDYYNYY01,NASS_RET_OBL</t>
  </si>
  <si>
    <t>%,FACCOUNT,TGL_ACCT_SEC,XDYYNYY01,NCOOK_OUTAGES</t>
  </si>
  <si>
    <t>Cook Plant Outages</t>
  </si>
  <si>
    <t>%,FACCOUNT,TGL_ACCT_SEC,XDYYNYY01,NSPENT_NUCLEAR_FUEL</t>
  </si>
  <si>
    <t>Spent Nuclear Fuel</t>
  </si>
  <si>
    <t>%,FACCOUNT,TGL_ACCT_SEC,XDYYNYY01,NSTORM_DAMAGES</t>
  </si>
  <si>
    <t>Storm Damages</t>
  </si>
  <si>
    <t>%,FACCOUNT,TGL_ACCT_SEC,XDYYNYY01,NMISC_REGULATRY_ASSET</t>
  </si>
  <si>
    <t>Miscellaneous Regulatory Assets</t>
  </si>
  <si>
    <t>Regulatory Assets NonFuel</t>
  </si>
  <si>
    <t>%,FACCOUNT,TGL_ACCT_SEC,XBYNNYY01,NUNDERRECOVERY_FUEL</t>
  </si>
  <si>
    <t>Under Recovery - Fuel</t>
  </si>
  <si>
    <t>%,FACCOUNT,TGL_ACCT_SEC,XDYYNYY01,NUNAM_L_REAQ_DEBT</t>
  </si>
  <si>
    <t>Unamortized Loss Reacquired Debt</t>
  </si>
  <si>
    <t>Net Regulatory Assets</t>
  </si>
  <si>
    <t>%,FACCOUNT,TGL_ACCT_SEC,XDYYNYY01,NSECURITIZED_TRANS</t>
  </si>
  <si>
    <t>Securitized Transition Assets and Other</t>
  </si>
  <si>
    <t>BS3NCA39    Securitized Transition Assets</t>
  </si>
  <si>
    <t>%,FACCOUNT,TGL_ACCT_SEC,XDYYNYY01,NOTHER_SPECIAL_FUNDS</t>
  </si>
  <si>
    <t>Spent Nuclear Fuel and Decommissioning Trusts</t>
  </si>
  <si>
    <t>BS3NCA40    Spent Nuclear Fuel and Decommissioning Trusts</t>
  </si>
  <si>
    <t>%,FACCOUNT,TGL_ACCT_SEC,XDYYNYY01,NCONSOL_SUBS_EQUITY</t>
  </si>
  <si>
    <t>Investments in Consol Subs</t>
  </si>
  <si>
    <t>BS3NCA46    Investments in Power and Distribution Projects</t>
  </si>
  <si>
    <t>%,FACCOUNT,TGL_ACCT_SEC,XDYYNYY01,NNONCONSOL_SUB_EQUITY,NNONCONSOL_COST_BASIS</t>
  </si>
  <si>
    <t>Investments in Non-Consol Subs</t>
  </si>
  <si>
    <t>Investments in Power and Distribution Projects</t>
  </si>
  <si>
    <t>%,FACCOUNT,TGL_ACCT_SEC,XDYYNYY01,NGOODWILL</t>
  </si>
  <si>
    <t>Goodwill</t>
  </si>
  <si>
    <t>BS3NCA41    Goodwill</t>
  </si>
  <si>
    <t>%,FACCOUNT,TGL_ACCT_SEC,XDYYNYY01,NL/T_TRADING_HEDGE</t>
  </si>
  <si>
    <t>Long-Term Risk Management Assets-Hedge</t>
  </si>
  <si>
    <t>BS3NCA42    Long-term Risk Management Assets</t>
  </si>
  <si>
    <t>%,FACCOUNT,TGL_ACCT_SEC,XDYYNYY01,NL/T_TRADING_MTM</t>
  </si>
  <si>
    <t>Long-Term Risk Management Assets-MTM</t>
  </si>
  <si>
    <t>Long-Term Risk Management Assets</t>
  </si>
  <si>
    <t>BS3NCA44    Employee Benefits and Pension Assets</t>
  </si>
  <si>
    <t>%,FACCOUNT,TGL_ACCT_SEC,XDYYNYY01,NEE_BEN_PEN</t>
  </si>
  <si>
    <t>Employee Benefits and Pension Assets</t>
  </si>
  <si>
    <t>BS3NCA47    Deferred Charges and Other Noncurrent</t>
  </si>
  <si>
    <t>%,FACCOUNT,TGL_ACCT_SEC,XDYYNYY01,NOTHER_INVESTMENTS</t>
  </si>
  <si>
    <t>Other Investments - General</t>
  </si>
  <si>
    <t>%,FACCOUNT,TGL_ACCT_SEC,XDYYNYY01,NINTANGIBLE ASSETS</t>
  </si>
  <si>
    <t>Intangible Assets</t>
  </si>
  <si>
    <t>%,FACCOUNT,TGL_ACCT_SEC,XDYYNYY01,NCLEARING_ACCOUNTS</t>
  </si>
  <si>
    <t>Clearing Accounts Expense</t>
  </si>
  <si>
    <t>%,FACCOUNT,TGL_ACCT_SEC,XDYYNYY01,NUNAMT_DEBT_EXPENSE</t>
  </si>
  <si>
    <t>Unamortized Debt Expense</t>
  </si>
  <si>
    <t>%,V186000312</t>
  </si>
  <si>
    <t>186000312</t>
  </si>
  <si>
    <t>%,V186000316</t>
  </si>
  <si>
    <t>186000316</t>
  </si>
  <si>
    <t>%,FACCOUNT,TGL_ACCT_SEC,XDYYNYY01,NDEFERRED_PROPERTYTAX</t>
  </si>
  <si>
    <t>Deferred Property Tax</t>
  </si>
  <si>
    <t>%,FACCOUNT,TGL_ACCT_SEC,XDYYNYY01,NALLOW_NONCUR</t>
  </si>
  <si>
    <t>Allowances - Non-Current</t>
  </si>
  <si>
    <t>%,V1710048</t>
  </si>
  <si>
    <t>1710048</t>
  </si>
  <si>
    <t>Interest Receivable -FIT -LT</t>
  </si>
  <si>
    <t>%,V1710348</t>
  </si>
  <si>
    <t>1710348</t>
  </si>
  <si>
    <t>Interest Receivable -SIT -LT</t>
  </si>
  <si>
    <t>%,FACCOUNT,TGL_ACCT_SEC,XDYYNYY01,NOTH_DEF_INT</t>
  </si>
  <si>
    <t>Deferred Interest</t>
  </si>
  <si>
    <t>%,V1830004</t>
  </si>
  <si>
    <t>1830004</t>
  </si>
  <si>
    <t>Prelim Survey &amp; Invstgtn Resrv</t>
  </si>
  <si>
    <t>%,FACCOUNT,TGL_ACCT_SEC,XDYYNYY01,NOTH_DEF_SURVEY</t>
  </si>
  <si>
    <t>Deferred Survey/Investigations</t>
  </si>
  <si>
    <t>%,FACCOUNT,TGL_ACCT_SEC,XDYYNYY01,NOTH_DEF_DR_O&amp;M</t>
  </si>
  <si>
    <t>Other Defd Debits - O&amp;M</t>
  </si>
  <si>
    <t>%,FACCOUNT,TGL_ACCT_SEC,XDYYNYY01,NOTH_DEF_DR_OTHER</t>
  </si>
  <si>
    <t>Other Defd Debits - Other</t>
  </si>
  <si>
    <t>%,FACCOUNT,TGL_ACCT_SEC,XDYYNYY01,NOTH_DEF_DR_FUEL</t>
  </si>
  <si>
    <t>Other Defd Debits - Fuel</t>
  </si>
  <si>
    <t>Other Deferred Debits (less PSDR)</t>
  </si>
  <si>
    <t>Other Non Current Assets</t>
  </si>
  <si>
    <t>TOTAL OTHER NON-CURRENT ASSETS</t>
  </si>
  <si>
    <t>Assets Held for Sale</t>
  </si>
  <si>
    <t xml:space="preserve">Assets Held for Sale </t>
  </si>
  <si>
    <t>Assets of Discontinued Operations</t>
  </si>
  <si>
    <t>TOTAL ASSETS</t>
  </si>
  <si>
    <t>LIABILITIES</t>
  </si>
  <si>
    <t>BS5CL_52    AP General</t>
  </si>
  <si>
    <t>%,R,FACCOUNT,TGL_ACCT_SEC,XDYYNYY01,NAP_REGULAR</t>
  </si>
  <si>
    <t>Acct Payable - Regular</t>
  </si>
  <si>
    <t>%,R,FACCOUNT,TGL_ACCT_SEC,XDYYNYY01,NAP_BOOKOUTS</t>
  </si>
  <si>
    <t>Acct Payable - Bookouts</t>
  </si>
  <si>
    <t>%,R,FACCOUNT,TGL_ACCT_SEC,XDYYNYY01,NAP_BOOKOUTS_MLR</t>
  </si>
  <si>
    <t>Acct Payable - Bookouts MLR</t>
  </si>
  <si>
    <t>%,R,FACCOUNT,TGL_ACCT_SEC,XDYYNYY01,NAEP_CREDIT</t>
  </si>
  <si>
    <t>Acct Payable - AEP Credit</t>
  </si>
  <si>
    <t>%,R,FACCOUNT,TGL_ACCT_SEC,XDYYNYY01,NCOAL_TRADING</t>
  </si>
  <si>
    <t>Acct Payable - Coal Trading</t>
  </si>
  <si>
    <t>%,R,FACCOUNT,TGL_ACCT_SEC,XDYYNYY01,NELEC_TRADING</t>
  </si>
  <si>
    <t>Acct Payable - Electric Trading</t>
  </si>
  <si>
    <t>%,R,FACCOUNT,TGL_ACCT_SEC,XDYYNYY01,NGAS_PHYSICALS</t>
  </si>
  <si>
    <t>Acct Payable - Gas Physicals</t>
  </si>
  <si>
    <t>%,R,FACCOUNT,TGL_ACCT_SEC,XDYYNYY01,NGAS_PURCHASES</t>
  </si>
  <si>
    <t>Acct Payable - Gas Purchases</t>
  </si>
  <si>
    <t>%,V2320054</t>
  </si>
  <si>
    <t>2320054</t>
  </si>
  <si>
    <t>Emission Allowance Trading</t>
  </si>
  <si>
    <t>%,R,FACCOUNT,TGL_ACCT_SEC,XDYYNYY01,NOTHER_ACCTS_PAYABLE</t>
  </si>
  <si>
    <t>Acct Payable - Other</t>
  </si>
  <si>
    <t>%,R,FACCOUNT,TGL_ACCT_SEC,XDYYNYY01,NSTP_ACCTS_PAYABLE</t>
  </si>
  <si>
    <t>Acct Payable - STP</t>
  </si>
  <si>
    <t>%,R,FACCOUNT,TGL_ACCT_SEC,XDYYNYY01,NUNINVOICED_FUEL</t>
  </si>
  <si>
    <t>Acct Payable - Uninvoiced Fuel</t>
  </si>
  <si>
    <t>%,R,FACCOUNT,TGL_ACCT_SEC,XDYYNYY01,NUNINVOICED_OVEC</t>
  </si>
  <si>
    <t>Acct Payable - Uninvoiced OVEC</t>
  </si>
  <si>
    <t>%,R,FACCOUNT,TGL_ACCT_SEC,XDYYNYY01,NUNINVOICED_PURCH_POW</t>
  </si>
  <si>
    <t>Acct Payable - Uninvoiced Purch Power</t>
  </si>
  <si>
    <t>%,R,FACCOUNT,TGL_ACCT_SEC,XDYYNYY01,NUNVOUCHERED_INVOICES</t>
  </si>
  <si>
    <t>Acct Payable - Unvouchered Invoices</t>
  </si>
  <si>
    <t>General Accounts Payable</t>
  </si>
  <si>
    <t>%,R,FACCOUNT,TGL_ACCT_SEC,XDYYNYY01,NNOTES_PAYABLE_AFFIL</t>
  </si>
  <si>
    <t>Affiliated Notes Payable</t>
  </si>
  <si>
    <t>BS5CL_53    AP Affiliated Companies - AP</t>
  </si>
  <si>
    <t>%,R,FACCOUNT,TGL_ACCT_SEC,XDYYNYY01,NACCTS_PAY_AFFIL</t>
  </si>
  <si>
    <t>Affiliated Accounts Payable</t>
  </si>
  <si>
    <t>Associated Companies Accounts Payable</t>
  </si>
  <si>
    <t>Accounts Payable</t>
  </si>
  <si>
    <t>BS4CL_51   Advances From Affiliates</t>
  </si>
  <si>
    <t>%,R,FACCOUNT,TGL_ACCT_SEC,XDYYNYY01,NADV_FROM_AFFILIATES</t>
  </si>
  <si>
    <t>Advances from Affiliates</t>
  </si>
  <si>
    <t>%,R,FACCOUNT,TGL_ACCT_SEC,XDYYNYY01,NNOTES_PAYABLE</t>
  </si>
  <si>
    <t>Short-Term Notes Payable</t>
  </si>
  <si>
    <t>%,R,FACCOUNT,TGL_ACCT_SEC,XDYYNYY01,NCOMMERCIAL_PAPER</t>
  </si>
  <si>
    <t>Short-Term Commercial Paper</t>
  </si>
  <si>
    <t>Short-Term Debt</t>
  </si>
  <si>
    <t>%,R,FACCOUNT,TGL_ACCT_SEC,XDYYNYY01,NCURRENT_REG_LIAB</t>
  </si>
  <si>
    <t>Other Current Regulatory Liabilities</t>
  </si>
  <si>
    <t>BS5CL_55    Long-term Debt Due Within One Year - Nonaffiliated</t>
  </si>
  <si>
    <t>%,R,FACCOUNT,TGL_ACCT_SEC,XDYYNYY01,NLTD_DUE_ONE_YEAR_NA</t>
  </si>
  <si>
    <t>Long-Term Debt Due Within One Year Non-Affiliated</t>
  </si>
  <si>
    <t>%,V2230500</t>
  </si>
  <si>
    <t>2230500</t>
  </si>
  <si>
    <t>Advances from Assoc Co-Current</t>
  </si>
  <si>
    <t>BS5CL_56    Long-term Debt Due Within One Year - Affiliated</t>
  </si>
  <si>
    <t>%,R,FACCOUNT,TGL_ACCT_SEC,XDYYNYY01,NLTD_DUE_ONE_YEAR_AFF</t>
  </si>
  <si>
    <t>Long-Term Debt Due Within One Year - Affiliated</t>
  </si>
  <si>
    <t>%,R,FACCOUNT,TGL_ACCT_SEC,XDYYNYY01,NENERGY_HEDGE</t>
  </si>
  <si>
    <t>Risk Management Liabilities - Hedge</t>
  </si>
  <si>
    <t>BS5CL_58    Risk Management Liabilities</t>
  </si>
  <si>
    <t>%,R,FACCOUNT,TGL_ACCT_SEC,XDYYNYY01,NENERGY_MTM</t>
  </si>
  <si>
    <t>Risk Management Liabilities - MTM</t>
  </si>
  <si>
    <t>Risk Management Liabilities</t>
  </si>
  <si>
    <t>BS5CL_60    Accrued Taxes</t>
  </si>
  <si>
    <t>%,V236000212</t>
  </si>
  <si>
    <t>236000212</t>
  </si>
  <si>
    <t>%,V236000700</t>
  </si>
  <si>
    <t>236000700</t>
  </si>
  <si>
    <t>%,V236000712</t>
  </si>
  <si>
    <t>236000712</t>
  </si>
  <si>
    <t>%,V236000713</t>
  </si>
  <si>
    <t>236000713</t>
  </si>
  <si>
    <t>%,V236000810</t>
  </si>
  <si>
    <t>236000810</t>
  </si>
  <si>
    <t>%,V236000811</t>
  </si>
  <si>
    <t>236000811</t>
  </si>
  <si>
    <t>%,V236000816</t>
  </si>
  <si>
    <t>236000816</t>
  </si>
  <si>
    <t>%,V236001212</t>
  </si>
  <si>
    <t>236001212</t>
  </si>
  <si>
    <t>%,V236003311</t>
  </si>
  <si>
    <t>236003311</t>
  </si>
  <si>
    <t>%,V236003312</t>
  </si>
  <si>
    <t>236003312</t>
  </si>
  <si>
    <t>%,V236003313</t>
  </si>
  <si>
    <t>236003313</t>
  </si>
  <si>
    <t>%,V236003513</t>
  </si>
  <si>
    <t>236003513</t>
  </si>
  <si>
    <t>%,V2360038</t>
  </si>
  <si>
    <t>2360038</t>
  </si>
  <si>
    <t>Reorg Payroll Tax Accrual</t>
  </si>
  <si>
    <t>%,R,FACCOUNT,TGL_ACCT_SEC,XDYYNYY01,NTAXES_ACCRUED</t>
  </si>
  <si>
    <t>Accrued Taxes</t>
  </si>
  <si>
    <t>%,R,FACCOUNT,TGL_ACCT_SEC,XDYYNYY01,NTAXES_ACCR_PROPERTY</t>
  </si>
  <si>
    <t>Memo: Property Taxes</t>
  </si>
  <si>
    <t>BS5CL_62    Accrued Interest</t>
  </si>
  <si>
    <t>%,R,FACCOUNT,TGL_ACCT_SEC,XDYYNYY01,NINTEREST_ACCR_GEN</t>
  </si>
  <si>
    <t>Interested Accrued - General</t>
  </si>
  <si>
    <t>%,R,FACCOUNT,TGL_ACCT_SEC,XDYYNYY01,NINTEREST_ACCR_AFFIL</t>
  </si>
  <si>
    <t>Interested Accrued - Affiliated</t>
  </si>
  <si>
    <t>Accrued Interest</t>
  </si>
  <si>
    <t>BS5CL_59    Customer Deposits</t>
  </si>
  <si>
    <t>%,R,FACCOUNT,TGL_ACCT_SEC,XDYYNYY01,NRISK_COLLATERAL</t>
  </si>
  <si>
    <t>Risk Management Collateral</t>
  </si>
  <si>
    <t>%,R,FACCOUNT,TGL_ACCT_SEC,XDYYNYY01,NUTILITY_CUSTOMER_DEP</t>
  </si>
  <si>
    <t>Utility Customer Deposits</t>
  </si>
  <si>
    <t>Deposits - Customer and Collateral</t>
  </si>
  <si>
    <t>%,R,FACCOUNT,TGL_ACCT_SEC,XDYYNYY01,NOVER_RECV_FUEL_CUR</t>
  </si>
  <si>
    <t>Over-Recovered Fuel Costs - Current</t>
  </si>
  <si>
    <t>BS5CL_64    Regulatory Liability for Over-Recovered Fuel Costs</t>
  </si>
  <si>
    <t>%,R,FACCOUNT,TGL_ACCT_SEC,XDYYNYY01,NDIVIDENDS_DECLARED</t>
  </si>
  <si>
    <t>Dividends Declared</t>
  </si>
  <si>
    <t>BS5CL_68    Other Current Liabilities</t>
  </si>
  <si>
    <t>%,R,FACCOUNT,TGL_ACCT_SEC,XDYYNYY01,NPS_DUE_ONE_YEAR</t>
  </si>
  <si>
    <t>Preferred Stock due W/IN 1 Yr</t>
  </si>
  <si>
    <t>%,R,FACCOUNT,TGL_ACCT_SEC,XDYYNYY01,NOBLGTN_UNDR_CAP_LSES</t>
  </si>
  <si>
    <t>Obligations under Capital Leases - Current</t>
  </si>
  <si>
    <t>%,R,FACCOUNT,TGL_ACCT_SEC,XDYYNYY01,NTAX_COLLECT_PAYABLE</t>
  </si>
  <si>
    <t>Tax Collections Payable</t>
  </si>
  <si>
    <t>%,V2290006</t>
  </si>
  <si>
    <t>2290006</t>
  </si>
  <si>
    <t>Acc Prv for Potential Refund</t>
  </si>
  <si>
    <t>%,R,FACCOUNT,TGL_ACCT_SEC,XDYYNYY01,NREVENUE_REFUNDS_ACCR</t>
  </si>
  <si>
    <t>Revenue Refunds - Accrued</t>
  </si>
  <si>
    <t>%,R,FACCOUNT,TGL_ACCT_SEC,XDYYNYY01,NACCR_RENTS_NON_ROCK</t>
  </si>
  <si>
    <t>Accrued Rents - Rockport</t>
  </si>
  <si>
    <t>%,R,FACCOUNT,TGL_ACCT_SEC,XDYYNYY01,NACCRUED_PAYROLL</t>
  </si>
  <si>
    <t>Accrued - Payroll</t>
  </si>
  <si>
    <t>%,R,FACCOUNT,TGL_ACCT_SEC,XDYYNYY01,NACCRUED_RENTS_AFFIL,NACCRD_RENTS_NONAFIL</t>
  </si>
  <si>
    <t>Accrued Rents</t>
  </si>
  <si>
    <t>%,R,FACCOUNT,TGL_ACCT_SEC,XDYYNYY01,NACCRUED_ICP</t>
  </si>
  <si>
    <t>Accrued ICP</t>
  </si>
  <si>
    <t>%,R,FACCOUNT,TGL_ACCT_SEC,XDYYNYY01,NACCRUED_VACATIONS</t>
  </si>
  <si>
    <t>Accrued Vacations</t>
  </si>
  <si>
    <t>%,R,FACCOUNT,TGL_ACCT_SEC,XDYYNYY01,NEMPLOYEE_BENEFITS</t>
  </si>
  <si>
    <t>Misc Employee Benefits</t>
  </si>
  <si>
    <t>%,R,FACCOUNT,TGL_ACCT_SEC,XDYYNYY01,NPAYROLL_DEDUCTIONS</t>
  </si>
  <si>
    <t>Payroll Deductions</t>
  </si>
  <si>
    <t>%,V2420515</t>
  </si>
  <si>
    <t>2420515</t>
  </si>
  <si>
    <t>Severance Accrual</t>
  </si>
  <si>
    <t>%,V2420651</t>
  </si>
  <si>
    <t>2420651</t>
  </si>
  <si>
    <t>Reorg Severance Accrual</t>
  </si>
  <si>
    <t>%,V2420653</t>
  </si>
  <si>
    <t>2420653</t>
  </si>
  <si>
    <t>Reorg Misc HR Exp Accrual</t>
  </si>
  <si>
    <t>%,R,FACCOUNT,TGL_ACCT_SEC,XDYYNYY01,NSEVERENCE_SEI</t>
  </si>
  <si>
    <t>Severance / SEI</t>
  </si>
  <si>
    <t>%,R,FACCOUNT,TGL_ACCT_SEC,XDYYNYY01,NACCRD_WORKERS'_COMP</t>
  </si>
  <si>
    <t>Accrued Workers Compensation</t>
  </si>
  <si>
    <t>%,R,FACCOUNT,TGL_ACCT_SEC,XDYYNYY01,NCUSTOMER_ADVANCE</t>
  </si>
  <si>
    <t>Customer Advance</t>
  </si>
  <si>
    <t>%,R,FACCOUNT,TGL_ACCT_SEC,XDYYNYY01,NCONTROL_CASH</t>
  </si>
  <si>
    <t>Control Cash Disbursement Account</t>
  </si>
  <si>
    <t>%,R,FACCOUNT,TGL_ACCT_SEC,XDYYNYY01,NJMG_LIAB</t>
  </si>
  <si>
    <t>JMG Liability</t>
  </si>
  <si>
    <t>%,V2420087</t>
  </si>
  <si>
    <t>2420087</t>
  </si>
  <si>
    <t>Engage to Gain Incentive</t>
  </si>
  <si>
    <t>%,V242059212</t>
  </si>
  <si>
    <t>242059212</t>
  </si>
  <si>
    <t>%,V242059213</t>
  </si>
  <si>
    <t>242059213</t>
  </si>
  <si>
    <t>Sales Use Tax - Lease Equip</t>
  </si>
  <si>
    <t>%,R,FACCOUNT,TGL_ACCT_SEC,XDYYNYY01,NMISC_CURR_AND_ACCRD</t>
  </si>
  <si>
    <t>Misc Current and Accrued Liabilities</t>
  </si>
  <si>
    <t>Current Other and Accrued Liabilities</t>
  </si>
  <si>
    <t>Other Current Liabilities</t>
  </si>
  <si>
    <t>TOTAL CURRENT LIABILITIES</t>
  </si>
  <si>
    <t>%,V2230000</t>
  </si>
  <si>
    <t>2230000</t>
  </si>
  <si>
    <t>Advances from Associated Co</t>
  </si>
  <si>
    <t>Long-term Debt - Affiliated</t>
  </si>
  <si>
    <t>%,R,FACCOUNT,TGL_ACCT_SEC,XDYYNYY01,NLT_NOTE_PAY_AFFIL,NLT_OTHER_AFFIL,NLTD_ADVANCES_AFFIL</t>
  </si>
  <si>
    <t>Long-Term Debt - Affiliated</t>
  </si>
  <si>
    <t>BS7LDN70    Long-term Debt - Nonaffiliated</t>
  </si>
  <si>
    <t>%,R,FACCOUNT,TGL_ACCT_SEC,XDYYNYY01,NLTD_FMB,NLTD_IPC,NLT_NOTE_PAY_NONAFFIL,NLTD_DEBENTURES,NLTD_SENIOR_UNS_NOTE,NLT_OTHER_NONAFF</t>
  </si>
  <si>
    <t>Long-Term Debt - Non Affiliated</t>
  </si>
  <si>
    <t>%,R,FACCOUNT,TGL_ACCT_SEC,XDYYNYY01,NLTD_PREMIUMS,NLTD_DISCOUNTS</t>
  </si>
  <si>
    <t>Long-Term Debt - Premiums and Discounts Unamort</t>
  </si>
  <si>
    <t>Memo - LTD NonAffiliated and Premiums</t>
  </si>
  <si>
    <t>%,R,FACCOUNT,TGL_ACCT_SEC,XDYYNYY01,NLT_ENERGY_HEDGE</t>
  </si>
  <si>
    <t>Long-Term Risk Management Liabilities - Hedge</t>
  </si>
  <si>
    <t>BS8NCL73    Long-term Risk Management Liabilities</t>
  </si>
  <si>
    <t>%,R,FACCOUNT,TGL_ACCT_SEC,XDYYNYY01,NLT_ENERGY_MTM</t>
  </si>
  <si>
    <t>Long-Term Risk Management Liabilities - MTM</t>
  </si>
  <si>
    <t>Long-Term Risk Management Liabilities</t>
  </si>
  <si>
    <t>BS8NCL75    Deferred Income Taxes</t>
  </si>
  <si>
    <t>%,R,FACCOUNT,TGL_ACCT_SEC,XDYYNYY01,NDFIT_DSIT_RECLASS</t>
  </si>
  <si>
    <t>DFIT &amp; DSIT Reclass (A/C 190)</t>
  </si>
  <si>
    <t>%,V2360701</t>
  </si>
  <si>
    <t>2360701</t>
  </si>
  <si>
    <t>SEC Accum Defd FIT-Util FIN 48</t>
  </si>
  <si>
    <t>%,V2830006</t>
  </si>
  <si>
    <t>2830006</t>
  </si>
  <si>
    <t>ADIT Federal - SFAS 133 Nonaff</t>
  </si>
  <si>
    <t>%,R,FACCOUNT,TGL_ACCT_SEC,XDYYNYY01,NACCUM_DFRD_INC_TAXES</t>
  </si>
  <si>
    <t>Accum Deferred Income Tax Credit</t>
  </si>
  <si>
    <t>Deferred Income Taxes</t>
  </si>
  <si>
    <t>BS8NCL77    Regulatory Liabilities and Deferred Investment Tax Credits</t>
  </si>
  <si>
    <t>%,R,FACCOUNT,TGL_ACCT_SEC,XDYYNYY01,NACCUM_DFRD_INVEST_CR</t>
  </si>
  <si>
    <t>Deferred Investment Tax Credits</t>
  </si>
  <si>
    <t>%,R,FACCOUNT,TGL_ACCT_SEC,XDYYNYY01,NOVER_RECOVERY_FUEL</t>
  </si>
  <si>
    <t>Over - Recovery of Fuel Costs</t>
  </si>
  <si>
    <t>%,R,FACCOUNT,TGL_ACCT_SEC,XDYYNYY01,NSFAS106_OPEB</t>
  </si>
  <si>
    <t>SFAS 106 - OPEB</t>
  </si>
  <si>
    <t>%,R,FACCOUNT,TGL_ACCT_SEC,XDYYNYY01,NDEMAND_SIDE_MGMT_CR</t>
  </si>
  <si>
    <t>Demand Side Management - Credit</t>
  </si>
  <si>
    <t>%,R,FACCOUNT,TGL_ACCT_SEC,XDYYNYY01,NUNAM_G_REAQ_DEBT</t>
  </si>
  <si>
    <t>Unamortized Gain Reacquired Debt</t>
  </si>
  <si>
    <t>%,R,FACCOUNT,TGL_ACCT_SEC,XDYYNYY01,NSPENT_NUC_FUEL</t>
  </si>
  <si>
    <t>Spent Nuclear Fuel - Pre 4/83</t>
  </si>
  <si>
    <t>%,R,FACCOUNT,TGL_ACCT_SEC,XDYYNYY01,NUNREAL_GAIN_FORWARD</t>
  </si>
  <si>
    <t>Unrealized Gain Fwd Commitment</t>
  </si>
  <si>
    <t>%,R,FACCOUNT,TGL_ACCT_SEC,XDYYNYY01,NCOST_OF_REMOVAL</t>
  </si>
  <si>
    <t>%,R,FACCOUNT,TGL_ACCT_SEC,XDYYNYY01,NOTH_REG_LIABILITIES</t>
  </si>
  <si>
    <t>All Other Regulatory Liabilities</t>
  </si>
  <si>
    <t>Regulatory Liabilities and Deferred Credits</t>
  </si>
  <si>
    <t>Memo - Reg Liab and Def ITC</t>
  </si>
  <si>
    <t>BS8NCL79    Asset Retirement Obligations</t>
  </si>
  <si>
    <t>%,R,FACCOUNT,TGL_ACCT_SEC,XDYYNYY01,NARO</t>
  </si>
  <si>
    <t>Asset Retirement Obligation</t>
  </si>
  <si>
    <t>%,R,FACCOUNT,TGL_ACCT_SEC,XDYYNYY01,NNUCLEAR_DECOM</t>
  </si>
  <si>
    <t>Nuclear Decommissioning</t>
  </si>
  <si>
    <t>BS8NCL80    Employee Benefits and Pension Obligations</t>
  </si>
  <si>
    <t>%,V2283017</t>
  </si>
  <si>
    <t>2283017</t>
  </si>
  <si>
    <t>FAS 158 OPEB Payable Long Term</t>
  </si>
  <si>
    <t>%,R,FACCOUNT,TGL_ACCT_SEC,XDYYNYY01,NFAS158</t>
  </si>
  <si>
    <t>FAS 158</t>
  </si>
  <si>
    <t>%,V2283003</t>
  </si>
  <si>
    <t>2283003</t>
  </si>
  <si>
    <t>SFAS 106 Post Retirement Benef</t>
  </si>
  <si>
    <t>%,V2283018</t>
  </si>
  <si>
    <t>2283018</t>
  </si>
  <si>
    <t>SFAS 106 Med Part-D</t>
  </si>
  <si>
    <t>%,R,FACCOUNT,TGL_ACCT_SEC,XDYYNYY01,NOTH_EE_BEN</t>
  </si>
  <si>
    <t>Employee Benefits and Pension</t>
  </si>
  <si>
    <t>Employee Benefits and Pension Obligations</t>
  </si>
  <si>
    <t>%,R,FACCOUNT,TGL_ACCT_SEC,XDYYNYY01,NLTD_TRUST_PREF_SEC</t>
  </si>
  <si>
    <t>Trust Preferred Securities</t>
  </si>
  <si>
    <t>%,R,FACCOUNT,TGL_ACCT_SEC,XDYYNYY01,NPS_SUBJ_MAND_REDEMP,NPREF_STK_SUBSCR_CONV</t>
  </si>
  <si>
    <t>Cumulative Preferred Stocks of Subs - Mandatory Redemption</t>
  </si>
  <si>
    <t>BS8NCL84    Deferred Credits and Other Noncurrent Liabilities</t>
  </si>
  <si>
    <t>%,R,FACCOUNT,TGL_ACCT_SEC,XDYYNYY01,NOBLGTN_UNDR_CAP_LEA</t>
  </si>
  <si>
    <t>Obligations Under Capital Leases</t>
  </si>
  <si>
    <t>%,R,FACCOUNT,TGL_ACCT_SEC,XDYYNYY01,NDEF_CR_IT</t>
  </si>
  <si>
    <t>Def Credits - Income Tax</t>
  </si>
  <si>
    <t>%,R,FACCOUNT,TGL_ACCT_SEC,XDYYNYY01,NDEF_CR_NSR</t>
  </si>
  <si>
    <t>Def Credits - NSR</t>
  </si>
  <si>
    <t>%,R,FACCOUNT,TGL_ACCT_SEC,XDYYNYY01,NCUST_ADV_FOR_CONST</t>
  </si>
  <si>
    <t>Customer Advances for Construction</t>
  </si>
  <si>
    <t>%,R,FACCOUNT,TGL_ACCT_SEC,XDYYNYY01,NDEF_GAIN_SALE_LEASEB</t>
  </si>
  <si>
    <t>Def Gain on Sale/Leaseback</t>
  </si>
  <si>
    <t>%,R,FACCOUNT,TGL_ACCT_SEC,XDYYNYY01,NDEF_GAIN_RKPT</t>
  </si>
  <si>
    <t>Deferred Gain on Sale and Leaseback - Rockport</t>
  </si>
  <si>
    <t>%,R,FACCOUNT,TGL_ACCT_SEC,XDYYNYY01,NDEF_GN_DISP_UTIL_PLT</t>
  </si>
  <si>
    <t>Def Gain on Disp of Utility Plant</t>
  </si>
  <si>
    <t>%,R,FACCOUNT,TGL_ACCT_SEC,XDYYNYY01,NOTHER_DEFERRED_CR</t>
  </si>
  <si>
    <t>Def Credits - Other</t>
  </si>
  <si>
    <t>Total Other Deferred Credits</t>
  </si>
  <si>
    <t>%,R,FACCOUNT,TGL_ACCT_SEC,XDYYNYY01,NACCUM_PROV_RATE_REF</t>
  </si>
  <si>
    <t>Accumulated Provisions - Rate Refund</t>
  </si>
  <si>
    <t>%,R,FACCOUNT,TGL_ACCT_SEC,XDYYNYY01,NACCUM_PROV_-_MISC</t>
  </si>
  <si>
    <t>Accumulated Provisions - Misc</t>
  </si>
  <si>
    <t>Other Non-Current Liabilities</t>
  </si>
  <si>
    <t>TOTAL NON-CURRENT LIABILITIES</t>
  </si>
  <si>
    <t>Liabilities Held for Sale</t>
  </si>
  <si>
    <t>Liabilities of Discontinued Operations</t>
  </si>
  <si>
    <t>TOTAL LIABILITIES</t>
  </si>
  <si>
    <t>%,R,FACCOUNT,TGL_ACCT_SEC,XDYYNYY01,NPS_NOT_SUBJ_MAND</t>
  </si>
  <si>
    <t>Cumulative Pref Stocks of Subs - Not subject Mand Redemp</t>
  </si>
  <si>
    <t>Cumulative Preferred Stock Not Subject to Mandatory Redemption</t>
  </si>
  <si>
    <t>%,R,FACCOUNT,TGL_ACCT_SEC,XDYYNYY01,NOTH_CREDITS_MIN</t>
  </si>
  <si>
    <t>Minority Interest - Deferred Credits</t>
  </si>
  <si>
    <t>BS8NCL93    Minority Interest - Deferred Credits</t>
  </si>
  <si>
    <t>COMMON SHAREHOLDERS' EQUITY</t>
  </si>
  <si>
    <t>BS9EQU94    Common Stock</t>
  </si>
  <si>
    <t>%,R,FACCOUNT,TGL_ACCT_SEC,XDYYNYY01,NCOMMON_STOCK</t>
  </si>
  <si>
    <t>Common Stock</t>
  </si>
  <si>
    <t>BS9EQU95    Paid-in Capital</t>
  </si>
  <si>
    <t>%,R,FACCOUNT,TGL_ACCT_SEC,XDYYNYY01,NOTH_PAID-IN_CAPITAL</t>
  </si>
  <si>
    <t>Paid In Capital</t>
  </si>
  <si>
    <t>%,R,FACCOUNT,TGL_ACCT_SEC,XDYYNYY01,NPREMIUM_CAPITAL_STK</t>
  </si>
  <si>
    <t>Premium on Capital Stock</t>
  </si>
  <si>
    <t>Memo - Premium and Paid In Capital</t>
  </si>
  <si>
    <t>%,R,FACCOUNT,TGL_ACCT_SEC,NPS_DIVID_REQUIREMENT,FCURRENCY_CD</t>
  </si>
  <si>
    <t xml:space="preserve">Memo - Preferred Stock Dividend </t>
  </si>
  <si>
    <t>%,R,FACCOUNT,TGL_ACCT_SEC,V4181001</t>
  </si>
  <si>
    <t>4181001</t>
  </si>
  <si>
    <t>Memo - Equity Erngs of Sub-Consolidated</t>
  </si>
  <si>
    <t>%,R,FACCOUNT,TGL_ACCT_SEC,V4181002</t>
  </si>
  <si>
    <t>4181002</t>
  </si>
  <si>
    <t>Memo - Equity Erngs of Sub-NonConsolidated</t>
  </si>
  <si>
    <t>%,R,FACCOUNT,TGL_ACCT_SEC,NNET_INCOME</t>
  </si>
  <si>
    <t>Net Income</t>
  </si>
  <si>
    <t>BS9EQU97    Retained Earnings</t>
  </si>
  <si>
    <t>%,FACCOUNT,TGL_ACCT_SEC,NMINORITY_INT_EXP</t>
  </si>
  <si>
    <t>less Noncontrolling Interest</t>
  </si>
  <si>
    <t>Earnings before Preferred Stock</t>
  </si>
  <si>
    <t>%,V4380001</t>
  </si>
  <si>
    <t>4380001</t>
  </si>
  <si>
    <t>Div Declrd - Common Stk - Asso</t>
  </si>
  <si>
    <t>%,R,FACCOUNT,TGL_ACCT_SEC,XDYYNYY01,V4380001,V4380002</t>
  </si>
  <si>
    <t>Memo - Common Dividend Declared</t>
  </si>
  <si>
    <t>%,V2160001</t>
  </si>
  <si>
    <t>2160001</t>
  </si>
  <si>
    <t>Unapprp Retnd Erngs-Unrstrictd</t>
  </si>
  <si>
    <t>%,R,FACCOUNT,TGL_ACCT_SEC,XDYYNYY01,NRETAINED_EARNINGS</t>
  </si>
  <si>
    <t>Retained Earnings w/o Net Income</t>
  </si>
  <si>
    <t>Retained Earnings</t>
  </si>
  <si>
    <t>%,R,FACCOUNT,TGL_ACCT_SEC,XDYYNYY01,NOCI_FOREIGN</t>
  </si>
  <si>
    <t>OCI - Foreign Currency</t>
  </si>
  <si>
    <t>BS9EQU98    Accumulated Other Comprehensive Income (Loss)</t>
  </si>
  <si>
    <t>%,R,FACCOUNT,TGL_ACCT_SEC,XDYYNYY01,NOCI_PENSION</t>
  </si>
  <si>
    <t>OCI - Pension</t>
  </si>
  <si>
    <t>%,R,FACCOUNT,TGL_ACCT_SEC,XDYYNYY01,NOCI_DEBT_EQUITY</t>
  </si>
  <si>
    <t>OCI - Debt and Equity</t>
  </si>
  <si>
    <t>%,V2190010</t>
  </si>
  <si>
    <t>2190010</t>
  </si>
  <si>
    <t>OCI for Commodity Hedges</t>
  </si>
  <si>
    <t>%,R,FACCOUNT,TGL_ACCT_SEC,XDYYNYY01,NOCI_CASH_FLOW_HEDGE</t>
  </si>
  <si>
    <t>OCI - Cash Flow and Commodity Hedges</t>
  </si>
  <si>
    <t>%,R,FACCOUNT,TGL_ACCT_SEC,XDYYNYY01,NOCI_OTHER</t>
  </si>
  <si>
    <t>OCI - Other</t>
  </si>
  <si>
    <t>%,R,FACCOUNT,TGL_ACCT_SEC,NAOCI</t>
  </si>
  <si>
    <t>Accumulated Other Comprehensive Income (Loss)</t>
  </si>
  <si>
    <t>TOTAL SHAREHOLDERS' EQUITY</t>
  </si>
  <si>
    <t>Memo: Total Equity</t>
  </si>
  <si>
    <t>TOTAL LIABILITIES AND SHAREHOLDERS' EQUITY</t>
  </si>
  <si>
    <t>out-of-balance</t>
  </si>
  <si>
    <t>total 2016</t>
  </si>
  <si>
    <t>LINE   NO.</t>
  </si>
  <si>
    <t>DESCRIPTION</t>
  </si>
  <si>
    <t>KPCO TOTAL COMPANY ADJUSTMENT</t>
  </si>
  <si>
    <t>ALLOCATION METHOD</t>
  </si>
  <si>
    <t>ALLOCATION FACTOR</t>
  </si>
  <si>
    <t>KENTUCKY PSC RETAIL JURISDICTION ADJUSTMENT</t>
  </si>
  <si>
    <t>44x</t>
  </si>
  <si>
    <t>Retail Revenue</t>
  </si>
  <si>
    <t>Specific</t>
  </si>
  <si>
    <t>Reduce Firm Sales</t>
  </si>
  <si>
    <t>Adjustment to remove capacity charge revenues</t>
  </si>
  <si>
    <t>add over/under</t>
  </si>
  <si>
    <t>Test Year Twelve Months Ended 2/28/2017</t>
  </si>
  <si>
    <t>Ledger</t>
  </si>
  <si>
    <t>Sum of Amount</t>
  </si>
  <si>
    <t>Long Descr</t>
  </si>
  <si>
    <t>MACSS Dist Billed Revenue-03</t>
  </si>
  <si>
    <t>MACSS EST BILLED REV REVERSAL</t>
  </si>
  <si>
    <t>MACSS ESTIMATED BILLED REVENUE</t>
  </si>
  <si>
    <t>MACSS UNBILLD REVENUE REVERSAL</t>
  </si>
  <si>
    <t>MACSS UNBILLED REVENUE</t>
  </si>
  <si>
    <t>To identify billed fuel revenue per MACSS preliminary Tariff Summary for the current month Kentucky Power</t>
  </si>
  <si>
    <t>To identify Estimated Fuel Revenue per MACSS Tariff Summary for the current month - Kentucky Power</t>
  </si>
  <si>
    <t>To identify Unbilled Fuel Revenue per MACSS Tariff Summary for the current month - Kentucky Power</t>
  </si>
  <si>
    <t>To record a reg. asset for the difference between the $6.2M annual revenue amount authorized to be collected and the amount actually billed under Tariff C. C. from the current month as authorized by the KPSC in the Final Order in Case No. 2014-00396.</t>
  </si>
  <si>
    <t>To record reg. asset for the difference between the $6.2M annual revenue amount authorized to be collected and the amount actually billed under Tariff C.C. from July 2015 - May 2016 as authorized by the KPSC in Final Order - Case No. 2014-00396.</t>
  </si>
  <si>
    <t>Grand Total</t>
  </si>
  <si>
    <t>MACSS - Tariff Summary</t>
  </si>
  <si>
    <t>Capacity Charge Under Recovery</t>
  </si>
  <si>
    <t>4400001</t>
  </si>
  <si>
    <t>4400002</t>
  </si>
  <si>
    <t>4400005</t>
  </si>
  <si>
    <t>4420001</t>
  </si>
  <si>
    <t>4420002</t>
  </si>
  <si>
    <t>4420004</t>
  </si>
  <si>
    <t>4420005</t>
  </si>
  <si>
    <t>4420006</t>
  </si>
  <si>
    <t>4420007</t>
  </si>
  <si>
    <t>4420013</t>
  </si>
  <si>
    <t>4420016</t>
  </si>
  <si>
    <t>4420019</t>
  </si>
  <si>
    <t>4440000</t>
  </si>
  <si>
    <t>4440002</t>
  </si>
  <si>
    <t>4450002</t>
  </si>
  <si>
    <t>4450004</t>
  </si>
</sst>
</file>

<file path=xl/styles.xml><?xml version="1.0" encoding="utf-8"?>
<styleSheet xmlns="http://schemas.openxmlformats.org/spreadsheetml/2006/main" xmlns:mc="http://schemas.openxmlformats.org/markup-compatibility/2006" xmlns:x14ac="http://schemas.microsoft.com/office/spreadsheetml/2009/9/ac" mc:Ignorable="x14ac">
  <numFmts count="13">
    <numFmt numFmtId="8" formatCode="&quot;$&quot;#,##0.00_);[Red]\(&quot;$&quot;#,##0.00\)"/>
    <numFmt numFmtId="41" formatCode="_(* #,##0_);_(* \(#,##0\);_(* &quot;-&quot;_);_(@_)"/>
    <numFmt numFmtId="44" formatCode="_(&quot;$&quot;* #,##0.00_);_(&quot;$&quot;* \(#,##0.00\);_(&quot;$&quot;* &quot;-&quot;??_);_(@_)"/>
    <numFmt numFmtId="43" formatCode="_(* #,##0.00_);_(* \(#,##0.00\);_(* &quot;-&quot;??_);_(@_)"/>
    <numFmt numFmtId="164" formatCode="0.00%_);[Red]\(0.00%\)"/>
    <numFmt numFmtId="165" formatCode="_(* #,##0_);_(* \(#,##0\);_(* &quot;-&quot;??_);_(@_)"/>
    <numFmt numFmtId="166" formatCode="0_);\(0\)"/>
    <numFmt numFmtId="167" formatCode="0.000000"/>
    <numFmt numFmtId="168" formatCode="_(* #,##0.0_);_(* \(#,##0.0\);&quot;&quot;;_(@_)"/>
    <numFmt numFmtId="169" formatCode="[Blue]#,##0,_);[Red]\(#,##0,\)"/>
    <numFmt numFmtId="170" formatCode="&quot;Layout: &quot;@"/>
    <numFmt numFmtId="171" formatCode="_(&quot;$&quot;* #,##0_);_(&quot;$&quot;* \(#,##0\);_(&quot;$&quot;* &quot;-&quot;??_);_(@_)"/>
    <numFmt numFmtId="172" formatCode="0.000"/>
  </numFmts>
  <fonts count="98">
    <font>
      <sz val="10"/>
      <name val="Arial"/>
    </font>
    <font>
      <sz val="10"/>
      <name val="Arial"/>
      <family val="2"/>
    </font>
    <font>
      <sz val="10"/>
      <color indexed="8"/>
      <name val="Arial"/>
      <family val="2"/>
    </font>
    <font>
      <sz val="10"/>
      <color indexed="9"/>
      <name val="Arial"/>
      <family val="2"/>
    </font>
    <font>
      <sz val="10"/>
      <color indexed="20"/>
      <name val="Arial"/>
      <family val="2"/>
    </font>
    <font>
      <b/>
      <sz val="10"/>
      <color indexed="10"/>
      <name val="Arial"/>
      <family val="2"/>
    </font>
    <font>
      <b/>
      <sz val="10"/>
      <color indexed="9"/>
      <name val="Arial"/>
      <family val="2"/>
    </font>
    <font>
      <i/>
      <sz val="10"/>
      <color indexed="23"/>
      <name val="Arial"/>
      <family val="2"/>
    </font>
    <font>
      <sz val="10"/>
      <color indexed="17"/>
      <name val="Arial"/>
      <family val="2"/>
    </font>
    <font>
      <b/>
      <sz val="15"/>
      <color indexed="62"/>
      <name val="Arial"/>
      <family val="2"/>
    </font>
    <font>
      <b/>
      <sz val="13"/>
      <color indexed="62"/>
      <name val="Arial"/>
      <family val="2"/>
    </font>
    <font>
      <b/>
      <sz val="11"/>
      <color indexed="62"/>
      <name val="Arial"/>
      <family val="2"/>
    </font>
    <font>
      <sz val="10"/>
      <color indexed="62"/>
      <name val="Arial"/>
      <family val="2"/>
    </font>
    <font>
      <sz val="10"/>
      <color indexed="10"/>
      <name val="Arial"/>
      <family val="2"/>
    </font>
    <font>
      <sz val="10"/>
      <color indexed="19"/>
      <name val="Arial"/>
      <family val="2"/>
    </font>
    <font>
      <b/>
      <sz val="10"/>
      <color indexed="63"/>
      <name val="Arial"/>
      <family val="2"/>
    </font>
    <font>
      <sz val="10"/>
      <name val="MS Sans Serif"/>
      <family val="2"/>
    </font>
    <font>
      <b/>
      <sz val="10"/>
      <name val="MS Sans Serif"/>
      <family val="2"/>
    </font>
    <font>
      <b/>
      <sz val="18"/>
      <color indexed="62"/>
      <name val="Cambria"/>
      <family val="2"/>
    </font>
    <font>
      <b/>
      <sz val="10"/>
      <color indexed="8"/>
      <name val="Arial"/>
      <family val="2"/>
    </font>
    <font>
      <b/>
      <sz val="10"/>
      <name val="Arial"/>
      <family val="2"/>
    </font>
    <font>
      <sz val="10"/>
      <name val="Arial"/>
      <family val="2"/>
    </font>
    <font>
      <b/>
      <i/>
      <sz val="16"/>
      <name val="Times New Roman"/>
      <family val="1"/>
    </font>
    <font>
      <sz val="10"/>
      <name val="Times New Roman"/>
      <family val="1"/>
    </font>
    <font>
      <b/>
      <sz val="16"/>
      <name val="Times New Roman"/>
      <family val="1"/>
    </font>
    <font>
      <b/>
      <sz val="10"/>
      <name val="Times New Roman"/>
      <family val="1"/>
    </font>
    <font>
      <sz val="11"/>
      <color indexed="8"/>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i/>
      <sz val="11"/>
      <color indexed="23"/>
      <name val="Calibri"/>
      <family val="2"/>
    </font>
    <font>
      <sz val="11"/>
      <color indexed="17"/>
      <name val="Calibri"/>
      <family val="2"/>
    </font>
    <font>
      <b/>
      <sz val="15"/>
      <color indexed="56"/>
      <name val="Calibri"/>
      <family val="2"/>
    </font>
    <font>
      <b/>
      <sz val="13"/>
      <color indexed="56"/>
      <name val="Calibri"/>
      <family val="2"/>
    </font>
    <font>
      <b/>
      <sz val="11"/>
      <color indexed="56"/>
      <name val="Calibri"/>
      <family val="2"/>
    </font>
    <font>
      <sz val="11"/>
      <color indexed="62"/>
      <name val="Calibri"/>
      <family val="2"/>
    </font>
    <font>
      <sz val="11"/>
      <color indexed="52"/>
      <name val="Calibri"/>
      <family val="2"/>
    </font>
    <font>
      <sz val="11"/>
      <color indexed="60"/>
      <name val="Calibri"/>
      <family val="2"/>
    </font>
    <font>
      <b/>
      <sz val="11"/>
      <color indexed="63"/>
      <name val="Calibri"/>
      <family val="2"/>
    </font>
    <font>
      <b/>
      <sz val="18"/>
      <color indexed="56"/>
      <name val="Cambria"/>
      <family val="2"/>
    </font>
    <font>
      <b/>
      <sz val="11"/>
      <color indexed="8"/>
      <name val="Calibri"/>
      <family val="2"/>
    </font>
    <font>
      <sz val="11"/>
      <color indexed="10"/>
      <name val="Calibri"/>
      <family val="2"/>
    </font>
    <font>
      <sz val="10"/>
      <name val="Arial Unicode MS"/>
      <family val="2"/>
    </font>
    <font>
      <sz val="12"/>
      <name val="Arial MT"/>
    </font>
    <font>
      <sz val="10"/>
      <color indexed="8"/>
      <name val="Tahoma"/>
      <family val="2"/>
    </font>
    <font>
      <sz val="10"/>
      <color indexed="9"/>
      <name val="Tahoma"/>
      <family val="2"/>
    </font>
    <font>
      <sz val="10"/>
      <color indexed="20"/>
      <name val="Tahoma"/>
      <family val="2"/>
    </font>
    <font>
      <b/>
      <sz val="10"/>
      <color indexed="52"/>
      <name val="Arial"/>
      <family val="2"/>
    </font>
    <font>
      <b/>
      <sz val="10"/>
      <color indexed="52"/>
      <name val="Tahoma"/>
      <family val="2"/>
    </font>
    <font>
      <b/>
      <sz val="10"/>
      <color indexed="9"/>
      <name val="Tahoma"/>
      <family val="2"/>
    </font>
    <font>
      <b/>
      <sz val="10"/>
      <name val="Arial Unicode MS"/>
      <family val="2"/>
    </font>
    <font>
      <i/>
      <sz val="10"/>
      <color indexed="23"/>
      <name val="Tahoma"/>
      <family val="2"/>
    </font>
    <font>
      <sz val="10"/>
      <color indexed="17"/>
      <name val="Tahoma"/>
      <family val="2"/>
    </font>
    <font>
      <b/>
      <sz val="15"/>
      <color indexed="62"/>
      <name val="Calibri"/>
      <family val="2"/>
    </font>
    <font>
      <b/>
      <sz val="15"/>
      <color indexed="56"/>
      <name val="Tahoma"/>
      <family val="2"/>
    </font>
    <font>
      <b/>
      <sz val="15"/>
      <color indexed="56"/>
      <name val="Arial"/>
      <family val="2"/>
    </font>
    <font>
      <b/>
      <sz val="13"/>
      <color indexed="62"/>
      <name val="Calibri"/>
      <family val="2"/>
    </font>
    <font>
      <b/>
      <sz val="13"/>
      <color indexed="56"/>
      <name val="Tahoma"/>
      <family val="2"/>
    </font>
    <font>
      <b/>
      <sz val="13"/>
      <color indexed="56"/>
      <name val="Arial"/>
      <family val="2"/>
    </font>
    <font>
      <b/>
      <sz val="11"/>
      <color indexed="62"/>
      <name val="Calibri"/>
      <family val="2"/>
    </font>
    <font>
      <b/>
      <sz val="11"/>
      <color indexed="56"/>
      <name val="Tahoma"/>
      <family val="2"/>
    </font>
    <font>
      <b/>
      <sz val="11"/>
      <color indexed="56"/>
      <name val="Arial"/>
      <family val="2"/>
    </font>
    <font>
      <sz val="10"/>
      <color indexed="62"/>
      <name val="Tahoma"/>
      <family val="2"/>
    </font>
    <font>
      <b/>
      <sz val="12"/>
      <color indexed="12"/>
      <name val="Arial"/>
      <family val="2"/>
    </font>
    <font>
      <sz val="10"/>
      <color indexed="52"/>
      <name val="Arial"/>
      <family val="2"/>
    </font>
    <font>
      <sz val="10"/>
      <color indexed="52"/>
      <name val="Tahoma"/>
      <family val="2"/>
    </font>
    <font>
      <sz val="10"/>
      <color indexed="60"/>
      <name val="Arial"/>
      <family val="2"/>
    </font>
    <font>
      <sz val="10"/>
      <color indexed="60"/>
      <name val="Tahoma"/>
      <family val="2"/>
    </font>
    <font>
      <sz val="10"/>
      <color indexed="64"/>
      <name val="Arial"/>
      <family val="2"/>
    </font>
    <font>
      <sz val="8"/>
      <color indexed="48"/>
      <name val="Arial"/>
      <family val="2"/>
    </font>
    <font>
      <b/>
      <sz val="10"/>
      <color indexed="63"/>
      <name val="Tahoma"/>
      <family val="2"/>
    </font>
    <font>
      <b/>
      <sz val="10"/>
      <color indexed="8"/>
      <name val="Tahoma"/>
      <family val="2"/>
    </font>
    <font>
      <sz val="10"/>
      <color indexed="10"/>
      <name val="Tahoma"/>
      <family val="2"/>
    </font>
    <font>
      <sz val="8"/>
      <name val="Arial"/>
      <family val="2"/>
    </font>
    <font>
      <b/>
      <u/>
      <sz val="10"/>
      <name val="Arial"/>
      <family val="2"/>
    </font>
    <font>
      <sz val="12"/>
      <name val="Times New Roman"/>
      <family val="1"/>
    </font>
    <font>
      <sz val="12"/>
      <name val="Calibri"/>
      <family val="2"/>
    </font>
    <font>
      <b/>
      <sz val="12"/>
      <name val="Arial"/>
      <family val="2"/>
    </font>
    <font>
      <b/>
      <sz val="8"/>
      <name val="Arial"/>
      <family val="2"/>
    </font>
    <font>
      <b/>
      <sz val="12"/>
      <color indexed="8"/>
      <name val="Arial"/>
      <family val="2"/>
    </font>
    <font>
      <sz val="6"/>
      <name val="Arial"/>
      <family val="2"/>
    </font>
    <font>
      <b/>
      <sz val="10"/>
      <color indexed="33"/>
      <name val="Arial"/>
      <family val="2"/>
    </font>
    <font>
      <i/>
      <sz val="10"/>
      <name val="Arial"/>
      <family val="2"/>
    </font>
    <font>
      <b/>
      <i/>
      <sz val="10"/>
      <name val="Arial"/>
      <family val="2"/>
    </font>
    <font>
      <sz val="11"/>
      <color theme="1"/>
      <name val="Calibri"/>
      <family val="2"/>
      <scheme val="minor"/>
    </font>
    <font>
      <sz val="10"/>
      <color theme="1"/>
      <name val="Arial"/>
      <family val="2"/>
    </font>
    <font>
      <sz val="10"/>
      <color theme="0"/>
      <name val="Times New Roman"/>
      <family val="1"/>
    </font>
    <font>
      <b/>
      <sz val="10"/>
      <color theme="0"/>
      <name val="Times New Roman"/>
      <family val="1"/>
    </font>
    <font>
      <b/>
      <sz val="11"/>
      <color theme="1"/>
      <name val="Calibri"/>
      <family val="2"/>
      <scheme val="minor"/>
    </font>
    <font>
      <sz val="10"/>
      <color rgb="FF000000"/>
      <name val="Arial"/>
      <family val="2"/>
    </font>
    <font>
      <sz val="8"/>
      <color theme="0"/>
      <name val="Arial"/>
      <family val="2"/>
    </font>
    <font>
      <sz val="8"/>
      <color theme="0"/>
      <name val="Calibri"/>
      <family val="2"/>
      <scheme val="minor"/>
    </font>
    <font>
      <i/>
      <sz val="8"/>
      <color theme="0"/>
      <name val="Arial"/>
      <family val="2"/>
    </font>
    <font>
      <i/>
      <sz val="10"/>
      <color theme="1"/>
      <name val="Arial"/>
      <family val="2"/>
    </font>
    <font>
      <u/>
      <sz val="10"/>
      <name val="Arial"/>
      <family val="2"/>
    </font>
    <font>
      <sz val="10"/>
      <color rgb="FFFF0000"/>
      <name val="Arial"/>
      <family val="2"/>
    </font>
    <font>
      <sz val="10"/>
      <name val="Arial Unicode MS"/>
      <family val="2"/>
    </font>
  </fonts>
  <fills count="36">
    <fill>
      <patternFill patternType="none"/>
    </fill>
    <fill>
      <patternFill patternType="gray125"/>
    </fill>
    <fill>
      <patternFill patternType="solid">
        <fgColor indexed="44"/>
      </patternFill>
    </fill>
    <fill>
      <patternFill patternType="solid">
        <fgColor indexed="22"/>
      </patternFill>
    </fill>
    <fill>
      <patternFill patternType="solid">
        <fgColor indexed="31"/>
      </patternFill>
    </fill>
    <fill>
      <patternFill patternType="solid">
        <fgColor indexed="29"/>
      </patternFill>
    </fill>
    <fill>
      <patternFill patternType="solid">
        <fgColor indexed="45"/>
      </patternFill>
    </fill>
    <fill>
      <patternFill patternType="solid">
        <fgColor indexed="26"/>
      </patternFill>
    </fill>
    <fill>
      <patternFill patternType="solid">
        <fgColor indexed="42"/>
      </patternFill>
    </fill>
    <fill>
      <patternFill patternType="solid">
        <fgColor indexed="47"/>
      </patternFill>
    </fill>
    <fill>
      <patternFill patternType="solid">
        <fgColor indexed="46"/>
      </patternFill>
    </fill>
    <fill>
      <patternFill patternType="solid">
        <fgColor indexed="27"/>
      </patternFill>
    </fill>
    <fill>
      <patternFill patternType="solid">
        <fgColor indexed="23"/>
      </patternFill>
    </fill>
    <fill>
      <patternFill patternType="solid">
        <fgColor indexed="43"/>
      </patternFill>
    </fill>
    <fill>
      <patternFill patternType="solid">
        <fgColor indexed="11"/>
      </patternFill>
    </fill>
    <fill>
      <patternFill patternType="solid">
        <fgColor indexed="51"/>
      </patternFill>
    </fill>
    <fill>
      <patternFill patternType="solid">
        <fgColor indexed="49"/>
      </patternFill>
    </fill>
    <fill>
      <patternFill patternType="solid">
        <fgColor indexed="30"/>
      </patternFill>
    </fill>
    <fill>
      <patternFill patternType="solid">
        <fgColor indexed="53"/>
      </patternFill>
    </fill>
    <fill>
      <patternFill patternType="solid">
        <fgColor indexed="36"/>
      </patternFill>
    </fill>
    <fill>
      <patternFill patternType="solid">
        <fgColor indexed="52"/>
      </patternFill>
    </fill>
    <fill>
      <patternFill patternType="solid">
        <fgColor indexed="56"/>
      </patternFill>
    </fill>
    <fill>
      <patternFill patternType="solid">
        <fgColor indexed="62"/>
      </patternFill>
    </fill>
    <fill>
      <patternFill patternType="solid">
        <fgColor indexed="10"/>
      </patternFill>
    </fill>
    <fill>
      <patternFill patternType="solid">
        <fgColor indexed="57"/>
      </patternFill>
    </fill>
    <fill>
      <patternFill patternType="solid">
        <fgColor indexed="54"/>
      </patternFill>
    </fill>
    <fill>
      <patternFill patternType="solid">
        <fgColor indexed="14"/>
      </patternFill>
    </fill>
    <fill>
      <patternFill patternType="solid">
        <fgColor indexed="9"/>
      </patternFill>
    </fill>
    <fill>
      <patternFill patternType="solid">
        <fgColor indexed="55"/>
      </patternFill>
    </fill>
    <fill>
      <patternFill patternType="mediumGray">
        <fgColor indexed="22"/>
      </patternFill>
    </fill>
    <fill>
      <patternFill patternType="solid">
        <fgColor indexed="22"/>
        <bgColor indexed="64"/>
      </patternFill>
    </fill>
    <fill>
      <patternFill patternType="solid">
        <fgColor theme="1"/>
        <bgColor indexed="64"/>
      </patternFill>
    </fill>
    <fill>
      <patternFill patternType="solid">
        <fgColor rgb="FFFFFF00"/>
        <bgColor indexed="64"/>
      </patternFill>
    </fill>
    <fill>
      <patternFill patternType="solid">
        <fgColor theme="6" tint="0.59999389629810485"/>
        <bgColor indexed="64"/>
      </patternFill>
    </fill>
    <fill>
      <patternFill patternType="solid">
        <fgColor theme="0"/>
        <bgColor indexed="64"/>
      </patternFill>
    </fill>
    <fill>
      <patternFill patternType="solid">
        <fgColor theme="9" tint="0.79998168889431442"/>
        <bgColor indexed="64"/>
      </patternFill>
    </fill>
  </fills>
  <borders count="63">
    <border>
      <left/>
      <right/>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56"/>
      </bottom>
      <diagonal/>
    </border>
    <border>
      <left/>
      <right/>
      <top/>
      <bottom style="thick">
        <color indexed="49"/>
      </bottom>
      <diagonal/>
    </border>
    <border>
      <left/>
      <right/>
      <top/>
      <bottom style="thick">
        <color indexed="62"/>
      </bottom>
      <diagonal/>
    </border>
    <border>
      <left/>
      <right/>
      <top/>
      <bottom style="thick">
        <color indexed="27"/>
      </bottom>
      <diagonal/>
    </border>
    <border>
      <left/>
      <right/>
      <top/>
      <bottom style="thick">
        <color indexed="23"/>
      </bottom>
      <diagonal/>
    </border>
    <border>
      <left/>
      <right/>
      <top/>
      <bottom style="thick">
        <color indexed="22"/>
      </bottom>
      <diagonal/>
    </border>
    <border>
      <left/>
      <right/>
      <top/>
      <bottom style="medium">
        <color indexed="27"/>
      </bottom>
      <diagonal/>
    </border>
    <border>
      <left/>
      <right/>
      <top/>
      <bottom style="medium">
        <color indexed="49"/>
      </bottom>
      <diagonal/>
    </border>
    <border>
      <left/>
      <right/>
      <top/>
      <bottom style="medium">
        <color indexed="30"/>
      </bottom>
      <diagonal/>
    </border>
    <border>
      <left/>
      <right/>
      <top/>
      <bottom style="double">
        <color indexed="10"/>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bottom style="medium">
        <color indexed="64"/>
      </bottom>
      <diagonal/>
    </border>
    <border>
      <left/>
      <right/>
      <top style="thin">
        <color indexed="56"/>
      </top>
      <bottom style="double">
        <color indexed="56"/>
      </bottom>
      <diagonal/>
    </border>
    <border>
      <left/>
      <right/>
      <top style="thin">
        <color indexed="49"/>
      </top>
      <bottom style="double">
        <color indexed="49"/>
      </bottom>
      <diagonal/>
    </border>
    <border>
      <left/>
      <right/>
      <top style="thin">
        <color indexed="62"/>
      </top>
      <bottom style="double">
        <color indexed="62"/>
      </bottom>
      <diagonal/>
    </border>
    <border>
      <left/>
      <right/>
      <top style="medium">
        <color indexed="64"/>
      </top>
      <bottom/>
      <diagonal/>
    </border>
    <border>
      <left style="double">
        <color indexed="64"/>
      </left>
      <right style="double">
        <color indexed="64"/>
      </right>
      <top style="double">
        <color indexed="64"/>
      </top>
      <bottom style="double">
        <color indexed="64"/>
      </bottom>
      <diagonal/>
    </border>
    <border>
      <left/>
      <right/>
      <top/>
      <bottom style="thick">
        <color indexed="64"/>
      </bottom>
      <diagonal/>
    </border>
    <border>
      <left/>
      <right/>
      <top/>
      <bottom style="thin">
        <color indexed="64"/>
      </bottom>
      <diagonal/>
    </border>
    <border>
      <left/>
      <right/>
      <top style="thin">
        <color indexed="64"/>
      </top>
      <bottom style="thin">
        <color indexed="64"/>
      </bottom>
      <diagonal/>
    </border>
    <border>
      <left style="thick">
        <color indexed="64"/>
      </left>
      <right style="double">
        <color indexed="64"/>
      </right>
      <top/>
      <bottom/>
      <diagonal/>
    </border>
    <border>
      <left/>
      <right style="double">
        <color indexed="64"/>
      </right>
      <top/>
      <bottom/>
      <diagonal/>
    </border>
    <border>
      <left/>
      <right/>
      <top style="thick">
        <color indexed="64"/>
      </top>
      <bottom/>
      <diagonal/>
    </border>
    <border>
      <left style="medium">
        <color indexed="64"/>
      </left>
      <right/>
      <top/>
      <bottom style="thick">
        <color indexed="64"/>
      </bottom>
      <diagonal/>
    </border>
    <border>
      <left style="thick">
        <color indexed="64"/>
      </left>
      <right style="double">
        <color indexed="64"/>
      </right>
      <top/>
      <bottom style="thick">
        <color indexed="64"/>
      </bottom>
      <diagonal/>
    </border>
    <border>
      <left/>
      <right style="double">
        <color indexed="64"/>
      </right>
      <top/>
      <bottom style="thick">
        <color indexed="64"/>
      </bottom>
      <diagonal/>
    </border>
    <border>
      <left style="thin">
        <color indexed="64"/>
      </left>
      <right/>
      <top/>
      <bottom/>
      <diagonal/>
    </border>
    <border>
      <left style="thin">
        <color indexed="64"/>
      </left>
      <right/>
      <top/>
      <bottom style="thin">
        <color indexed="64"/>
      </bottom>
      <diagonal/>
    </border>
    <border>
      <left style="thick">
        <color indexed="64"/>
      </left>
      <right style="double">
        <color indexed="64"/>
      </right>
      <top/>
      <bottom style="thin">
        <color indexed="64"/>
      </bottom>
      <diagonal/>
    </border>
    <border>
      <left/>
      <right style="double">
        <color indexed="64"/>
      </right>
      <top/>
      <bottom style="thin">
        <color indexed="64"/>
      </bottom>
      <diagonal/>
    </border>
    <border>
      <left/>
      <right/>
      <top style="thin">
        <color indexed="64"/>
      </top>
      <bottom/>
      <diagonal/>
    </border>
    <border>
      <left style="thin">
        <color indexed="64"/>
      </left>
      <right/>
      <top style="thin">
        <color indexed="64"/>
      </top>
      <bottom/>
      <diagonal/>
    </border>
    <border>
      <left style="thick">
        <color indexed="64"/>
      </left>
      <right style="double">
        <color indexed="64"/>
      </right>
      <top style="thin">
        <color indexed="64"/>
      </top>
      <bottom/>
      <diagonal/>
    </border>
    <border>
      <left/>
      <right style="double">
        <color indexed="64"/>
      </right>
      <top style="thin">
        <color indexed="64"/>
      </top>
      <bottom/>
      <diagonal/>
    </border>
    <border>
      <left/>
      <right/>
      <top style="double">
        <color indexed="64"/>
      </top>
      <bottom/>
      <diagonal/>
    </border>
    <border>
      <left style="thin">
        <color indexed="64"/>
      </left>
      <right/>
      <top style="double">
        <color indexed="64"/>
      </top>
      <bottom/>
      <diagonal/>
    </border>
    <border>
      <left style="thick">
        <color indexed="64"/>
      </left>
      <right style="double">
        <color indexed="64"/>
      </right>
      <top style="double">
        <color indexed="64"/>
      </top>
      <bottom/>
      <diagonal/>
    </border>
    <border>
      <left/>
      <right style="double">
        <color indexed="64"/>
      </right>
      <top style="double">
        <color indexed="64"/>
      </top>
      <bottom/>
      <diagonal/>
    </border>
    <border>
      <left/>
      <right/>
      <top/>
      <bottom style="double">
        <color indexed="64"/>
      </bottom>
      <diagonal/>
    </border>
    <border>
      <left style="thin">
        <color indexed="64"/>
      </left>
      <right/>
      <top/>
      <bottom style="double">
        <color indexed="64"/>
      </bottom>
      <diagonal/>
    </border>
    <border>
      <left style="thick">
        <color indexed="64"/>
      </left>
      <right style="double">
        <color indexed="64"/>
      </right>
      <top/>
      <bottom style="double">
        <color indexed="64"/>
      </bottom>
      <diagonal/>
    </border>
    <border>
      <left/>
      <right style="double">
        <color indexed="64"/>
      </right>
      <top/>
      <bottom style="double">
        <color indexed="64"/>
      </bottom>
      <diagonal/>
    </border>
    <border>
      <left/>
      <right style="thin">
        <color theme="1"/>
      </right>
      <top/>
      <bottom/>
      <diagonal/>
    </border>
    <border>
      <left/>
      <right style="thin">
        <color theme="1"/>
      </right>
      <top/>
      <bottom style="thick">
        <color indexed="64"/>
      </bottom>
      <diagonal/>
    </border>
    <border>
      <left/>
      <right style="thin">
        <color theme="1"/>
      </right>
      <top/>
      <bottom style="thin">
        <color indexed="64"/>
      </bottom>
      <diagonal/>
    </border>
    <border>
      <left/>
      <right style="thin">
        <color theme="1"/>
      </right>
      <top style="thin">
        <color indexed="64"/>
      </top>
      <bottom/>
      <diagonal/>
    </border>
    <border>
      <left/>
      <right style="thin">
        <color theme="1"/>
      </right>
      <top style="double">
        <color indexed="64"/>
      </top>
      <bottom/>
      <diagonal/>
    </border>
    <border>
      <left/>
      <right style="thin">
        <color theme="1"/>
      </right>
      <top/>
      <bottom style="double">
        <color indexed="64"/>
      </bottom>
      <diagonal/>
    </border>
    <border>
      <left style="thin">
        <color indexed="8"/>
      </left>
      <right style="thin">
        <color indexed="8"/>
      </right>
      <top style="thin">
        <color indexed="8"/>
      </top>
      <bottom style="thin">
        <color indexed="8"/>
      </bottom>
      <diagonal/>
    </border>
    <border>
      <left style="thin">
        <color indexed="8"/>
      </left>
      <right/>
      <top style="thin">
        <color indexed="8"/>
      </top>
      <bottom/>
      <diagonal/>
    </border>
    <border>
      <left style="thin">
        <color indexed="65"/>
      </left>
      <right/>
      <top style="thin">
        <color indexed="8"/>
      </top>
      <bottom/>
      <diagonal/>
    </border>
    <border>
      <left style="thin">
        <color indexed="65"/>
      </left>
      <right style="thin">
        <color indexed="8"/>
      </right>
      <top style="thin">
        <color indexed="8"/>
      </top>
      <bottom/>
      <diagonal/>
    </border>
    <border>
      <left/>
      <right/>
      <top style="thin">
        <color indexed="8"/>
      </top>
      <bottom/>
      <diagonal/>
    </border>
    <border>
      <left style="thin">
        <color indexed="8"/>
      </left>
      <right style="thin">
        <color indexed="8"/>
      </right>
      <top style="thin">
        <color indexed="8"/>
      </top>
      <bottom/>
      <diagonal/>
    </border>
    <border>
      <left style="thin">
        <color indexed="8"/>
      </left>
      <right/>
      <top/>
      <bottom/>
      <diagonal/>
    </border>
    <border>
      <left style="thin">
        <color indexed="8"/>
      </left>
      <right style="thin">
        <color indexed="8"/>
      </right>
      <top/>
      <bottom/>
      <diagonal/>
    </border>
    <border>
      <left style="thin">
        <color indexed="8"/>
      </left>
      <right/>
      <top style="thin">
        <color indexed="8"/>
      </top>
      <bottom style="thin">
        <color indexed="8"/>
      </bottom>
      <diagonal/>
    </border>
    <border>
      <left/>
      <right/>
      <top style="thin">
        <color indexed="8"/>
      </top>
      <bottom style="thin">
        <color indexed="8"/>
      </bottom>
      <diagonal/>
    </border>
  </borders>
  <cellStyleXfs count="765">
    <xf numFmtId="0" fontId="0" fillId="0" borderId="0"/>
    <xf numFmtId="0" fontId="2" fillId="2" borderId="0" applyNumberFormat="0" applyBorder="0" applyAlignment="0" applyProtection="0"/>
    <xf numFmtId="0" fontId="26" fillId="3" borderId="0" applyNumberFormat="0" applyBorder="0" applyAlignment="0" applyProtection="0"/>
    <xf numFmtId="0" fontId="26" fillId="3" borderId="0" applyNumberFormat="0" applyBorder="0" applyAlignment="0" applyProtection="0"/>
    <xf numFmtId="0" fontId="2" fillId="3" borderId="0" applyNumberFormat="0" applyBorder="0" applyAlignment="0" applyProtection="0"/>
    <xf numFmtId="0" fontId="2" fillId="3" borderId="0" applyNumberFormat="0" applyBorder="0" applyAlignment="0" applyProtection="0"/>
    <xf numFmtId="0" fontId="2" fillId="3" borderId="0" applyNumberFormat="0" applyBorder="0" applyAlignment="0" applyProtection="0"/>
    <xf numFmtId="0" fontId="45" fillId="4" borderId="0" applyNumberFormat="0" applyBorder="0" applyAlignment="0" applyProtection="0"/>
    <xf numFmtId="0" fontId="2" fillId="4" borderId="0" applyNumberFormat="0" applyBorder="0" applyAlignment="0" applyProtection="0"/>
    <xf numFmtId="0" fontId="26" fillId="4" borderId="0" applyNumberFormat="0" applyBorder="0" applyAlignment="0" applyProtection="0"/>
    <xf numFmtId="0" fontId="2" fillId="5" borderId="0" applyNumberFormat="0" applyBorder="0" applyAlignment="0" applyProtection="0"/>
    <xf numFmtId="0" fontId="26" fillId="6" borderId="0" applyNumberFormat="0" applyBorder="0" applyAlignment="0" applyProtection="0"/>
    <xf numFmtId="0" fontId="26" fillId="6" borderId="0" applyNumberFormat="0" applyBorder="0" applyAlignment="0" applyProtection="0"/>
    <xf numFmtId="0" fontId="2" fillId="6" borderId="0" applyNumberFormat="0" applyBorder="0" applyAlignment="0" applyProtection="0"/>
    <xf numFmtId="0" fontId="2" fillId="6" borderId="0" applyNumberFormat="0" applyBorder="0" applyAlignment="0" applyProtection="0"/>
    <xf numFmtId="0" fontId="2" fillId="6" borderId="0" applyNumberFormat="0" applyBorder="0" applyAlignment="0" applyProtection="0"/>
    <xf numFmtId="0" fontId="45" fillId="6" borderId="0" applyNumberFormat="0" applyBorder="0" applyAlignment="0" applyProtection="0"/>
    <xf numFmtId="0" fontId="2" fillId="7" borderId="0" applyNumberFormat="0" applyBorder="0" applyAlignment="0" applyProtection="0"/>
    <xf numFmtId="0" fontId="26" fillId="7" borderId="0" applyNumberFormat="0" applyBorder="0" applyAlignment="0" applyProtection="0"/>
    <xf numFmtId="0" fontId="26" fillId="7" borderId="0" applyNumberFormat="0" applyBorder="0" applyAlignment="0" applyProtection="0"/>
    <xf numFmtId="0" fontId="2" fillId="7" borderId="0" applyNumberFormat="0" applyBorder="0" applyAlignment="0" applyProtection="0"/>
    <xf numFmtId="0" fontId="2" fillId="7" borderId="0" applyNumberFormat="0" applyBorder="0" applyAlignment="0" applyProtection="0"/>
    <xf numFmtId="0" fontId="2" fillId="7" borderId="0" applyNumberFormat="0" applyBorder="0" applyAlignment="0" applyProtection="0"/>
    <xf numFmtId="0" fontId="45" fillId="8" borderId="0" applyNumberFormat="0" applyBorder="0" applyAlignment="0" applyProtection="0"/>
    <xf numFmtId="0" fontId="2" fillId="8" borderId="0" applyNumberFormat="0" applyBorder="0" applyAlignment="0" applyProtection="0"/>
    <xf numFmtId="0" fontId="26" fillId="8" borderId="0" applyNumberFormat="0" applyBorder="0" applyAlignment="0" applyProtection="0"/>
    <xf numFmtId="0" fontId="2" fillId="9" borderId="0" applyNumberFormat="0" applyBorder="0" applyAlignment="0" applyProtection="0"/>
    <xf numFmtId="0" fontId="26" fillId="3" borderId="0" applyNumberFormat="0" applyBorder="0" applyAlignment="0" applyProtection="0"/>
    <xf numFmtId="0" fontId="26" fillId="3" borderId="0" applyNumberFormat="0" applyBorder="0" applyAlignment="0" applyProtection="0"/>
    <xf numFmtId="0" fontId="2" fillId="3" borderId="0" applyNumberFormat="0" applyBorder="0" applyAlignment="0" applyProtection="0"/>
    <xf numFmtId="0" fontId="2" fillId="3" borderId="0" applyNumberFormat="0" applyBorder="0" applyAlignment="0" applyProtection="0"/>
    <xf numFmtId="0" fontId="2" fillId="3" borderId="0" applyNumberFormat="0" applyBorder="0" applyAlignment="0" applyProtection="0"/>
    <xf numFmtId="0" fontId="45" fillId="10" borderId="0" applyNumberFormat="0" applyBorder="0" applyAlignment="0" applyProtection="0"/>
    <xf numFmtId="0" fontId="2" fillId="10" borderId="0" applyNumberFormat="0" applyBorder="0" applyAlignment="0" applyProtection="0"/>
    <xf numFmtId="0" fontId="26" fillId="10" borderId="0" applyNumberFormat="0" applyBorder="0" applyAlignment="0" applyProtection="0"/>
    <xf numFmtId="0" fontId="2" fillId="11" borderId="0" applyNumberFormat="0" applyBorder="0" applyAlignment="0" applyProtection="0"/>
    <xf numFmtId="0" fontId="26" fillId="11" borderId="0" applyNumberFormat="0" applyBorder="0" applyAlignment="0" applyProtection="0"/>
    <xf numFmtId="0" fontId="26" fillId="11" borderId="0" applyNumberFormat="0" applyBorder="0" applyAlignment="0" applyProtection="0"/>
    <xf numFmtId="0" fontId="2" fillId="11" borderId="0" applyNumberFormat="0" applyBorder="0" applyAlignment="0" applyProtection="0"/>
    <xf numFmtId="0" fontId="2" fillId="11" borderId="0" applyNumberFormat="0" applyBorder="0" applyAlignment="0" applyProtection="0"/>
    <xf numFmtId="0" fontId="2" fillId="11" borderId="0" applyNumberFormat="0" applyBorder="0" applyAlignment="0" applyProtection="0"/>
    <xf numFmtId="0" fontId="45" fillId="11" borderId="0" applyNumberFormat="0" applyBorder="0" applyAlignment="0" applyProtection="0"/>
    <xf numFmtId="0" fontId="2" fillId="7" borderId="0" applyNumberFormat="0" applyBorder="0" applyAlignment="0" applyProtection="0"/>
    <xf numFmtId="0" fontId="26" fillId="9" borderId="0" applyNumberFormat="0" applyBorder="0" applyAlignment="0" applyProtection="0"/>
    <xf numFmtId="0" fontId="26" fillId="9" borderId="0" applyNumberFormat="0" applyBorder="0" applyAlignment="0" applyProtection="0"/>
    <xf numFmtId="0" fontId="2" fillId="9" borderId="0" applyNumberFormat="0" applyBorder="0" applyAlignment="0" applyProtection="0"/>
    <xf numFmtId="0" fontId="2" fillId="9" borderId="0" applyNumberFormat="0" applyBorder="0" applyAlignment="0" applyProtection="0"/>
    <xf numFmtId="0" fontId="2" fillId="9" borderId="0" applyNumberFormat="0" applyBorder="0" applyAlignment="0" applyProtection="0"/>
    <xf numFmtId="0" fontId="45" fillId="9" borderId="0" applyNumberFormat="0" applyBorder="0" applyAlignment="0" applyProtection="0"/>
    <xf numFmtId="0" fontId="2" fillId="11" borderId="0" applyNumberFormat="0" applyBorder="0" applyAlignment="0" applyProtection="0"/>
    <xf numFmtId="0" fontId="26" fillId="12" borderId="0" applyNumberFormat="0" applyBorder="0" applyAlignment="0" applyProtection="0"/>
    <xf numFmtId="0" fontId="26" fillId="12" borderId="0" applyNumberFormat="0" applyBorder="0" applyAlignment="0" applyProtection="0"/>
    <xf numFmtId="0" fontId="2" fillId="12" borderId="0" applyNumberFormat="0" applyBorder="0" applyAlignment="0" applyProtection="0"/>
    <xf numFmtId="0" fontId="2" fillId="12" borderId="0" applyNumberFormat="0" applyBorder="0" applyAlignment="0" applyProtection="0"/>
    <xf numFmtId="0" fontId="2" fillId="12" borderId="0" applyNumberFormat="0" applyBorder="0" applyAlignment="0" applyProtection="0"/>
    <xf numFmtId="0" fontId="45" fillId="2" borderId="0" applyNumberFormat="0" applyBorder="0" applyAlignment="0" applyProtection="0"/>
    <xf numFmtId="0" fontId="2" fillId="2" borderId="0" applyNumberFormat="0" applyBorder="0" applyAlignment="0" applyProtection="0"/>
    <xf numFmtId="0" fontId="26" fillId="2" borderId="0" applyNumberFormat="0" applyBorder="0" applyAlignment="0" applyProtection="0"/>
    <xf numFmtId="0" fontId="2" fillId="5" borderId="0" applyNumberFormat="0" applyBorder="0" applyAlignment="0" applyProtection="0"/>
    <xf numFmtId="0" fontId="26" fillId="5" borderId="0" applyNumberFormat="0" applyBorder="0" applyAlignment="0" applyProtection="0"/>
    <xf numFmtId="0" fontId="26" fillId="5" borderId="0" applyNumberFormat="0" applyBorder="0" applyAlignment="0" applyProtection="0"/>
    <xf numFmtId="0" fontId="2" fillId="5" borderId="0" applyNumberFormat="0" applyBorder="0" applyAlignment="0" applyProtection="0"/>
    <xf numFmtId="0" fontId="2" fillId="5" borderId="0" applyNumberFormat="0" applyBorder="0" applyAlignment="0" applyProtection="0"/>
    <xf numFmtId="0" fontId="2" fillId="5" borderId="0" applyNumberFormat="0" applyBorder="0" applyAlignment="0" applyProtection="0"/>
    <xf numFmtId="0" fontId="45" fillId="5" borderId="0" applyNumberFormat="0" applyBorder="0" applyAlignment="0" applyProtection="0"/>
    <xf numFmtId="0" fontId="2" fillId="13" borderId="0" applyNumberFormat="0" applyBorder="0" applyAlignment="0" applyProtection="0"/>
    <xf numFmtId="0" fontId="26" fillId="13" borderId="0" applyNumberFormat="0" applyBorder="0" applyAlignment="0" applyProtection="0"/>
    <xf numFmtId="0" fontId="26" fillId="13" borderId="0" applyNumberFormat="0" applyBorder="0" applyAlignment="0" applyProtection="0"/>
    <xf numFmtId="0" fontId="2" fillId="13" borderId="0" applyNumberFormat="0" applyBorder="0" applyAlignment="0" applyProtection="0"/>
    <xf numFmtId="0" fontId="2" fillId="13" borderId="0" applyNumberFormat="0" applyBorder="0" applyAlignment="0" applyProtection="0"/>
    <xf numFmtId="0" fontId="2" fillId="13" borderId="0" applyNumberFormat="0" applyBorder="0" applyAlignment="0" applyProtection="0"/>
    <xf numFmtId="0" fontId="45" fillId="14" borderId="0" applyNumberFormat="0" applyBorder="0" applyAlignment="0" applyProtection="0"/>
    <xf numFmtId="0" fontId="2" fillId="14" borderId="0" applyNumberFormat="0" applyBorder="0" applyAlignment="0" applyProtection="0"/>
    <xf numFmtId="0" fontId="26" fillId="14" borderId="0" applyNumberFormat="0" applyBorder="0" applyAlignment="0" applyProtection="0"/>
    <xf numFmtId="0" fontId="2" fillId="6" borderId="0" applyNumberFormat="0" applyBorder="0" applyAlignment="0" applyProtection="0"/>
    <xf numFmtId="0" fontId="26" fillId="12" borderId="0" applyNumberFormat="0" applyBorder="0" applyAlignment="0" applyProtection="0"/>
    <xf numFmtId="0" fontId="26" fillId="12" borderId="0" applyNumberFormat="0" applyBorder="0" applyAlignment="0" applyProtection="0"/>
    <xf numFmtId="0" fontId="2" fillId="12" borderId="0" applyNumberFormat="0" applyBorder="0" applyAlignment="0" applyProtection="0"/>
    <xf numFmtId="0" fontId="2" fillId="12" borderId="0" applyNumberFormat="0" applyBorder="0" applyAlignment="0" applyProtection="0"/>
    <xf numFmtId="0" fontId="2" fillId="12" borderId="0" applyNumberFormat="0" applyBorder="0" applyAlignment="0" applyProtection="0"/>
    <xf numFmtId="0" fontId="45" fillId="10" borderId="0" applyNumberFormat="0" applyBorder="0" applyAlignment="0" applyProtection="0"/>
    <xf numFmtId="0" fontId="2" fillId="10" borderId="0" applyNumberFormat="0" applyBorder="0" applyAlignment="0" applyProtection="0"/>
    <xf numFmtId="0" fontId="26" fillId="10" borderId="0" applyNumberFormat="0" applyBorder="0" applyAlignment="0" applyProtection="0"/>
    <xf numFmtId="0" fontId="2" fillId="11" borderId="0" applyNumberFormat="0" applyBorder="0" applyAlignment="0" applyProtection="0"/>
    <xf numFmtId="0" fontId="26" fillId="2" borderId="0" applyNumberFormat="0" applyBorder="0" applyAlignment="0" applyProtection="0"/>
    <xf numFmtId="0" fontId="26" fillId="2" borderId="0" applyNumberFormat="0" applyBorder="0" applyAlignment="0" applyProtection="0"/>
    <xf numFmtId="0" fontId="2" fillId="2" borderId="0" applyNumberFormat="0" applyBorder="0" applyAlignment="0" applyProtection="0"/>
    <xf numFmtId="0" fontId="2" fillId="2" borderId="0" applyNumberFormat="0" applyBorder="0" applyAlignment="0" applyProtection="0"/>
    <xf numFmtId="0" fontId="2" fillId="2" borderId="0" applyNumberFormat="0" applyBorder="0" applyAlignment="0" applyProtection="0"/>
    <xf numFmtId="0" fontId="45" fillId="2" borderId="0" applyNumberFormat="0" applyBorder="0" applyAlignment="0" applyProtection="0"/>
    <xf numFmtId="0" fontId="2" fillId="7" borderId="0" applyNumberFormat="0" applyBorder="0" applyAlignment="0" applyProtection="0"/>
    <xf numFmtId="0" fontId="26" fillId="9" borderId="0" applyNumberFormat="0" applyBorder="0" applyAlignment="0" applyProtection="0"/>
    <xf numFmtId="0" fontId="26" fillId="9" borderId="0" applyNumberFormat="0" applyBorder="0" applyAlignment="0" applyProtection="0"/>
    <xf numFmtId="0" fontId="2" fillId="9" borderId="0" applyNumberFormat="0" applyBorder="0" applyAlignment="0" applyProtection="0"/>
    <xf numFmtId="0" fontId="2" fillId="9" borderId="0" applyNumberFormat="0" applyBorder="0" applyAlignment="0" applyProtection="0"/>
    <xf numFmtId="0" fontId="2" fillId="9" borderId="0" applyNumberFormat="0" applyBorder="0" applyAlignment="0" applyProtection="0"/>
    <xf numFmtId="0" fontId="45" fillId="15" borderId="0" applyNumberFormat="0" applyBorder="0" applyAlignment="0" applyProtection="0"/>
    <xf numFmtId="0" fontId="2" fillId="15" borderId="0" applyNumberFormat="0" applyBorder="0" applyAlignment="0" applyProtection="0"/>
    <xf numFmtId="0" fontId="26" fillId="15" borderId="0" applyNumberFormat="0" applyBorder="0" applyAlignment="0" applyProtection="0"/>
    <xf numFmtId="0" fontId="3" fillId="11" borderId="0" applyNumberFormat="0" applyBorder="0" applyAlignment="0" applyProtection="0"/>
    <xf numFmtId="0" fontId="27"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46" fillId="17" borderId="0" applyNumberFormat="0" applyBorder="0" applyAlignment="0" applyProtection="0"/>
    <xf numFmtId="0" fontId="3" fillId="17" borderId="0" applyNumberFormat="0" applyBorder="0" applyAlignment="0" applyProtection="0"/>
    <xf numFmtId="0" fontId="27" fillId="17" borderId="0" applyNumberFormat="0" applyBorder="0" applyAlignment="0" applyProtection="0"/>
    <xf numFmtId="0" fontId="3" fillId="18" borderId="0" applyNumberFormat="0" applyBorder="0" applyAlignment="0" applyProtection="0"/>
    <xf numFmtId="0" fontId="27"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46" fillId="5" borderId="0" applyNumberFormat="0" applyBorder="0" applyAlignment="0" applyProtection="0"/>
    <xf numFmtId="0" fontId="3" fillId="15" borderId="0" applyNumberFormat="0" applyBorder="0" applyAlignment="0" applyProtection="0"/>
    <xf numFmtId="0" fontId="27"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46" fillId="14" borderId="0" applyNumberFormat="0" applyBorder="0" applyAlignment="0" applyProtection="0"/>
    <xf numFmtId="0" fontId="3" fillId="14" borderId="0" applyNumberFormat="0" applyBorder="0" applyAlignment="0" applyProtection="0"/>
    <xf numFmtId="0" fontId="27" fillId="14" borderId="0" applyNumberFormat="0" applyBorder="0" applyAlignment="0" applyProtection="0"/>
    <xf numFmtId="0" fontId="3" fillId="6" borderId="0" applyNumberFormat="0" applyBorder="0" applyAlignment="0" applyProtection="0"/>
    <xf numFmtId="0" fontId="27"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46" fillId="19" borderId="0" applyNumberFormat="0" applyBorder="0" applyAlignment="0" applyProtection="0"/>
    <xf numFmtId="0" fontId="3" fillId="19" borderId="0" applyNumberFormat="0" applyBorder="0" applyAlignment="0" applyProtection="0"/>
    <xf numFmtId="0" fontId="27" fillId="19" borderId="0" applyNumberFormat="0" applyBorder="0" applyAlignment="0" applyProtection="0"/>
    <xf numFmtId="0" fontId="3" fillId="11" borderId="0" applyNumberFormat="0" applyBorder="0" applyAlignment="0" applyProtection="0"/>
    <xf numFmtId="0" fontId="27"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46" fillId="16" borderId="0" applyNumberFormat="0" applyBorder="0" applyAlignment="0" applyProtection="0"/>
    <xf numFmtId="0" fontId="3" fillId="5" borderId="0" applyNumberFormat="0" applyBorder="0" applyAlignment="0" applyProtection="0"/>
    <xf numFmtId="0" fontId="27"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46" fillId="20" borderId="0" applyNumberFormat="0" applyBorder="0" applyAlignment="0" applyProtection="0"/>
    <xf numFmtId="0" fontId="3" fillId="20" borderId="0" applyNumberFormat="0" applyBorder="0" applyAlignment="0" applyProtection="0"/>
    <xf numFmtId="0" fontId="27" fillId="20" borderId="0" applyNumberFormat="0" applyBorder="0" applyAlignment="0" applyProtection="0"/>
    <xf numFmtId="0" fontId="3" fillId="21" borderId="0" applyNumberFormat="0" applyBorder="0" applyAlignment="0" applyProtection="0"/>
    <xf numFmtId="0" fontId="27"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46" fillId="22" borderId="0" applyNumberFormat="0" applyBorder="0" applyAlignment="0" applyProtection="0"/>
    <xf numFmtId="0" fontId="3" fillId="22" borderId="0" applyNumberFormat="0" applyBorder="0" applyAlignment="0" applyProtection="0"/>
    <xf numFmtId="0" fontId="27" fillId="22" borderId="0" applyNumberFormat="0" applyBorder="0" applyAlignment="0" applyProtection="0"/>
    <xf numFmtId="0" fontId="3" fillId="18" borderId="0" applyNumberFormat="0" applyBorder="0" applyAlignment="0" applyProtection="0"/>
    <xf numFmtId="0" fontId="27" fillId="23" borderId="0" applyNumberFormat="0" applyBorder="0" applyAlignment="0" applyProtection="0"/>
    <xf numFmtId="0" fontId="3" fillId="23" borderId="0" applyNumberFormat="0" applyBorder="0" applyAlignment="0" applyProtection="0"/>
    <xf numFmtId="0" fontId="3" fillId="23" borderId="0" applyNumberFormat="0" applyBorder="0" applyAlignment="0" applyProtection="0"/>
    <xf numFmtId="0" fontId="3" fillId="23" borderId="0" applyNumberFormat="0" applyBorder="0" applyAlignment="0" applyProtection="0"/>
    <xf numFmtId="0" fontId="46" fillId="23" borderId="0" applyNumberFormat="0" applyBorder="0" applyAlignment="0" applyProtection="0"/>
    <xf numFmtId="0" fontId="3" fillId="15" borderId="0" applyNumberFormat="0" applyBorder="0" applyAlignment="0" applyProtection="0"/>
    <xf numFmtId="0" fontId="27" fillId="24" borderId="0" applyNumberFormat="0" applyBorder="0" applyAlignment="0" applyProtection="0"/>
    <xf numFmtId="0" fontId="3" fillId="24" borderId="0" applyNumberFormat="0" applyBorder="0" applyAlignment="0" applyProtection="0"/>
    <xf numFmtId="0" fontId="3" fillId="24" borderId="0" applyNumberFormat="0" applyBorder="0" applyAlignment="0" applyProtection="0"/>
    <xf numFmtId="0" fontId="3" fillId="24" borderId="0" applyNumberFormat="0" applyBorder="0" applyAlignment="0" applyProtection="0"/>
    <xf numFmtId="0" fontId="46" fillId="24" borderId="0" applyNumberFormat="0" applyBorder="0" applyAlignment="0" applyProtection="0"/>
    <xf numFmtId="0" fontId="3" fillId="25" borderId="0" applyNumberFormat="0" applyBorder="0" applyAlignment="0" applyProtection="0"/>
    <xf numFmtId="0" fontId="27" fillId="25" borderId="0" applyNumberFormat="0" applyBorder="0" applyAlignment="0" applyProtection="0"/>
    <xf numFmtId="0" fontId="3" fillId="25" borderId="0" applyNumberFormat="0" applyBorder="0" applyAlignment="0" applyProtection="0"/>
    <xf numFmtId="0" fontId="3" fillId="25" borderId="0" applyNumberFormat="0" applyBorder="0" applyAlignment="0" applyProtection="0"/>
    <xf numFmtId="0" fontId="3" fillId="25" borderId="0" applyNumberFormat="0" applyBorder="0" applyAlignment="0" applyProtection="0"/>
    <xf numFmtId="0" fontId="46" fillId="19" borderId="0" applyNumberFormat="0" applyBorder="0" applyAlignment="0" applyProtection="0"/>
    <xf numFmtId="0" fontId="3" fillId="19" borderId="0" applyNumberFormat="0" applyBorder="0" applyAlignment="0" applyProtection="0"/>
    <xf numFmtId="0" fontId="27" fillId="19" borderId="0" applyNumberFormat="0" applyBorder="0" applyAlignment="0" applyProtection="0"/>
    <xf numFmtId="0" fontId="3" fillId="16" borderId="0" applyNumberFormat="0" applyBorder="0" applyAlignment="0" applyProtection="0"/>
    <xf numFmtId="0" fontId="27"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3" fillId="16" borderId="0" applyNumberFormat="0" applyBorder="0" applyAlignment="0" applyProtection="0"/>
    <xf numFmtId="0" fontId="46" fillId="16" borderId="0" applyNumberFormat="0" applyBorder="0" applyAlignment="0" applyProtection="0"/>
    <xf numFmtId="0" fontId="3" fillId="23" borderId="0" applyNumberFormat="0" applyBorder="0" applyAlignment="0" applyProtection="0"/>
    <xf numFmtId="0" fontId="27" fillId="18" borderId="0" applyNumberFormat="0" applyBorder="0" applyAlignment="0" applyProtection="0"/>
    <xf numFmtId="0" fontId="3" fillId="18" borderId="0" applyNumberFormat="0" applyBorder="0" applyAlignment="0" applyProtection="0"/>
    <xf numFmtId="0" fontId="3" fillId="18" borderId="0" applyNumberFormat="0" applyBorder="0" applyAlignment="0" applyProtection="0"/>
    <xf numFmtId="0" fontId="3" fillId="18" borderId="0" applyNumberFormat="0" applyBorder="0" applyAlignment="0" applyProtection="0"/>
    <xf numFmtId="0" fontId="46" fillId="18" borderId="0" applyNumberFormat="0" applyBorder="0" applyAlignment="0" applyProtection="0"/>
    <xf numFmtId="0" fontId="4" fillId="10" borderId="0" applyNumberFormat="0" applyBorder="0" applyAlignment="0" applyProtection="0"/>
    <xf numFmtId="0" fontId="28" fillId="26" borderId="0" applyNumberFormat="0" applyBorder="0" applyAlignment="0" applyProtection="0"/>
    <xf numFmtId="0" fontId="4" fillId="26" borderId="0" applyNumberFormat="0" applyBorder="0" applyAlignment="0" applyProtection="0"/>
    <xf numFmtId="0" fontId="4" fillId="26" borderId="0" applyNumberFormat="0" applyBorder="0" applyAlignment="0" applyProtection="0"/>
    <xf numFmtId="0" fontId="4" fillId="26" borderId="0" applyNumberFormat="0" applyBorder="0" applyAlignment="0" applyProtection="0"/>
    <xf numFmtId="0" fontId="47" fillId="6" borderId="0" applyNumberFormat="0" applyBorder="0" applyAlignment="0" applyProtection="0"/>
    <xf numFmtId="0" fontId="4" fillId="6" borderId="0" applyNumberFormat="0" applyBorder="0" applyAlignment="0" applyProtection="0"/>
    <xf numFmtId="0" fontId="28" fillId="6" borderId="0" applyNumberFormat="0" applyBorder="0" applyAlignment="0" applyProtection="0"/>
    <xf numFmtId="0" fontId="5" fillId="27" borderId="1" applyNumberFormat="0" applyAlignment="0" applyProtection="0"/>
    <xf numFmtId="0" fontId="29" fillId="3" borderId="1" applyNumberFormat="0" applyAlignment="0" applyProtection="0"/>
    <xf numFmtId="0" fontId="48" fillId="3" borderId="1" applyNumberFormat="0" applyAlignment="0" applyProtection="0"/>
    <xf numFmtId="0" fontId="48" fillId="3" borderId="1" applyNumberFormat="0" applyAlignment="0" applyProtection="0"/>
    <xf numFmtId="0" fontId="48" fillId="3" borderId="1" applyNumberFormat="0" applyAlignment="0" applyProtection="0"/>
    <xf numFmtId="0" fontId="49" fillId="3" borderId="1" applyNumberFormat="0" applyAlignment="0" applyProtection="0"/>
    <xf numFmtId="0" fontId="6" fillId="28" borderId="2" applyNumberFormat="0" applyAlignment="0" applyProtection="0"/>
    <xf numFmtId="0" fontId="30" fillId="12" borderId="2" applyNumberFormat="0" applyAlignment="0" applyProtection="0"/>
    <xf numFmtId="0" fontId="6" fillId="12" borderId="2" applyNumberFormat="0" applyAlignment="0" applyProtection="0"/>
    <xf numFmtId="0" fontId="6" fillId="12" borderId="2" applyNumberFormat="0" applyAlignment="0" applyProtection="0"/>
    <xf numFmtId="0" fontId="6" fillId="12" borderId="2" applyNumberFormat="0" applyAlignment="0" applyProtection="0"/>
    <xf numFmtId="0" fontId="50" fillId="28" borderId="2" applyNumberFormat="0" applyAlignment="0" applyProtection="0"/>
    <xf numFmtId="0" fontId="6" fillId="28" borderId="2" applyNumberFormat="0" applyAlignment="0" applyProtection="0"/>
    <xf numFmtId="0" fontId="30" fillId="28" borderId="2" applyNumberFormat="0" applyAlignment="0" applyProtection="0"/>
    <xf numFmtId="43" fontId="1" fillId="0" borderId="0" applyFont="0" applyFill="0" applyBorder="0" applyAlignment="0" applyProtection="0"/>
    <xf numFmtId="43" fontId="21" fillId="0" borderId="0" applyFont="0" applyFill="0" applyBorder="0" applyAlignment="0" applyProtection="0"/>
    <xf numFmtId="43" fontId="2"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51" fillId="0" borderId="0" applyFont="0" applyFill="0" applyBorder="0" applyAlignment="0" applyProtection="0"/>
    <xf numFmtId="40" fontId="16" fillId="0" borderId="0" applyFont="0" applyFill="0" applyBorder="0" applyAlignment="0" applyProtection="0"/>
    <xf numFmtId="43" fontId="21"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0" fontId="16" fillId="0" borderId="0" applyFont="0" applyFill="0" applyBorder="0" applyAlignment="0" applyProtection="0"/>
    <xf numFmtId="43" fontId="21" fillId="0" borderId="0" applyFont="0" applyFill="0" applyBorder="0" applyAlignment="0" applyProtection="0"/>
    <xf numFmtId="40" fontId="16" fillId="0" borderId="0" applyFont="0" applyFill="0" applyBorder="0" applyAlignment="0" applyProtection="0"/>
    <xf numFmtId="43" fontId="21" fillId="0" borderId="0" applyFont="0" applyFill="0" applyBorder="0" applyAlignment="0" applyProtection="0"/>
    <xf numFmtId="40" fontId="16" fillId="0" borderId="0" applyFont="0" applyFill="0" applyBorder="0" applyAlignment="0" applyProtection="0"/>
    <xf numFmtId="40" fontId="16" fillId="0" borderId="0" applyFont="0" applyFill="0" applyBorder="0" applyAlignment="0" applyProtection="0"/>
    <xf numFmtId="43" fontId="21"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21" fillId="0" borderId="0" applyFont="0" applyFill="0" applyBorder="0" applyAlignment="0" applyProtection="0"/>
    <xf numFmtId="43" fontId="85" fillId="0" borderId="0" applyFont="0" applyFill="0" applyBorder="0" applyAlignment="0" applyProtection="0"/>
    <xf numFmtId="43" fontId="21"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21"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85"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5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43" fontId="21" fillId="0" borderId="0" applyFont="0" applyFill="0" applyBorder="0" applyAlignment="0" applyProtection="0"/>
    <xf numFmtId="168" fontId="21" fillId="0" borderId="0" applyFont="0" applyFill="0" applyBorder="0" applyAlignment="0" applyProtection="0"/>
    <xf numFmtId="168" fontId="21"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85" fillId="0" borderId="0" applyFont="0" applyFill="0" applyBorder="0" applyAlignment="0" applyProtection="0"/>
    <xf numFmtId="44" fontId="21" fillId="0" borderId="0" applyFont="0" applyFill="0" applyBorder="0" applyAlignment="0" applyProtection="0"/>
    <xf numFmtId="44" fontId="21" fillId="0" borderId="0" applyFont="0" applyFill="0" applyBorder="0" applyAlignment="0" applyProtection="0"/>
    <xf numFmtId="44" fontId="21" fillId="0" borderId="0" applyFont="0" applyFill="0" applyBorder="0" applyAlignment="0" applyProtection="0"/>
    <xf numFmtId="44" fontId="16" fillId="0" borderId="0" applyFont="0" applyFill="0" applyBorder="0" applyAlignment="0" applyProtection="0"/>
    <xf numFmtId="44" fontId="21" fillId="0" borderId="0" applyFont="0" applyFill="0" applyBorder="0" applyAlignment="0" applyProtection="0"/>
    <xf numFmtId="44" fontId="43" fillId="0" borderId="0" applyFont="0" applyFill="0" applyBorder="0" applyAlignment="0" applyProtection="0"/>
    <xf numFmtId="44" fontId="21" fillId="0" borderId="0" applyFont="0" applyFill="0" applyBorder="0" applyAlignment="0" applyProtection="0"/>
    <xf numFmtId="44" fontId="21" fillId="0" borderId="0" applyFont="0" applyFill="0" applyBorder="0" applyAlignment="0" applyProtection="0"/>
    <xf numFmtId="44" fontId="43" fillId="0" borderId="0" applyFont="0" applyFill="0" applyBorder="0" applyAlignment="0" applyProtection="0"/>
    <xf numFmtId="44" fontId="43" fillId="0" borderId="0" applyFont="0" applyFill="0" applyBorder="0" applyAlignment="0" applyProtection="0"/>
    <xf numFmtId="44" fontId="43" fillId="0" borderId="0" applyFont="0" applyFill="0" applyBorder="0" applyAlignment="0" applyProtection="0"/>
    <xf numFmtId="44" fontId="21" fillId="0" borderId="0" applyFont="0" applyFill="0" applyBorder="0" applyAlignment="0" applyProtection="0"/>
    <xf numFmtId="44" fontId="21" fillId="0" borderId="0" applyFont="0" applyFill="0" applyBorder="0" applyAlignment="0" applyProtection="0"/>
    <xf numFmtId="44" fontId="43" fillId="0" borderId="0" applyFont="0" applyFill="0" applyBorder="0" applyAlignment="0" applyProtection="0"/>
    <xf numFmtId="44" fontId="21" fillId="0" borderId="0" applyFont="0" applyFill="0" applyBorder="0" applyAlignment="0" applyProtection="0"/>
    <xf numFmtId="44" fontId="21" fillId="0" borderId="0" applyFont="0" applyFill="0" applyBorder="0" applyAlignment="0" applyProtection="0"/>
    <xf numFmtId="8" fontId="16" fillId="0" borderId="0" applyFont="0" applyFill="0" applyBorder="0" applyAlignment="0" applyProtection="0"/>
    <xf numFmtId="8" fontId="16" fillId="0" borderId="0" applyFont="0" applyFill="0" applyBorder="0" applyAlignment="0" applyProtection="0"/>
    <xf numFmtId="44" fontId="21" fillId="0" borderId="0" applyFont="0" applyFill="0" applyBorder="0" applyAlignment="0" applyProtection="0"/>
    <xf numFmtId="0" fontId="7" fillId="0" borderId="0" applyNumberFormat="0" applyFill="0" applyBorder="0" applyAlignment="0" applyProtection="0"/>
    <xf numFmtId="0" fontId="31" fillId="0" borderId="0" applyNumberFormat="0" applyFill="0" applyBorder="0" applyAlignment="0" applyProtection="0"/>
    <xf numFmtId="0" fontId="7" fillId="0" borderId="0" applyNumberFormat="0" applyFill="0" applyBorder="0" applyAlignment="0" applyProtection="0"/>
    <xf numFmtId="0" fontId="7" fillId="0" borderId="0" applyNumberFormat="0" applyFill="0" applyBorder="0" applyAlignment="0" applyProtection="0"/>
    <xf numFmtId="0" fontId="7" fillId="0" borderId="0" applyNumberFormat="0" applyFill="0" applyBorder="0" applyAlignment="0" applyProtection="0"/>
    <xf numFmtId="0" fontId="52" fillId="0" borderId="0" applyNumberFormat="0" applyFill="0" applyBorder="0" applyAlignment="0" applyProtection="0"/>
    <xf numFmtId="0" fontId="8" fillId="11" borderId="0" applyNumberFormat="0" applyBorder="0" applyAlignment="0" applyProtection="0"/>
    <xf numFmtId="0" fontId="32" fillId="8" borderId="0" applyNumberFormat="0" applyBorder="0" applyAlignment="0" applyProtection="0"/>
    <xf numFmtId="0" fontId="8" fillId="8" borderId="0" applyNumberFormat="0" applyBorder="0" applyAlignment="0" applyProtection="0"/>
    <xf numFmtId="0" fontId="8" fillId="8" borderId="0" applyNumberFormat="0" applyBorder="0" applyAlignment="0" applyProtection="0"/>
    <xf numFmtId="0" fontId="8" fillId="8" borderId="0" applyNumberFormat="0" applyBorder="0" applyAlignment="0" applyProtection="0"/>
    <xf numFmtId="0" fontId="53" fillId="8" borderId="0" applyNumberFormat="0" applyBorder="0" applyAlignment="0" applyProtection="0"/>
    <xf numFmtId="0" fontId="9" fillId="0" borderId="3" applyNumberFormat="0" applyFill="0" applyAlignment="0" applyProtection="0"/>
    <xf numFmtId="0" fontId="54" fillId="0" borderId="4" applyNumberFormat="0" applyFill="0" applyAlignment="0" applyProtection="0"/>
    <xf numFmtId="0" fontId="9" fillId="0" borderId="4" applyNumberFormat="0" applyFill="0" applyAlignment="0" applyProtection="0"/>
    <xf numFmtId="0" fontId="9" fillId="0" borderId="4" applyNumberFormat="0" applyFill="0" applyAlignment="0" applyProtection="0"/>
    <xf numFmtId="0" fontId="9" fillId="0" borderId="4" applyNumberFormat="0" applyFill="0" applyAlignment="0" applyProtection="0"/>
    <xf numFmtId="0" fontId="55" fillId="0" borderId="5" applyNumberFormat="0" applyFill="0" applyAlignment="0" applyProtection="0"/>
    <xf numFmtId="0" fontId="56" fillId="0" borderId="5" applyNumberFormat="0" applyFill="0" applyAlignment="0" applyProtection="0"/>
    <xf numFmtId="0" fontId="33" fillId="0" borderId="5" applyNumberFormat="0" applyFill="0" applyAlignment="0" applyProtection="0"/>
    <xf numFmtId="0" fontId="10" fillId="0" borderId="6" applyNumberFormat="0" applyFill="0" applyAlignment="0" applyProtection="0"/>
    <xf numFmtId="0" fontId="57" fillId="0" borderId="7" applyNumberFormat="0" applyFill="0" applyAlignment="0" applyProtection="0"/>
    <xf numFmtId="0" fontId="10" fillId="0" borderId="7" applyNumberFormat="0" applyFill="0" applyAlignment="0" applyProtection="0"/>
    <xf numFmtId="0" fontId="10" fillId="0" borderId="7" applyNumberFormat="0" applyFill="0" applyAlignment="0" applyProtection="0"/>
    <xf numFmtId="0" fontId="10" fillId="0" borderId="7" applyNumberFormat="0" applyFill="0" applyAlignment="0" applyProtection="0"/>
    <xf numFmtId="0" fontId="58" fillId="0" borderId="8" applyNumberFormat="0" applyFill="0" applyAlignment="0" applyProtection="0"/>
    <xf numFmtId="0" fontId="59" fillId="0" borderId="8" applyNumberFormat="0" applyFill="0" applyAlignment="0" applyProtection="0"/>
    <xf numFmtId="0" fontId="34" fillId="0" borderId="8" applyNumberFormat="0" applyFill="0" applyAlignment="0" applyProtection="0"/>
    <xf numFmtId="0" fontId="11" fillId="0" borderId="9" applyNumberFormat="0" applyFill="0" applyAlignment="0" applyProtection="0"/>
    <xf numFmtId="0" fontId="60" fillId="0" borderId="10" applyNumberFormat="0" applyFill="0" applyAlignment="0" applyProtection="0"/>
    <xf numFmtId="0" fontId="11" fillId="0" borderId="10" applyNumberFormat="0" applyFill="0" applyAlignment="0" applyProtection="0"/>
    <xf numFmtId="0" fontId="11" fillId="0" borderId="10" applyNumberFormat="0" applyFill="0" applyAlignment="0" applyProtection="0"/>
    <xf numFmtId="0" fontId="11" fillId="0" borderId="10" applyNumberFormat="0" applyFill="0" applyAlignment="0" applyProtection="0"/>
    <xf numFmtId="0" fontId="61" fillId="0" borderId="11" applyNumberFormat="0" applyFill="0" applyAlignment="0" applyProtection="0"/>
    <xf numFmtId="0" fontId="62" fillId="0" borderId="11" applyNumberFormat="0" applyFill="0" applyAlignment="0" applyProtection="0"/>
    <xf numFmtId="0" fontId="35" fillId="0" borderId="11" applyNumberFormat="0" applyFill="0" applyAlignment="0" applyProtection="0"/>
    <xf numFmtId="0" fontId="11" fillId="0" borderId="0" applyNumberFormat="0" applyFill="0" applyBorder="0" applyAlignment="0" applyProtection="0"/>
    <xf numFmtId="0" fontId="60" fillId="0" borderId="0" applyNumberFormat="0" applyFill="0" applyBorder="0" applyAlignment="0" applyProtection="0"/>
    <xf numFmtId="0" fontId="11" fillId="0" borderId="0" applyNumberFormat="0" applyFill="0" applyBorder="0" applyAlignment="0" applyProtection="0"/>
    <xf numFmtId="0" fontId="11" fillId="0" borderId="0" applyNumberFormat="0" applyFill="0" applyBorder="0" applyAlignment="0" applyProtection="0"/>
    <xf numFmtId="0" fontId="11" fillId="0" borderId="0" applyNumberFormat="0" applyFill="0" applyBorder="0" applyAlignment="0" applyProtection="0"/>
    <xf numFmtId="0" fontId="61" fillId="0" borderId="0" applyNumberFormat="0" applyFill="0" applyBorder="0" applyAlignment="0" applyProtection="0"/>
    <xf numFmtId="0" fontId="62" fillId="0" borderId="0" applyNumberFormat="0" applyFill="0" applyBorder="0" applyAlignment="0" applyProtection="0"/>
    <xf numFmtId="0" fontId="35" fillId="0" borderId="0" applyNumberFormat="0" applyFill="0" applyBorder="0" applyAlignment="0" applyProtection="0"/>
    <xf numFmtId="0" fontId="12" fillId="13" borderId="1" applyNumberFormat="0" applyAlignment="0" applyProtection="0"/>
    <xf numFmtId="0" fontId="36" fillId="9" borderId="1" applyNumberFormat="0" applyAlignment="0" applyProtection="0"/>
    <xf numFmtId="0" fontId="12" fillId="9" borderId="1" applyNumberFormat="0" applyAlignment="0" applyProtection="0"/>
    <xf numFmtId="0" fontId="12" fillId="9" borderId="1" applyNumberFormat="0" applyAlignment="0" applyProtection="0"/>
    <xf numFmtId="0" fontId="12" fillId="9" borderId="1" applyNumberFormat="0" applyAlignment="0" applyProtection="0"/>
    <xf numFmtId="0" fontId="63" fillId="9" borderId="1" applyNumberFormat="0" applyAlignment="0" applyProtection="0"/>
    <xf numFmtId="41" fontId="64" fillId="0" borderId="0">
      <alignment horizontal="left"/>
    </xf>
    <xf numFmtId="0" fontId="13" fillId="0" borderId="12" applyNumberFormat="0" applyFill="0" applyAlignment="0" applyProtection="0"/>
    <xf numFmtId="0" fontId="37" fillId="0" borderId="13" applyNumberFormat="0" applyFill="0" applyAlignment="0" applyProtection="0"/>
    <xf numFmtId="0" fontId="65" fillId="0" borderId="13" applyNumberFormat="0" applyFill="0" applyAlignment="0" applyProtection="0"/>
    <xf numFmtId="0" fontId="65" fillId="0" borderId="13" applyNumberFormat="0" applyFill="0" applyAlignment="0" applyProtection="0"/>
    <xf numFmtId="0" fontId="65" fillId="0" borderId="13" applyNumberFormat="0" applyFill="0" applyAlignment="0" applyProtection="0"/>
    <xf numFmtId="0" fontId="66" fillId="0" borderId="13" applyNumberFormat="0" applyFill="0" applyAlignment="0" applyProtection="0"/>
    <xf numFmtId="0" fontId="14" fillId="13" borderId="0" applyNumberFormat="0" applyBorder="0" applyAlignment="0" applyProtection="0"/>
    <xf numFmtId="0" fontId="38" fillId="13" borderId="0" applyNumberFormat="0" applyBorder="0" applyAlignment="0" applyProtection="0"/>
    <xf numFmtId="0" fontId="67" fillId="13" borderId="0" applyNumberFormat="0" applyBorder="0" applyAlignment="0" applyProtection="0"/>
    <xf numFmtId="0" fontId="67" fillId="13" borderId="0" applyNumberFormat="0" applyBorder="0" applyAlignment="0" applyProtection="0"/>
    <xf numFmtId="0" fontId="67" fillId="13" borderId="0" applyNumberFormat="0" applyBorder="0" applyAlignment="0" applyProtection="0"/>
    <xf numFmtId="0" fontId="68" fillId="13" borderId="0" applyNumberFormat="0" applyBorder="0" applyAlignment="0" applyProtection="0"/>
    <xf numFmtId="0" fontId="86" fillId="0" borderId="0"/>
    <xf numFmtId="0" fontId="43" fillId="0" borderId="0"/>
    <xf numFmtId="37" fontId="44" fillId="0" borderId="0"/>
    <xf numFmtId="0" fontId="44" fillId="0" borderId="0"/>
    <xf numFmtId="0" fontId="16"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38" fontId="21" fillId="0" borderId="0"/>
    <xf numFmtId="38" fontId="21" fillId="0" borderId="0"/>
    <xf numFmtId="38" fontId="21" fillId="0" borderId="0"/>
    <xf numFmtId="38" fontId="21" fillId="0" borderId="0"/>
    <xf numFmtId="0" fontId="21" fillId="0" borderId="0"/>
    <xf numFmtId="0" fontId="85" fillId="0" borderId="0"/>
    <xf numFmtId="0" fontId="16" fillId="0" borderId="0"/>
    <xf numFmtId="0" fontId="21" fillId="0" borderId="0"/>
    <xf numFmtId="0" fontId="16" fillId="0" borderId="0"/>
    <xf numFmtId="0" fontId="16" fillId="0" borderId="0"/>
    <xf numFmtId="0" fontId="16" fillId="0" borderId="0"/>
    <xf numFmtId="38" fontId="21" fillId="0" borderId="0"/>
    <xf numFmtId="38" fontId="21" fillId="0" borderId="0"/>
    <xf numFmtId="38" fontId="21" fillId="0" borderId="0"/>
    <xf numFmtId="38" fontId="21" fillId="0" borderId="0"/>
    <xf numFmtId="38" fontId="21" fillId="0" borderId="0"/>
    <xf numFmtId="38" fontId="21" fillId="0" borderId="0"/>
    <xf numFmtId="38" fontId="21" fillId="0" borderId="0"/>
    <xf numFmtId="38" fontId="21" fillId="0" borderId="0"/>
    <xf numFmtId="38" fontId="21" fillId="0" borderId="0"/>
    <xf numFmtId="38" fontId="21" fillId="0" borderId="0"/>
    <xf numFmtId="0" fontId="21" fillId="0" borderId="0"/>
    <xf numFmtId="0" fontId="69" fillId="0" borderId="0"/>
    <xf numFmtId="0" fontId="69" fillId="0" borderId="0"/>
    <xf numFmtId="0" fontId="43" fillId="0" borderId="0"/>
    <xf numFmtId="0" fontId="16" fillId="0" borderId="0"/>
    <xf numFmtId="0" fontId="43" fillId="0" borderId="0"/>
    <xf numFmtId="0" fontId="43" fillId="0" borderId="0"/>
    <xf numFmtId="0" fontId="69" fillId="0" borderId="0"/>
    <xf numFmtId="38" fontId="21" fillId="0" borderId="0"/>
    <xf numFmtId="38" fontId="21" fillId="0" borderId="0"/>
    <xf numFmtId="38" fontId="21" fillId="0" borderId="0"/>
    <xf numFmtId="38" fontId="21" fillId="0" borderId="0"/>
    <xf numFmtId="38" fontId="21"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21" fillId="0" borderId="0"/>
    <xf numFmtId="0" fontId="85" fillId="0" borderId="0"/>
    <xf numFmtId="0" fontId="21" fillId="0" borderId="0"/>
    <xf numFmtId="0" fontId="16" fillId="0" borderId="0"/>
    <xf numFmtId="0" fontId="43" fillId="0" borderId="0"/>
    <xf numFmtId="0" fontId="43" fillId="0" borderId="0"/>
    <xf numFmtId="0" fontId="21" fillId="0" borderId="0"/>
    <xf numFmtId="0" fontId="16" fillId="0" borderId="0"/>
    <xf numFmtId="0" fontId="21" fillId="0" borderId="0"/>
    <xf numFmtId="0" fontId="21"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85" fillId="0" borderId="0"/>
    <xf numFmtId="0" fontId="21" fillId="0" borderId="0"/>
    <xf numFmtId="0" fontId="86" fillId="0" borderId="0"/>
    <xf numFmtId="0" fontId="86" fillId="0" borderId="0"/>
    <xf numFmtId="0" fontId="86" fillId="0" borderId="0"/>
    <xf numFmtId="0" fontId="1" fillId="7" borderId="14" applyNumberFormat="0" applyFont="0" applyAlignment="0" applyProtection="0"/>
    <xf numFmtId="0" fontId="21" fillId="7" borderId="14"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0" fontId="21" fillId="7" borderId="1" applyNumberFormat="0" applyFont="0" applyAlignment="0" applyProtection="0"/>
    <xf numFmtId="43" fontId="12" fillId="0" borderId="0"/>
    <xf numFmtId="169" fontId="70" fillId="0" borderId="0"/>
    <xf numFmtId="0" fontId="15" fillId="27" borderId="15" applyNumberFormat="0" applyAlignment="0" applyProtection="0"/>
    <xf numFmtId="0" fontId="39" fillId="3" borderId="15" applyNumberFormat="0" applyAlignment="0" applyProtection="0"/>
    <xf numFmtId="0" fontId="15" fillId="3" borderId="15" applyNumberFormat="0" applyAlignment="0" applyProtection="0"/>
    <xf numFmtId="0" fontId="15" fillId="3" borderId="15" applyNumberFormat="0" applyAlignment="0" applyProtection="0"/>
    <xf numFmtId="0" fontId="15" fillId="3" borderId="15" applyNumberFormat="0" applyAlignment="0" applyProtection="0"/>
    <xf numFmtId="0" fontId="71" fillId="3" borderId="15" applyNumberFormat="0" applyAlignment="0" applyProtection="0"/>
    <xf numFmtId="9" fontId="16"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85" fillId="0" borderId="0" applyFont="0" applyFill="0" applyBorder="0" applyAlignment="0" applyProtection="0"/>
    <xf numFmtId="9" fontId="21" fillId="0" borderId="0" applyFont="0" applyFill="0" applyBorder="0" applyAlignment="0" applyProtection="0"/>
    <xf numFmtId="9" fontId="85"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16"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5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5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9" fontId="21" fillId="0" borderId="0" applyFont="0" applyFill="0" applyBorder="0" applyAlignment="0" applyProtection="0"/>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0" fontId="16" fillId="0" borderId="0" applyNumberFormat="0" applyFont="0" applyFill="0" applyBorder="0" applyAlignment="0" applyProtection="0">
      <alignment horizontal="left"/>
    </xf>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15"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4" fontId="16" fillId="0" borderId="0" applyFont="0" applyFill="0" applyBorder="0" applyAlignment="0" applyProtection="0"/>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0" fontId="17" fillId="0" borderId="16">
      <alignment horizontal="center"/>
    </xf>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3" fontId="16" fillId="0" borderId="0" applyFont="0" applyFill="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6" fillId="29" borderId="0" applyNumberFormat="0" applyFont="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18" fillId="0" borderId="0" applyNumberFormat="0" applyFill="0" applyBorder="0" applyAlignment="0" applyProtection="0"/>
    <xf numFmtId="0" fontId="40" fillId="0" borderId="0" applyNumberFormat="0" applyFill="0" applyBorder="0" applyAlignment="0" applyProtection="0"/>
    <xf numFmtId="0" fontId="19" fillId="0" borderId="17" applyNumberFormat="0" applyFill="0" applyAlignment="0" applyProtection="0"/>
    <xf numFmtId="0" fontId="41" fillId="0" borderId="18" applyNumberFormat="0" applyFill="0" applyAlignment="0" applyProtection="0"/>
    <xf numFmtId="0" fontId="19" fillId="0" borderId="18" applyNumberFormat="0" applyFill="0" applyAlignment="0" applyProtection="0"/>
    <xf numFmtId="0" fontId="19" fillId="0" borderId="18" applyNumberFormat="0" applyFill="0" applyAlignment="0" applyProtection="0"/>
    <xf numFmtId="0" fontId="19" fillId="0" borderId="18" applyNumberFormat="0" applyFill="0" applyAlignment="0" applyProtection="0"/>
    <xf numFmtId="0" fontId="72" fillId="0" borderId="19" applyNumberFormat="0" applyFill="0" applyAlignment="0" applyProtection="0"/>
    <xf numFmtId="0" fontId="19" fillId="0" borderId="19" applyNumberFormat="0" applyFill="0" applyAlignment="0" applyProtection="0"/>
    <xf numFmtId="0" fontId="41" fillId="0" borderId="19" applyNumberFormat="0" applyFill="0" applyAlignment="0" applyProtection="0"/>
    <xf numFmtId="0" fontId="13" fillId="0" borderId="0" applyNumberFormat="0" applyFill="0" applyBorder="0" applyAlignment="0" applyProtection="0"/>
    <xf numFmtId="0" fontId="42" fillId="0" borderId="0" applyNumberFormat="0" applyFill="0" applyBorder="0" applyAlignment="0" applyProtection="0"/>
    <xf numFmtId="0" fontId="13" fillId="0" borderId="0" applyNumberFormat="0" applyFill="0" applyBorder="0" applyAlignment="0" applyProtection="0"/>
    <xf numFmtId="0" fontId="13" fillId="0" borderId="0" applyNumberFormat="0" applyFill="0" applyBorder="0" applyAlignment="0" applyProtection="0"/>
    <xf numFmtId="0" fontId="13" fillId="0" borderId="0" applyNumberFormat="0" applyFill="0" applyBorder="0" applyAlignment="0" applyProtection="0"/>
    <xf numFmtId="0" fontId="73" fillId="0" borderId="0" applyNumberFormat="0" applyFill="0" applyBorder="0" applyAlignment="0" applyProtection="0"/>
    <xf numFmtId="0" fontId="21" fillId="0" borderId="0"/>
    <xf numFmtId="44" fontId="21" fillId="0" borderId="0" applyFont="0" applyFill="0" applyBorder="0" applyAlignment="0" applyProtection="0"/>
    <xf numFmtId="0" fontId="97" fillId="0" borderId="0"/>
  </cellStyleXfs>
  <cellXfs count="301">
    <xf numFmtId="0" fontId="0" fillId="0" borderId="0" xfId="0"/>
    <xf numFmtId="0" fontId="22" fillId="0" borderId="0" xfId="0" applyFont="1" applyBorder="1"/>
    <xf numFmtId="0" fontId="23" fillId="0" borderId="0" xfId="0" applyFont="1" applyBorder="1"/>
    <xf numFmtId="0" fontId="24" fillId="0" borderId="0" xfId="0" applyFont="1" applyBorder="1"/>
    <xf numFmtId="0" fontId="25" fillId="0" borderId="0" xfId="0" applyFont="1" applyBorder="1"/>
    <xf numFmtId="0" fontId="23" fillId="0" borderId="0" xfId="0" applyFont="1"/>
    <xf numFmtId="0" fontId="87" fillId="31" borderId="0" xfId="0" applyFont="1" applyFill="1" applyBorder="1" applyAlignment="1">
      <alignment horizontal="center"/>
    </xf>
    <xf numFmtId="0" fontId="87" fillId="31" borderId="20" xfId="0" applyFont="1" applyFill="1" applyBorder="1" applyAlignment="1">
      <alignment horizontal="center"/>
    </xf>
    <xf numFmtId="0" fontId="88" fillId="31" borderId="20" xfId="0" applyFont="1" applyFill="1" applyBorder="1" applyAlignment="1">
      <alignment horizontal="center" vertical="top" wrapText="1" shrinkToFit="1"/>
    </xf>
    <xf numFmtId="0" fontId="88" fillId="31" borderId="20" xfId="0" applyFont="1" applyFill="1" applyBorder="1" applyAlignment="1">
      <alignment horizontal="left" vertical="top" wrapText="1" shrinkToFit="1"/>
    </xf>
    <xf numFmtId="40" fontId="23" fillId="0" borderId="0" xfId="0" applyNumberFormat="1" applyFont="1"/>
    <xf numFmtId="14" fontId="0" fillId="0" borderId="0" xfId="0" applyNumberFormat="1"/>
    <xf numFmtId="49" fontId="51" fillId="30" borderId="21" xfId="0" applyNumberFormat="1" applyFont="1" applyFill="1" applyBorder="1"/>
    <xf numFmtId="49" fontId="0" fillId="0" borderId="0" xfId="0" applyNumberFormat="1"/>
    <xf numFmtId="40" fontId="21" fillId="0" borderId="0" xfId="0" applyNumberFormat="1" applyFont="1" applyFill="1"/>
    <xf numFmtId="3" fontId="74" fillId="0" borderId="22" xfId="0" applyNumberFormat="1" applyFont="1" applyFill="1" applyBorder="1" applyAlignment="1">
      <alignment horizontal="center"/>
    </xf>
    <xf numFmtId="3" fontId="21" fillId="0" borderId="0" xfId="0" applyNumberFormat="1" applyFont="1" applyFill="1" applyBorder="1"/>
    <xf numFmtId="3" fontId="20" fillId="0" borderId="0" xfId="0" applyNumberFormat="1" applyFont="1" applyFill="1" applyBorder="1"/>
    <xf numFmtId="0" fontId="0" fillId="0" borderId="0" xfId="0" applyFill="1"/>
    <xf numFmtId="43" fontId="85" fillId="0" borderId="0" xfId="213" applyFont="1"/>
    <xf numFmtId="0" fontId="89" fillId="0" borderId="0" xfId="0" applyFont="1" applyBorder="1" applyAlignment="1">
      <alignment horizontal="center"/>
    </xf>
    <xf numFmtId="0" fontId="0" fillId="0" borderId="0" xfId="0" applyAlignment="1">
      <alignment horizontal="center"/>
    </xf>
    <xf numFmtId="43" fontId="0" fillId="0" borderId="0" xfId="0" applyNumberFormat="1"/>
    <xf numFmtId="43" fontId="0" fillId="0" borderId="0" xfId="210" applyFont="1"/>
    <xf numFmtId="0" fontId="89" fillId="0" borderId="23" xfId="0" applyFont="1" applyBorder="1" applyAlignment="1">
      <alignment horizontal="center"/>
    </xf>
    <xf numFmtId="43" fontId="51" fillId="30" borderId="21" xfId="210" applyFont="1" applyFill="1" applyBorder="1"/>
    <xf numFmtId="43" fontId="20" fillId="0" borderId="24" xfId="210" applyFont="1" applyBorder="1"/>
    <xf numFmtId="0" fontId="0" fillId="0" borderId="0" xfId="0" applyBorder="1"/>
    <xf numFmtId="0" fontId="0" fillId="0" borderId="0" xfId="0" applyBorder="1" applyAlignment="1">
      <alignment horizontal="center"/>
    </xf>
    <xf numFmtId="0" fontId="89" fillId="0" borderId="23" xfId="0" applyFont="1" applyBorder="1" applyAlignment="1">
      <alignment horizontal="center" wrapText="1"/>
    </xf>
    <xf numFmtId="0" fontId="0" fillId="0" borderId="0" xfId="0" applyFont="1"/>
    <xf numFmtId="0" fontId="89" fillId="0" borderId="0" xfId="0" applyFont="1" applyBorder="1" applyAlignment="1">
      <alignment horizontal="center" wrapText="1"/>
    </xf>
    <xf numFmtId="0" fontId="0" fillId="33" borderId="0" xfId="0" applyFill="1" applyBorder="1" applyAlignment="1">
      <alignment horizontal="center"/>
    </xf>
    <xf numFmtId="40" fontId="0" fillId="33" borderId="0" xfId="0" applyNumberFormat="1" applyFill="1" applyBorder="1"/>
    <xf numFmtId="43" fontId="85" fillId="0" borderId="0" xfId="206" applyFont="1"/>
    <xf numFmtId="40" fontId="0" fillId="0" borderId="0" xfId="0" applyNumberFormat="1"/>
    <xf numFmtId="40" fontId="0" fillId="33" borderId="23" xfId="0" applyNumberFormat="1" applyFill="1" applyBorder="1"/>
    <xf numFmtId="43" fontId="85" fillId="0" borderId="23" xfId="206" applyFont="1" applyBorder="1"/>
    <xf numFmtId="40" fontId="0" fillId="0" borderId="23" xfId="0" applyNumberFormat="1" applyBorder="1"/>
    <xf numFmtId="40" fontId="0" fillId="0" borderId="0" xfId="0" applyNumberFormat="1" applyBorder="1"/>
    <xf numFmtId="43" fontId="85" fillId="0" borderId="23" xfId="213" applyFont="1" applyBorder="1"/>
    <xf numFmtId="43" fontId="0" fillId="0" borderId="0" xfId="0" applyNumberFormat="1" applyBorder="1"/>
    <xf numFmtId="0" fontId="75" fillId="0" borderId="0" xfId="0" applyFont="1" applyAlignment="1">
      <alignment horizontal="center" vertical="center"/>
    </xf>
    <xf numFmtId="0" fontId="21" fillId="0" borderId="0" xfId="0" applyFont="1" applyAlignment="1">
      <alignment horizontal="center" vertical="center"/>
    </xf>
    <xf numFmtId="0" fontId="90" fillId="0" borderId="0" xfId="0" applyFont="1" applyAlignment="1">
      <alignment vertical="center"/>
    </xf>
    <xf numFmtId="8" fontId="21" fillId="0" borderId="0" xfId="0" applyNumberFormat="1" applyFont="1" applyAlignment="1">
      <alignment horizontal="right" vertical="center"/>
    </xf>
    <xf numFmtId="0" fontId="21" fillId="0" borderId="0" xfId="0" applyFont="1" applyAlignment="1">
      <alignment horizontal="right" vertical="center"/>
    </xf>
    <xf numFmtId="4" fontId="21" fillId="0" borderId="0" xfId="0" applyNumberFormat="1" applyFont="1" applyAlignment="1">
      <alignment horizontal="right" vertical="center"/>
    </xf>
    <xf numFmtId="0" fontId="77" fillId="0" borderId="0" xfId="0" applyFont="1" applyAlignment="1">
      <alignment vertical="center"/>
    </xf>
    <xf numFmtId="17" fontId="23" fillId="0" borderId="0" xfId="0" applyNumberFormat="1" applyFont="1"/>
    <xf numFmtId="17" fontId="23" fillId="0" borderId="0" xfId="0" applyNumberFormat="1" applyFont="1" applyAlignment="1">
      <alignment horizontal="right"/>
    </xf>
    <xf numFmtId="0" fontId="23" fillId="0" borderId="0" xfId="0" applyFont="1" applyAlignment="1">
      <alignment horizontal="right"/>
    </xf>
    <xf numFmtId="40" fontId="23" fillId="0" borderId="24" xfId="0" applyNumberFormat="1" applyFont="1" applyBorder="1"/>
    <xf numFmtId="0" fontId="0" fillId="0" borderId="0" xfId="0" applyAlignment="1">
      <alignment wrapText="1"/>
    </xf>
    <xf numFmtId="0" fontId="76" fillId="0" borderId="16" xfId="0" applyFont="1" applyBorder="1" applyAlignment="1">
      <alignment horizontal="right"/>
    </xf>
    <xf numFmtId="0" fontId="23" fillId="0" borderId="16" xfId="0" applyFont="1" applyBorder="1"/>
    <xf numFmtId="0" fontId="0" fillId="0" borderId="16" xfId="0" applyBorder="1" applyAlignment="1">
      <alignment wrapText="1"/>
    </xf>
    <xf numFmtId="0" fontId="21" fillId="0" borderId="0" xfId="0" applyFont="1" applyAlignment="1">
      <alignment wrapText="1"/>
    </xf>
    <xf numFmtId="40" fontId="23" fillId="0" borderId="0" xfId="0" applyNumberFormat="1" applyFont="1" applyBorder="1"/>
    <xf numFmtId="0" fontId="23" fillId="0" borderId="23" xfId="0" applyFont="1" applyBorder="1" applyAlignment="1">
      <alignment horizontal="center" wrapText="1"/>
    </xf>
    <xf numFmtId="43" fontId="23" fillId="0" borderId="0" xfId="205" applyFont="1"/>
    <xf numFmtId="165" fontId="21" fillId="0" borderId="0" xfId="206" applyNumberFormat="1" applyFont="1" applyFill="1"/>
    <xf numFmtId="165" fontId="21" fillId="0" borderId="0" xfId="206" applyNumberFormat="1" applyFont="1" applyFill="1" applyBorder="1"/>
    <xf numFmtId="38" fontId="21" fillId="0" borderId="0" xfId="0" applyNumberFormat="1" applyFont="1" applyFill="1" applyBorder="1"/>
    <xf numFmtId="38" fontId="20" fillId="0" borderId="0" xfId="0" applyNumberFormat="1" applyFont="1" applyFill="1" applyBorder="1"/>
    <xf numFmtId="38" fontId="20" fillId="0" borderId="0" xfId="0" applyNumberFormat="1" applyFont="1" applyFill="1" applyBorder="1" applyAlignment="1">
      <alignment horizontal="left"/>
    </xf>
    <xf numFmtId="43" fontId="21" fillId="0" borderId="0" xfId="206" applyFont="1" applyFill="1" applyBorder="1"/>
    <xf numFmtId="43" fontId="0" fillId="0" borderId="0" xfId="205" applyFont="1"/>
    <xf numFmtId="38" fontId="20" fillId="0" borderId="0" xfId="0" applyNumberFormat="1" applyFont="1" applyFill="1" applyBorder="1" applyAlignment="1">
      <alignment horizontal="center" vertical="top" wrapText="1"/>
    </xf>
    <xf numFmtId="38" fontId="20" fillId="0" borderId="0" xfId="0" applyNumberFormat="1" applyFont="1" applyFill="1" applyBorder="1" applyAlignment="1">
      <alignment horizontal="center"/>
    </xf>
    <xf numFmtId="10" fontId="0" fillId="0" borderId="0" xfId="645" applyNumberFormat="1" applyFont="1"/>
    <xf numFmtId="165" fontId="21" fillId="0" borderId="0" xfId="206" applyNumberFormat="1" applyFont="1" applyFill="1" applyAlignment="1">
      <alignment horizontal="left" indent="6"/>
    </xf>
    <xf numFmtId="165" fontId="21" fillId="0" borderId="0" xfId="206" applyNumberFormat="1" applyFont="1" applyFill="1" applyAlignment="1">
      <alignment horizontal="left" indent="2"/>
    </xf>
    <xf numFmtId="165" fontId="21" fillId="0" borderId="47" xfId="206" applyNumberFormat="1" applyFont="1" applyFill="1" applyBorder="1"/>
    <xf numFmtId="165" fontId="21" fillId="0" borderId="25" xfId="206" applyNumberFormat="1" applyFont="1" applyFill="1" applyBorder="1"/>
    <xf numFmtId="165" fontId="21" fillId="0" borderId="26" xfId="206" applyNumberFormat="1" applyFont="1" applyFill="1" applyBorder="1"/>
    <xf numFmtId="3" fontId="74" fillId="0" borderId="0" xfId="0" applyNumberFormat="1" applyFont="1" applyFill="1"/>
    <xf numFmtId="38" fontId="78" fillId="0" borderId="0" xfId="0" applyNumberFormat="1" applyFont="1" applyFill="1" applyAlignment="1">
      <alignment horizontal="center"/>
    </xf>
    <xf numFmtId="40" fontId="79" fillId="0" borderId="0" xfId="0" applyNumberFormat="1" applyFont="1" applyFill="1" applyAlignment="1">
      <alignment horizontal="left" indent="2"/>
    </xf>
    <xf numFmtId="40" fontId="20" fillId="0" borderId="47" xfId="0" applyNumberFormat="1" applyFont="1" applyFill="1" applyBorder="1" applyAlignment="1">
      <alignment horizontal="centerContinuous"/>
    </xf>
    <xf numFmtId="40" fontId="20" fillId="0" borderId="0" xfId="0" applyNumberFormat="1" applyFont="1" applyFill="1" applyBorder="1" applyAlignment="1">
      <alignment horizontal="centerContinuous"/>
    </xf>
    <xf numFmtId="38" fontId="78" fillId="0" borderId="0" xfId="0" applyNumberFormat="1" applyFont="1" applyFill="1" applyBorder="1" applyAlignment="1">
      <alignment horizontal="left" indent="2"/>
    </xf>
    <xf numFmtId="38" fontId="20" fillId="0" borderId="26" xfId="0" applyNumberFormat="1" applyFont="1" applyFill="1" applyBorder="1"/>
    <xf numFmtId="3" fontId="74" fillId="0" borderId="0" xfId="0" applyNumberFormat="1" applyFont="1" applyFill="1" applyAlignment="1">
      <alignment vertical="top"/>
    </xf>
    <xf numFmtId="3" fontId="21" fillId="0" borderId="0" xfId="0" applyNumberFormat="1" applyFont="1" applyFill="1" applyBorder="1" applyAlignment="1"/>
    <xf numFmtId="0" fontId="80" fillId="0" borderId="0" xfId="0" applyFont="1" applyFill="1" applyAlignment="1">
      <alignment horizontal="center" vertical="top"/>
    </xf>
    <xf numFmtId="40" fontId="79" fillId="0" borderId="0" xfId="0" applyNumberFormat="1" applyFont="1" applyFill="1" applyAlignment="1">
      <alignment horizontal="left" vertical="top" indent="2"/>
    </xf>
    <xf numFmtId="40" fontId="20" fillId="0" borderId="47" xfId="0" applyNumberFormat="1" applyFont="1" applyFill="1" applyBorder="1" applyAlignment="1">
      <alignment horizontal="centerContinuous" vertical="top"/>
    </xf>
    <xf numFmtId="40" fontId="20" fillId="0" borderId="0" xfId="0" applyNumberFormat="1" applyFont="1" applyFill="1" applyBorder="1" applyAlignment="1">
      <alignment horizontal="centerContinuous" vertical="top" wrapText="1"/>
    </xf>
    <xf numFmtId="38" fontId="20" fillId="0" borderId="25" xfId="0" applyNumberFormat="1" applyFont="1" applyFill="1" applyBorder="1" applyAlignment="1">
      <alignment vertical="top" wrapText="1"/>
    </xf>
    <xf numFmtId="38" fontId="20" fillId="0" borderId="0" xfId="0" applyNumberFormat="1" applyFont="1" applyFill="1" applyBorder="1" applyAlignment="1">
      <alignment vertical="top" wrapText="1"/>
    </xf>
    <xf numFmtId="38" fontId="20" fillId="0" borderId="26" xfId="0" applyNumberFormat="1" applyFont="1" applyFill="1" applyBorder="1" applyAlignment="1">
      <alignment vertical="top" wrapText="1"/>
    </xf>
    <xf numFmtId="3" fontId="21" fillId="0" borderId="0" xfId="0" applyNumberFormat="1" applyFont="1" applyFill="1" applyBorder="1" applyAlignment="1">
      <alignment vertical="top"/>
    </xf>
    <xf numFmtId="166" fontId="74" fillId="0" borderId="27" xfId="206" applyNumberFormat="1" applyFont="1" applyFill="1" applyBorder="1" applyAlignment="1">
      <alignment horizontal="left"/>
    </xf>
    <xf numFmtId="3" fontId="81" fillId="0" borderId="0" xfId="0" applyNumberFormat="1" applyFont="1" applyFill="1" applyAlignment="1">
      <alignment horizontal="left"/>
    </xf>
    <xf numFmtId="38" fontId="20" fillId="0" borderId="25" xfId="0" applyNumberFormat="1" applyFont="1" applyFill="1" applyBorder="1"/>
    <xf numFmtId="167" fontId="74" fillId="0" borderId="0" xfId="0" applyNumberFormat="1" applyFont="1" applyFill="1"/>
    <xf numFmtId="3" fontId="74" fillId="0" borderId="22" xfId="0" applyNumberFormat="1" applyFont="1" applyFill="1" applyBorder="1" applyAlignment="1"/>
    <xf numFmtId="40" fontId="82" fillId="0" borderId="22" xfId="0" quotePrefix="1" applyNumberFormat="1" applyFont="1" applyFill="1" applyBorder="1" applyAlignment="1">
      <alignment horizontal="center"/>
    </xf>
    <xf numFmtId="40" fontId="79" fillId="0" borderId="22" xfId="0" applyNumberFormat="1" applyFont="1" applyFill="1" applyBorder="1" applyAlignment="1">
      <alignment horizontal="left" indent="2"/>
    </xf>
    <xf numFmtId="40" fontId="20" fillId="0" borderId="48" xfId="0" applyNumberFormat="1" applyFont="1" applyFill="1" applyBorder="1" applyAlignment="1"/>
    <xf numFmtId="38" fontId="20" fillId="0" borderId="25" xfId="0" applyNumberFormat="1" applyFont="1" applyFill="1" applyBorder="1" applyAlignment="1">
      <alignment horizontal="center"/>
    </xf>
    <xf numFmtId="38" fontId="20" fillId="0" borderId="26" xfId="0" applyNumberFormat="1" applyFont="1" applyFill="1" applyBorder="1" applyAlignment="1">
      <alignment horizontal="center"/>
    </xf>
    <xf numFmtId="164" fontId="74" fillId="0" borderId="27" xfId="0" applyNumberFormat="1" applyFont="1" applyFill="1" applyBorder="1" applyAlignment="1">
      <alignment horizontal="left"/>
    </xf>
    <xf numFmtId="170" fontId="74" fillId="0" borderId="0" xfId="0" quotePrefix="1" applyNumberFormat="1" applyFont="1" applyFill="1" applyAlignment="1">
      <alignment horizontal="center"/>
    </xf>
    <xf numFmtId="0" fontId="20" fillId="0" borderId="0" xfId="0" applyNumberFormat="1" applyFont="1" applyFill="1" applyBorder="1" applyAlignment="1">
      <alignment horizontal="center"/>
    </xf>
    <xf numFmtId="164" fontId="74" fillId="0" borderId="22" xfId="0" applyNumberFormat="1" applyFont="1" applyFill="1" applyBorder="1" applyAlignment="1">
      <alignment horizontal="left"/>
    </xf>
    <xf numFmtId="40" fontId="20" fillId="0" borderId="48" xfId="0" applyNumberFormat="1" applyFont="1" applyFill="1" applyBorder="1" applyAlignment="1">
      <alignment horizontal="center"/>
    </xf>
    <xf numFmtId="38" fontId="20" fillId="0" borderId="28" xfId="0" applyNumberFormat="1" applyFont="1" applyFill="1" applyBorder="1" applyAlignment="1">
      <alignment horizontal="center"/>
    </xf>
    <xf numFmtId="0" fontId="20" fillId="0" borderId="22" xfId="0" applyNumberFormat="1" applyFont="1" applyFill="1" applyBorder="1" applyAlignment="1">
      <alignment horizontal="center"/>
    </xf>
    <xf numFmtId="38" fontId="20" fillId="0" borderId="29" xfId="0" applyNumberFormat="1" applyFont="1" applyFill="1" applyBorder="1" applyAlignment="1">
      <alignment horizontal="center"/>
    </xf>
    <xf numFmtId="38" fontId="20" fillId="0" borderId="22" xfId="0" applyNumberFormat="1" applyFont="1" applyFill="1" applyBorder="1" applyAlignment="1">
      <alignment horizontal="center"/>
    </xf>
    <xf numFmtId="38" fontId="20" fillId="0" borderId="30" xfId="0" applyNumberFormat="1" applyFont="1" applyFill="1" applyBorder="1" applyAlignment="1">
      <alignment horizontal="center"/>
    </xf>
    <xf numFmtId="38" fontId="21" fillId="0" borderId="0" xfId="0" applyNumberFormat="1" applyFont="1" applyFill="1" applyAlignment="1">
      <alignment vertical="top"/>
    </xf>
    <xf numFmtId="38" fontId="21" fillId="0" borderId="0" xfId="0" applyNumberFormat="1" applyFont="1" applyFill="1" applyBorder="1" applyAlignment="1">
      <alignment vertical="top"/>
    </xf>
    <xf numFmtId="38" fontId="3" fillId="0" borderId="0" xfId="0" applyNumberFormat="1" applyFont="1" applyFill="1" applyBorder="1" applyAlignment="1">
      <alignment horizontal="left" indent="7"/>
    </xf>
    <xf numFmtId="38" fontId="91" fillId="0" borderId="0" xfId="0" applyNumberFormat="1" applyFont="1" applyFill="1" applyBorder="1" applyAlignment="1">
      <alignment horizontal="left" vertical="top" indent="2"/>
    </xf>
    <xf numFmtId="38" fontId="86" fillId="0" borderId="47" xfId="0" applyNumberFormat="1" applyFont="1" applyFill="1" applyBorder="1" applyAlignment="1">
      <alignment horizontal="left" vertical="top" indent="2"/>
    </xf>
    <xf numFmtId="38" fontId="3" fillId="0" borderId="31" xfId="0" applyNumberFormat="1" applyFont="1" applyFill="1" applyBorder="1" applyAlignment="1">
      <alignment horizontal="right" vertical="top"/>
    </xf>
    <xf numFmtId="38" fontId="3" fillId="0" borderId="0" xfId="0" applyNumberFormat="1" applyFont="1" applyFill="1" applyBorder="1" applyAlignment="1">
      <alignment horizontal="right" vertical="top"/>
    </xf>
    <xf numFmtId="38" fontId="3" fillId="0" borderId="25" xfId="0" applyNumberFormat="1" applyFont="1" applyFill="1" applyBorder="1" applyAlignment="1">
      <alignment horizontal="right" vertical="top"/>
    </xf>
    <xf numFmtId="38" fontId="3" fillId="0" borderId="26" xfId="0" applyNumberFormat="1" applyFont="1" applyFill="1" applyBorder="1" applyAlignment="1">
      <alignment horizontal="right" vertical="top"/>
    </xf>
    <xf numFmtId="43" fontId="3" fillId="0" borderId="31" xfId="206" applyFont="1" applyFill="1" applyBorder="1" applyAlignment="1">
      <alignment horizontal="right" vertical="top"/>
    </xf>
    <xf numFmtId="43" fontId="3" fillId="0" borderId="0" xfId="206" applyFont="1" applyFill="1" applyBorder="1" applyAlignment="1">
      <alignment horizontal="right" vertical="top"/>
    </xf>
    <xf numFmtId="43" fontId="3" fillId="0" borderId="25" xfId="206" applyFont="1" applyFill="1" applyBorder="1" applyAlignment="1">
      <alignment horizontal="right" vertical="top"/>
    </xf>
    <xf numFmtId="43" fontId="3" fillId="0" borderId="26" xfId="206" applyFont="1" applyFill="1" applyBorder="1" applyAlignment="1">
      <alignment horizontal="right" vertical="top"/>
    </xf>
    <xf numFmtId="38" fontId="21" fillId="0" borderId="0" xfId="0" applyNumberFormat="1" applyFont="1" applyFill="1" applyBorder="1" applyAlignment="1">
      <alignment horizontal="left" indent="4"/>
    </xf>
    <xf numFmtId="0" fontId="91" fillId="0" borderId="0" xfId="0" applyFont="1" applyFill="1" applyAlignment="1">
      <alignment horizontal="left" indent="2"/>
    </xf>
    <xf numFmtId="43" fontId="21" fillId="0" borderId="31" xfId="206" applyFont="1" applyFill="1" applyBorder="1" applyAlignment="1">
      <alignment horizontal="right" vertical="top"/>
    </xf>
    <xf numFmtId="43" fontId="21" fillId="0" borderId="0" xfId="206" applyFont="1" applyFill="1" applyAlignment="1">
      <alignment horizontal="right" vertical="top"/>
    </xf>
    <xf numFmtId="43" fontId="21" fillId="0" borderId="0" xfId="206" applyFont="1" applyFill="1" applyBorder="1" applyAlignment="1">
      <alignment horizontal="right" vertical="top"/>
    </xf>
    <xf numFmtId="43" fontId="21" fillId="0" borderId="0" xfId="206" applyFont="1" applyFill="1" applyBorder="1" applyAlignment="1">
      <alignment vertical="top"/>
    </xf>
    <xf numFmtId="43" fontId="21" fillId="0" borderId="25" xfId="206" applyFont="1" applyFill="1" applyBorder="1" applyAlignment="1">
      <alignment horizontal="right" vertical="top"/>
    </xf>
    <xf numFmtId="43" fontId="21" fillId="0" borderId="26" xfId="206" applyFont="1" applyFill="1" applyBorder="1" applyAlignment="1">
      <alignment horizontal="right" vertical="top"/>
    </xf>
    <xf numFmtId="38" fontId="21" fillId="0" borderId="0" xfId="0" applyNumberFormat="1" applyFont="1" applyFill="1" applyBorder="1" applyAlignment="1">
      <alignment horizontal="right" vertical="top"/>
    </xf>
    <xf numFmtId="38" fontId="21" fillId="0" borderId="0" xfId="0" applyNumberFormat="1" applyFont="1" applyFill="1" applyBorder="1" applyAlignment="1">
      <alignment horizontal="left" indent="6"/>
    </xf>
    <xf numFmtId="38" fontId="20" fillId="0" borderId="0" xfId="0" applyNumberFormat="1" applyFont="1" applyFill="1" applyAlignment="1">
      <alignment vertical="top"/>
    </xf>
    <xf numFmtId="38" fontId="20" fillId="0" borderId="0" xfId="0" applyNumberFormat="1" applyFont="1" applyFill="1" applyBorder="1" applyAlignment="1">
      <alignment vertical="top"/>
    </xf>
    <xf numFmtId="38" fontId="20" fillId="0" borderId="0" xfId="0" applyNumberFormat="1" applyFont="1" applyFill="1" applyBorder="1" applyAlignment="1">
      <alignment horizontal="left" indent="2"/>
    </xf>
    <xf numFmtId="43" fontId="20" fillId="0" borderId="31" xfId="206" applyFont="1" applyFill="1" applyBorder="1" applyAlignment="1">
      <alignment horizontal="right" vertical="top"/>
    </xf>
    <xf numFmtId="43" fontId="20" fillId="0" borderId="0" xfId="206" applyFont="1" applyFill="1" applyAlignment="1">
      <alignment horizontal="right" vertical="top"/>
    </xf>
    <xf numFmtId="43" fontId="20" fillId="0" borderId="0" xfId="206" applyFont="1" applyFill="1" applyBorder="1" applyAlignment="1">
      <alignment horizontal="right" vertical="top"/>
    </xf>
    <xf numFmtId="43" fontId="20" fillId="0" borderId="25" xfId="206" applyFont="1" applyFill="1" applyBorder="1" applyAlignment="1">
      <alignment horizontal="right" vertical="top"/>
    </xf>
    <xf numFmtId="43" fontId="20" fillId="0" borderId="26" xfId="206" applyFont="1" applyFill="1" applyBorder="1" applyAlignment="1">
      <alignment horizontal="right" vertical="top"/>
    </xf>
    <xf numFmtId="38" fontId="20" fillId="0" borderId="0" xfId="0" applyNumberFormat="1" applyFont="1" applyFill="1" applyBorder="1" applyAlignment="1">
      <alignment horizontal="right" vertical="top"/>
    </xf>
    <xf numFmtId="38" fontId="21" fillId="0" borderId="0" xfId="0" applyNumberFormat="1" applyFont="1" applyFill="1" applyBorder="1" applyAlignment="1">
      <alignment horizontal="left" indent="1"/>
    </xf>
    <xf numFmtId="38" fontId="91" fillId="0" borderId="0" xfId="0" applyNumberFormat="1" applyFont="1" applyFill="1" applyAlignment="1">
      <alignment horizontal="left" vertical="top" indent="2"/>
    </xf>
    <xf numFmtId="0" fontId="92" fillId="0" borderId="0" xfId="0" applyFont="1" applyFill="1" applyAlignment="1">
      <alignment horizontal="left" indent="2"/>
    </xf>
    <xf numFmtId="38" fontId="21" fillId="0" borderId="0" xfId="0" applyNumberFormat="1" applyFont="1" applyFill="1" applyBorder="1" applyAlignment="1">
      <alignment horizontal="left" indent="3"/>
    </xf>
    <xf numFmtId="38" fontId="21" fillId="0" borderId="0" xfId="0" applyNumberFormat="1" applyFont="1" applyFill="1" applyBorder="1" applyAlignment="1">
      <alignment horizontal="left" indent="5"/>
    </xf>
    <xf numFmtId="38" fontId="21" fillId="0" borderId="0" xfId="0" applyNumberFormat="1" applyFont="1" applyFill="1" applyBorder="1" applyAlignment="1">
      <alignment horizontal="left" indent="2"/>
    </xf>
    <xf numFmtId="38" fontId="21" fillId="0" borderId="0" xfId="0" applyNumberFormat="1" applyFont="1" applyFill="1" applyBorder="1" applyAlignment="1">
      <alignment horizontal="left" indent="7"/>
    </xf>
    <xf numFmtId="38" fontId="21" fillId="0" borderId="23" xfId="0" applyNumberFormat="1" applyFont="1" applyFill="1" applyBorder="1" applyAlignment="1">
      <alignment horizontal="left" indent="4"/>
    </xf>
    <xf numFmtId="38" fontId="91" fillId="0" borderId="23" xfId="0" applyNumberFormat="1" applyFont="1" applyFill="1" applyBorder="1" applyAlignment="1">
      <alignment horizontal="left" vertical="top" indent="2"/>
    </xf>
    <xf numFmtId="38" fontId="86" fillId="0" borderId="49" xfId="0" applyNumberFormat="1" applyFont="1" applyFill="1" applyBorder="1" applyAlignment="1">
      <alignment horizontal="left" vertical="top" indent="2"/>
    </xf>
    <xf numFmtId="43" fontId="21" fillId="0" borderId="32" xfId="206" applyFont="1" applyFill="1" applyBorder="1" applyAlignment="1">
      <alignment horizontal="right" vertical="top"/>
    </xf>
    <xf numFmtId="43" fontId="21" fillId="0" borderId="23" xfId="206" applyFont="1" applyFill="1" applyBorder="1" applyAlignment="1">
      <alignment horizontal="right" vertical="top"/>
    </xf>
    <xf numFmtId="43" fontId="21" fillId="0" borderId="33" xfId="206" applyFont="1" applyFill="1" applyBorder="1" applyAlignment="1">
      <alignment horizontal="right" vertical="top"/>
    </xf>
    <xf numFmtId="43" fontId="21" fillId="0" borderId="34" xfId="206" applyFont="1" applyFill="1" applyBorder="1" applyAlignment="1">
      <alignment horizontal="right" vertical="top"/>
    </xf>
    <xf numFmtId="38" fontId="20" fillId="0" borderId="35" xfId="0" applyNumberFormat="1" applyFont="1" applyFill="1" applyBorder="1"/>
    <xf numFmtId="38" fontId="91" fillId="0" borderId="35" xfId="0" applyNumberFormat="1" applyFont="1" applyFill="1" applyBorder="1" applyAlignment="1">
      <alignment horizontal="left" vertical="top" indent="2"/>
    </xf>
    <xf numFmtId="38" fontId="86" fillId="0" borderId="50" xfId="0" applyNumberFormat="1" applyFont="1" applyFill="1" applyBorder="1" applyAlignment="1">
      <alignment horizontal="left" vertical="top" indent="2"/>
    </xf>
    <xf numFmtId="43" fontId="20" fillId="0" borderId="36" xfId="206" applyFont="1" applyFill="1" applyBorder="1" applyAlignment="1">
      <alignment horizontal="right" vertical="top"/>
    </xf>
    <xf numFmtId="43" fontId="20" fillId="0" borderId="35" xfId="206" applyFont="1" applyFill="1" applyBorder="1" applyAlignment="1">
      <alignment horizontal="right" vertical="top"/>
    </xf>
    <xf numFmtId="43" fontId="20" fillId="0" borderId="37" xfId="206" applyFont="1" applyFill="1" applyBorder="1" applyAlignment="1">
      <alignment horizontal="right" vertical="top"/>
    </xf>
    <xf numFmtId="43" fontId="20" fillId="0" borderId="38" xfId="206" applyFont="1" applyFill="1" applyBorder="1" applyAlignment="1">
      <alignment horizontal="right" vertical="top"/>
    </xf>
    <xf numFmtId="40" fontId="21" fillId="0" borderId="0" xfId="0" applyNumberFormat="1" applyFont="1" applyFill="1" applyAlignment="1">
      <alignment vertical="top"/>
    </xf>
    <xf numFmtId="40" fontId="21" fillId="0" borderId="0" xfId="0" applyNumberFormat="1" applyFont="1" applyFill="1" applyBorder="1" applyAlignment="1">
      <alignment vertical="top"/>
    </xf>
    <xf numFmtId="40" fontId="21" fillId="0" borderId="0" xfId="0" applyNumberFormat="1" applyFont="1" applyFill="1" applyBorder="1" applyAlignment="1">
      <alignment horizontal="left" indent="6"/>
    </xf>
    <xf numFmtId="40" fontId="86" fillId="0" borderId="47" xfId="0" applyNumberFormat="1" applyFont="1" applyFill="1" applyBorder="1" applyAlignment="1">
      <alignment horizontal="left" vertical="top" indent="2"/>
    </xf>
    <xf numFmtId="40" fontId="21" fillId="0" borderId="0" xfId="0" applyNumberFormat="1" applyFont="1" applyFill="1" applyBorder="1" applyAlignment="1">
      <alignment horizontal="left" indent="8"/>
    </xf>
    <xf numFmtId="40" fontId="91" fillId="0" borderId="0" xfId="0" applyNumberFormat="1" applyFont="1" applyFill="1" applyAlignment="1">
      <alignment horizontal="left" vertical="top" indent="2"/>
    </xf>
    <xf numFmtId="40" fontId="21" fillId="0" borderId="35" xfId="0" applyNumberFormat="1" applyFont="1" applyFill="1" applyBorder="1" applyAlignment="1">
      <alignment horizontal="left" indent="4"/>
    </xf>
    <xf numFmtId="40" fontId="91" fillId="0" borderId="35" xfId="0" applyNumberFormat="1" applyFont="1" applyFill="1" applyBorder="1" applyAlignment="1">
      <alignment horizontal="left" vertical="top" indent="2"/>
    </xf>
    <xf numFmtId="40" fontId="86" fillId="0" borderId="50" xfId="0" applyNumberFormat="1" applyFont="1" applyFill="1" applyBorder="1" applyAlignment="1">
      <alignment horizontal="left" vertical="top" indent="2"/>
    </xf>
    <xf numFmtId="43" fontId="21" fillId="0" borderId="36" xfId="206" applyFont="1" applyFill="1" applyBorder="1" applyAlignment="1">
      <alignment horizontal="right" vertical="top"/>
    </xf>
    <xf numFmtId="43" fontId="21" fillId="0" borderId="35" xfId="206" applyFont="1" applyFill="1" applyBorder="1" applyAlignment="1">
      <alignment horizontal="right" vertical="top"/>
    </xf>
    <xf numFmtId="43" fontId="21" fillId="0" borderId="37" xfId="206" applyFont="1" applyFill="1" applyBorder="1" applyAlignment="1">
      <alignment horizontal="right" vertical="top"/>
    </xf>
    <xf numFmtId="43" fontId="21" fillId="0" borderId="38" xfId="206" applyFont="1" applyFill="1" applyBorder="1" applyAlignment="1">
      <alignment horizontal="right" vertical="top"/>
    </xf>
    <xf numFmtId="40" fontId="21" fillId="0" borderId="0" xfId="0" applyNumberFormat="1" applyFont="1" applyFill="1" applyBorder="1" applyAlignment="1">
      <alignment horizontal="left" indent="4"/>
    </xf>
    <xf numFmtId="38" fontId="86" fillId="0" borderId="47" xfId="0" applyNumberFormat="1" applyFont="1" applyFill="1" applyBorder="1" applyAlignment="1" applyProtection="1">
      <alignment horizontal="left" vertical="top" indent="2"/>
    </xf>
    <xf numFmtId="43" fontId="2" fillId="0" borderId="31" xfId="206" applyFont="1" applyFill="1" applyBorder="1" applyAlignment="1" applyProtection="1">
      <alignment horizontal="right" vertical="top"/>
    </xf>
    <xf numFmtId="43" fontId="2" fillId="0" borderId="0" xfId="206" applyFont="1" applyFill="1" applyAlignment="1" applyProtection="1">
      <alignment horizontal="right" vertical="top"/>
    </xf>
    <xf numFmtId="43" fontId="2" fillId="0" borderId="0" xfId="206" applyFont="1" applyFill="1" applyBorder="1" applyAlignment="1" applyProtection="1">
      <alignment horizontal="right" vertical="top"/>
    </xf>
    <xf numFmtId="43" fontId="2" fillId="0" borderId="25" xfId="206" applyFont="1" applyFill="1" applyBorder="1" applyAlignment="1" applyProtection="1">
      <alignment horizontal="right" vertical="top"/>
    </xf>
    <xf numFmtId="43" fontId="2" fillId="0" borderId="26" xfId="206" applyFont="1" applyFill="1" applyBorder="1" applyAlignment="1" applyProtection="1">
      <alignment horizontal="right" vertical="top"/>
    </xf>
    <xf numFmtId="38" fontId="2" fillId="0" borderId="0" xfId="0" applyNumberFormat="1" applyFont="1" applyFill="1" applyBorder="1" applyAlignment="1" applyProtection="1">
      <alignment horizontal="right" vertical="top"/>
    </xf>
    <xf numFmtId="38" fontId="21" fillId="0" borderId="39" xfId="0" applyNumberFormat="1" applyFont="1" applyFill="1" applyBorder="1" applyAlignment="1">
      <alignment vertical="top"/>
    </xf>
    <xf numFmtId="38" fontId="21" fillId="0" borderId="39" xfId="0" applyNumberFormat="1" applyFont="1" applyFill="1" applyBorder="1"/>
    <xf numFmtId="38" fontId="91" fillId="0" borderId="39" xfId="0" applyNumberFormat="1" applyFont="1" applyFill="1" applyBorder="1" applyAlignment="1">
      <alignment horizontal="left" vertical="top" indent="2"/>
    </xf>
    <xf numFmtId="38" fontId="86" fillId="0" borderId="51" xfId="0" applyNumberFormat="1" applyFont="1" applyFill="1" applyBorder="1" applyAlignment="1">
      <alignment horizontal="left" vertical="top" indent="2"/>
    </xf>
    <xf numFmtId="43" fontId="21" fillId="0" borderId="40" xfId="206" applyFont="1" applyFill="1" applyBorder="1" applyAlignment="1">
      <alignment horizontal="right" vertical="top"/>
    </xf>
    <xf numFmtId="43" fontId="21" fillId="0" borderId="39" xfId="206" applyFont="1" applyFill="1" applyBorder="1" applyAlignment="1">
      <alignment horizontal="right" vertical="top"/>
    </xf>
    <xf numFmtId="43" fontId="21" fillId="0" borderId="41" xfId="206" applyFont="1" applyFill="1" applyBorder="1" applyAlignment="1">
      <alignment horizontal="right" vertical="top"/>
    </xf>
    <xf numFmtId="43" fontId="21" fillId="0" borderId="42" xfId="206" applyFont="1" applyFill="1" applyBorder="1" applyAlignment="1">
      <alignment horizontal="right" vertical="top"/>
    </xf>
    <xf numFmtId="38" fontId="20" fillId="0" borderId="23" xfId="0" applyNumberFormat="1" applyFont="1" applyFill="1" applyBorder="1" applyAlignment="1">
      <alignment vertical="top"/>
    </xf>
    <xf numFmtId="38" fontId="20" fillId="0" borderId="23" xfId="0" applyNumberFormat="1" applyFont="1" applyFill="1" applyBorder="1" applyAlignment="1">
      <alignment horizontal="left" indent="2"/>
    </xf>
    <xf numFmtId="43" fontId="20" fillId="0" borderId="32" xfId="206" applyFont="1" applyFill="1" applyBorder="1" applyAlignment="1">
      <alignment horizontal="right" vertical="top"/>
    </xf>
    <xf numFmtId="43" fontId="20" fillId="0" borderId="23" xfId="206" applyFont="1" applyFill="1" applyBorder="1" applyAlignment="1">
      <alignment horizontal="right" vertical="top"/>
    </xf>
    <xf numFmtId="43" fontId="20" fillId="0" borderId="33" xfId="206" applyFont="1" applyFill="1" applyBorder="1" applyAlignment="1">
      <alignment horizontal="right" vertical="top"/>
    </xf>
    <xf numFmtId="43" fontId="20" fillId="0" borderId="34" xfId="206" applyFont="1" applyFill="1" applyBorder="1" applyAlignment="1">
      <alignment horizontal="right" vertical="top"/>
    </xf>
    <xf numFmtId="38" fontId="83" fillId="0" borderId="0" xfId="0" applyNumberFormat="1" applyFont="1" applyFill="1" applyAlignment="1">
      <alignment vertical="top"/>
    </xf>
    <xf numFmtId="38" fontId="83" fillId="0" borderId="0" xfId="0" applyNumberFormat="1" applyFont="1" applyFill="1" applyBorder="1" applyAlignment="1">
      <alignment vertical="top"/>
    </xf>
    <xf numFmtId="38" fontId="83" fillId="0" borderId="0" xfId="0" applyNumberFormat="1" applyFont="1" applyFill="1" applyBorder="1" applyAlignment="1">
      <alignment horizontal="right"/>
    </xf>
    <xf numFmtId="38" fontId="93" fillId="0" borderId="0" xfId="0" applyNumberFormat="1" applyFont="1" applyFill="1" applyAlignment="1">
      <alignment horizontal="left" vertical="top" indent="2"/>
    </xf>
    <xf numFmtId="38" fontId="94" fillId="0" borderId="47" xfId="0" applyNumberFormat="1" applyFont="1" applyFill="1" applyBorder="1" applyAlignment="1">
      <alignment horizontal="left" vertical="top" indent="2"/>
    </xf>
    <xf numFmtId="43" fontId="83" fillId="0" borderId="31" xfId="206" applyFont="1" applyFill="1" applyBorder="1" applyAlignment="1">
      <alignment horizontal="right" vertical="top"/>
    </xf>
    <xf numFmtId="43" fontId="83" fillId="0" borderId="0" xfId="206" applyFont="1" applyFill="1" applyAlignment="1">
      <alignment horizontal="right" vertical="top"/>
    </xf>
    <xf numFmtId="43" fontId="83" fillId="0" borderId="0" xfId="206" applyFont="1" applyFill="1" applyBorder="1" applyAlignment="1">
      <alignment horizontal="right" vertical="top"/>
    </xf>
    <xf numFmtId="43" fontId="83" fillId="0" borderId="25" xfId="206" applyFont="1" applyFill="1" applyBorder="1" applyAlignment="1">
      <alignment horizontal="right" vertical="top"/>
    </xf>
    <xf numFmtId="43" fontId="83" fillId="0" borderId="26" xfId="206" applyFont="1" applyFill="1" applyBorder="1" applyAlignment="1">
      <alignment horizontal="right" vertical="top"/>
    </xf>
    <xf numFmtId="38" fontId="83" fillId="0" borderId="0" xfId="0" applyNumberFormat="1" applyFont="1" applyFill="1" applyBorder="1" applyAlignment="1">
      <alignment horizontal="right" vertical="top"/>
    </xf>
    <xf numFmtId="38" fontId="83" fillId="0" borderId="0" xfId="0" applyNumberFormat="1" applyFont="1" applyFill="1" applyBorder="1" applyAlignment="1">
      <alignment horizontal="right" indent="2"/>
    </xf>
    <xf numFmtId="38" fontId="84" fillId="0" borderId="0" xfId="0" applyNumberFormat="1" applyFont="1" applyFill="1" applyAlignment="1">
      <alignment vertical="top"/>
    </xf>
    <xf numFmtId="38" fontId="84" fillId="0" borderId="0" xfId="0" applyNumberFormat="1" applyFont="1" applyFill="1" applyBorder="1" applyAlignment="1">
      <alignment vertical="top"/>
    </xf>
    <xf numFmtId="38" fontId="84" fillId="0" borderId="0" xfId="0" applyNumberFormat="1" applyFont="1" applyFill="1" applyBorder="1" applyAlignment="1">
      <alignment horizontal="right" indent="2"/>
    </xf>
    <xf numFmtId="43" fontId="84" fillId="0" borderId="31" xfId="206" applyFont="1" applyFill="1" applyBorder="1" applyAlignment="1">
      <alignment horizontal="right" vertical="top"/>
    </xf>
    <xf numFmtId="43" fontId="84" fillId="0" borderId="0" xfId="206" applyFont="1" applyFill="1" applyAlignment="1">
      <alignment horizontal="right" vertical="top"/>
    </xf>
    <xf numFmtId="43" fontId="84" fillId="0" borderId="0" xfId="206" applyFont="1" applyFill="1" applyBorder="1" applyAlignment="1">
      <alignment horizontal="right" vertical="top"/>
    </xf>
    <xf numFmtId="43" fontId="84" fillId="0" borderId="25" xfId="206" applyFont="1" applyFill="1" applyBorder="1" applyAlignment="1">
      <alignment horizontal="right" vertical="top"/>
    </xf>
    <xf numFmtId="43" fontId="84" fillId="0" borderId="26" xfId="206" applyFont="1" applyFill="1" applyBorder="1" applyAlignment="1">
      <alignment horizontal="right" vertical="top"/>
    </xf>
    <xf numFmtId="38" fontId="84" fillId="0" borderId="0" xfId="0" applyNumberFormat="1" applyFont="1" applyFill="1" applyBorder="1" applyAlignment="1">
      <alignment horizontal="right" vertical="top"/>
    </xf>
    <xf numFmtId="43" fontId="21" fillId="0" borderId="31" xfId="206" applyFont="1" applyFill="1" applyBorder="1" applyAlignment="1">
      <alignment horizontal="left" indent="4"/>
    </xf>
    <xf numFmtId="43" fontId="21" fillId="0" borderId="25" xfId="206" applyFont="1" applyFill="1" applyBorder="1" applyAlignment="1">
      <alignment horizontal="left" indent="4"/>
    </xf>
    <xf numFmtId="43" fontId="21" fillId="0" borderId="0" xfId="206" applyFont="1" applyFill="1" applyBorder="1" applyAlignment="1">
      <alignment horizontal="left" indent="4"/>
    </xf>
    <xf numFmtId="38" fontId="20" fillId="0" borderId="43" xfId="0" applyNumberFormat="1" applyFont="1" applyFill="1" applyBorder="1" applyAlignment="1">
      <alignment vertical="top"/>
    </xf>
    <xf numFmtId="38" fontId="20" fillId="0" borderId="43" xfId="0" applyNumberFormat="1" applyFont="1" applyFill="1" applyBorder="1"/>
    <xf numFmtId="38" fontId="91" fillId="0" borderId="43" xfId="0" applyNumberFormat="1" applyFont="1" applyFill="1" applyBorder="1" applyAlignment="1">
      <alignment horizontal="left" vertical="top" indent="2"/>
    </xf>
    <xf numFmtId="38" fontId="86" fillId="0" borderId="52" xfId="0" applyNumberFormat="1" applyFont="1" applyFill="1" applyBorder="1" applyAlignment="1">
      <alignment horizontal="left" vertical="top" indent="2"/>
    </xf>
    <xf numFmtId="43" fontId="20" fillId="0" borderId="44" xfId="206" applyFont="1" applyFill="1" applyBorder="1" applyAlignment="1">
      <alignment horizontal="right" vertical="top"/>
    </xf>
    <xf numFmtId="43" fontId="20" fillId="0" borderId="43" xfId="206" applyFont="1" applyFill="1" applyBorder="1" applyAlignment="1">
      <alignment horizontal="right" vertical="top"/>
    </xf>
    <xf numFmtId="43" fontId="20" fillId="0" borderId="45" xfId="206" applyFont="1" applyFill="1" applyBorder="1" applyAlignment="1">
      <alignment horizontal="right" vertical="top"/>
    </xf>
    <xf numFmtId="43" fontId="20" fillId="0" borderId="46" xfId="206" applyFont="1" applyFill="1" applyBorder="1" applyAlignment="1">
      <alignment horizontal="right" vertical="top"/>
    </xf>
    <xf numFmtId="38" fontId="20" fillId="0" borderId="0" xfId="0" applyNumberFormat="1" applyFont="1" applyFill="1" applyBorder="1" applyAlignment="1">
      <alignment horizontal="left" indent="4"/>
    </xf>
    <xf numFmtId="38" fontId="83" fillId="0" borderId="0" xfId="0" applyNumberFormat="1" applyFont="1" applyFill="1" applyBorder="1" applyAlignment="1">
      <alignment horizontal="left" indent="2"/>
    </xf>
    <xf numFmtId="38" fontId="83" fillId="0" borderId="0" xfId="0" applyNumberFormat="1" applyFont="1" applyFill="1" applyBorder="1"/>
    <xf numFmtId="38" fontId="21" fillId="0" borderId="0" xfId="0" applyNumberFormat="1" applyFont="1" applyFill="1" applyBorder="1" applyAlignment="1">
      <alignment horizontal="right"/>
    </xf>
    <xf numFmtId="43" fontId="21" fillId="0" borderId="0" xfId="206" applyFont="1" applyFill="1" applyBorder="1" applyAlignment="1" applyProtection="1">
      <alignment horizontal="right" vertical="top"/>
    </xf>
    <xf numFmtId="38" fontId="21" fillId="0" borderId="0" xfId="0" applyNumberFormat="1" applyFont="1" applyFill="1" applyBorder="1" applyAlignment="1" applyProtection="1">
      <alignment horizontal="right" vertical="top"/>
    </xf>
    <xf numFmtId="165" fontId="20" fillId="32" borderId="0" xfId="206" applyNumberFormat="1" applyFont="1" applyFill="1"/>
    <xf numFmtId="165" fontId="20" fillId="32" borderId="0" xfId="206" applyNumberFormat="1" applyFont="1" applyFill="1" applyAlignment="1">
      <alignment horizontal="left" indent="6"/>
    </xf>
    <xf numFmtId="165" fontId="20" fillId="32" borderId="0" xfId="206" applyNumberFormat="1" applyFont="1" applyFill="1" applyAlignment="1">
      <alignment horizontal="left" indent="2"/>
    </xf>
    <xf numFmtId="165" fontId="20" fillId="32" borderId="47" xfId="206" applyNumberFormat="1" applyFont="1" applyFill="1" applyBorder="1"/>
    <xf numFmtId="165" fontId="20" fillId="32" borderId="0" xfId="206" applyNumberFormat="1" applyFont="1" applyFill="1" applyBorder="1"/>
    <xf numFmtId="0" fontId="21" fillId="34" borderId="0" xfId="762" applyFill="1"/>
    <xf numFmtId="0" fontId="21" fillId="34" borderId="0" xfId="762" applyFill="1" applyAlignment="1"/>
    <xf numFmtId="0" fontId="0" fillId="34" borderId="0" xfId="0" applyFill="1"/>
    <xf numFmtId="0" fontId="20" fillId="34" borderId="0" xfId="762" applyFont="1" applyFill="1"/>
    <xf numFmtId="0" fontId="21" fillId="34" borderId="23" xfId="762" applyFill="1" applyBorder="1" applyAlignment="1">
      <alignment horizontal="center" vertical="center" wrapText="1"/>
    </xf>
    <xf numFmtId="0" fontId="21" fillId="34" borderId="0" xfId="762" applyFill="1" applyAlignment="1">
      <alignment horizontal="center"/>
    </xf>
    <xf numFmtId="165" fontId="21" fillId="34" borderId="0" xfId="347" applyNumberFormat="1" applyFont="1" applyFill="1" applyAlignment="1"/>
    <xf numFmtId="165" fontId="21" fillId="34" borderId="0" xfId="347" applyNumberFormat="1" applyFont="1" applyFill="1" applyAlignment="1">
      <alignment horizontal="center"/>
    </xf>
    <xf numFmtId="171" fontId="21" fillId="34" borderId="0" xfId="763" applyNumberFormat="1" applyFont="1" applyFill="1"/>
    <xf numFmtId="0" fontId="95" fillId="34" borderId="0" xfId="762" applyFont="1" applyFill="1"/>
    <xf numFmtId="171" fontId="0" fillId="34" borderId="0" xfId="356" applyNumberFormat="1" applyFont="1" applyFill="1"/>
    <xf numFmtId="43" fontId="21" fillId="34" borderId="0" xfId="213" applyFont="1" applyFill="1" applyAlignment="1">
      <alignment horizontal="center"/>
    </xf>
    <xf numFmtId="0" fontId="79" fillId="34" borderId="0" xfId="762" applyFont="1" applyFill="1"/>
    <xf numFmtId="4" fontId="0" fillId="0" borderId="0" xfId="0" applyNumberFormat="1"/>
    <xf numFmtId="4" fontId="96" fillId="0" borderId="0" xfId="0" applyNumberFormat="1" applyFont="1"/>
    <xf numFmtId="0" fontId="97" fillId="0" borderId="53" xfId="764" applyBorder="1"/>
    <xf numFmtId="0" fontId="97" fillId="0" borderId="0" xfId="764"/>
    <xf numFmtId="0" fontId="97" fillId="0" borderId="54" xfId="764" applyBorder="1"/>
    <xf numFmtId="0" fontId="97" fillId="0" borderId="55" xfId="764" applyBorder="1"/>
    <xf numFmtId="0" fontId="97" fillId="0" borderId="56" xfId="764" applyBorder="1"/>
    <xf numFmtId="0" fontId="97" fillId="0" borderId="54" xfId="764" applyBorder="1" applyAlignment="1">
      <alignment wrapText="1"/>
    </xf>
    <xf numFmtId="0" fontId="97" fillId="0" borderId="57" xfId="764" applyBorder="1" applyAlignment="1">
      <alignment wrapText="1"/>
    </xf>
    <xf numFmtId="0" fontId="97" fillId="0" borderId="58" xfId="764" applyBorder="1" applyAlignment="1">
      <alignment wrapText="1"/>
    </xf>
    <xf numFmtId="40" fontId="97" fillId="0" borderId="54" xfId="764" applyNumberFormat="1" applyBorder="1"/>
    <xf numFmtId="40" fontId="97" fillId="0" borderId="57" xfId="764" applyNumberFormat="1" applyBorder="1"/>
    <xf numFmtId="40" fontId="97" fillId="0" borderId="58" xfId="764" applyNumberFormat="1" applyBorder="1"/>
    <xf numFmtId="0" fontId="97" fillId="0" borderId="59" xfId="764" applyBorder="1"/>
    <xf numFmtId="40" fontId="97" fillId="0" borderId="59" xfId="764" applyNumberFormat="1" applyBorder="1"/>
    <xf numFmtId="40" fontId="97" fillId="0" borderId="0" xfId="764" applyNumberFormat="1"/>
    <xf numFmtId="40" fontId="97" fillId="0" borderId="60" xfId="764" applyNumberFormat="1" applyBorder="1"/>
    <xf numFmtId="0" fontId="97" fillId="0" borderId="61" xfId="764" applyBorder="1"/>
    <xf numFmtId="40" fontId="97" fillId="0" borderId="61" xfId="764" applyNumberFormat="1" applyBorder="1"/>
    <xf numFmtId="40" fontId="97" fillId="0" borderId="62" xfId="764" applyNumberFormat="1" applyBorder="1"/>
    <xf numFmtId="40" fontId="97" fillId="0" borderId="53" xfId="764" applyNumberFormat="1" applyBorder="1"/>
    <xf numFmtId="0" fontId="43" fillId="0" borderId="0" xfId="764" applyFont="1"/>
    <xf numFmtId="0" fontId="43" fillId="0" borderId="23" xfId="764" applyFont="1" applyBorder="1"/>
    <xf numFmtId="0" fontId="97" fillId="0" borderId="23" xfId="764" applyBorder="1"/>
    <xf numFmtId="40" fontId="97" fillId="0" borderId="23" xfId="764" applyNumberFormat="1" applyBorder="1"/>
    <xf numFmtId="0" fontId="78" fillId="34" borderId="0" xfId="762" applyFont="1" applyFill="1" applyAlignment="1">
      <alignment horizontal="center"/>
    </xf>
    <xf numFmtId="0" fontId="20" fillId="34" borderId="0" xfId="762" applyFont="1" applyFill="1" applyAlignment="1">
      <alignment horizontal="center" wrapText="1"/>
    </xf>
    <xf numFmtId="0" fontId="21" fillId="34" borderId="23" xfId="762" applyFill="1" applyBorder="1" applyAlignment="1">
      <alignment horizontal="center" vertical="center" wrapText="1"/>
    </xf>
    <xf numFmtId="0" fontId="20" fillId="34" borderId="0" xfId="762" applyFont="1" applyFill="1" applyAlignment="1">
      <alignment horizontal="center"/>
    </xf>
    <xf numFmtId="0" fontId="0" fillId="0" borderId="0" xfId="0" applyAlignment="1">
      <alignment horizontal="center"/>
    </xf>
    <xf numFmtId="0" fontId="21" fillId="0" borderId="0" xfId="0" applyFont="1" applyAlignment="1">
      <alignment horizontal="left" vertical="center" wrapText="1"/>
    </xf>
    <xf numFmtId="0" fontId="89" fillId="0" borderId="0" xfId="0" applyFont="1" applyAlignment="1">
      <alignment horizontal="left"/>
    </xf>
    <xf numFmtId="0" fontId="21" fillId="35" borderId="32" xfId="762" applyFill="1" applyBorder="1" applyAlignment="1">
      <alignment horizontal="center" vertical="center" wrapText="1"/>
    </xf>
    <xf numFmtId="165" fontId="21" fillId="35" borderId="31" xfId="347" applyNumberFormat="1" applyFont="1" applyFill="1" applyBorder="1" applyAlignment="1">
      <alignment horizontal="center"/>
    </xf>
    <xf numFmtId="0" fontId="21" fillId="35" borderId="31" xfId="762" applyFill="1" applyBorder="1"/>
    <xf numFmtId="171" fontId="21" fillId="35" borderId="31" xfId="763" applyNumberFormat="1" applyFont="1" applyFill="1" applyBorder="1"/>
    <xf numFmtId="0" fontId="89" fillId="35" borderId="0" xfId="0" applyFont="1" applyFill="1" applyAlignment="1">
      <alignment horizontal="left"/>
    </xf>
    <xf numFmtId="0" fontId="0" fillId="35" borderId="0" xfId="0" applyFill="1" applyBorder="1" applyAlignment="1">
      <alignment horizontal="center"/>
    </xf>
    <xf numFmtId="40" fontId="0" fillId="35" borderId="0" xfId="0" applyNumberFormat="1" applyFill="1" applyBorder="1"/>
    <xf numFmtId="0" fontId="0" fillId="35" borderId="0" xfId="0" applyFill="1"/>
    <xf numFmtId="40" fontId="0" fillId="35" borderId="0" xfId="0" applyNumberFormat="1" applyFill="1"/>
    <xf numFmtId="0" fontId="0" fillId="35" borderId="0" xfId="0" applyFill="1" applyAlignment="1">
      <alignment horizontal="center"/>
    </xf>
    <xf numFmtId="40" fontId="0" fillId="35" borderId="23" xfId="0" applyNumberFormat="1" applyFill="1" applyBorder="1"/>
    <xf numFmtId="0" fontId="1" fillId="34" borderId="0" xfId="0" applyFont="1" applyFill="1"/>
  </cellXfs>
  <cellStyles count="765">
    <cellStyle name="20% - Accent1" xfId="1" builtinId="30" customBuiltin="1"/>
    <cellStyle name="20% - Accent1 2" xfId="2"/>
    <cellStyle name="20% - Accent1 2 2" xfId="3"/>
    <cellStyle name="20% - Accent1 3" xfId="4"/>
    <cellStyle name="20% - Accent1 4" xfId="5"/>
    <cellStyle name="20% - Accent1 5" xfId="6"/>
    <cellStyle name="20% - Accent1 6" xfId="7"/>
    <cellStyle name="20% - Accent1 7" xfId="8"/>
    <cellStyle name="20% - Accent1 8" xfId="9"/>
    <cellStyle name="20% - Accent2" xfId="10" builtinId="34" customBuiltin="1"/>
    <cellStyle name="20% - Accent2 2" xfId="11"/>
    <cellStyle name="20% - Accent2 2 2" xfId="12"/>
    <cellStyle name="20% - Accent2 3" xfId="13"/>
    <cellStyle name="20% - Accent2 4" xfId="14"/>
    <cellStyle name="20% - Accent2 5" xfId="15"/>
    <cellStyle name="20% - Accent2 6" xfId="16"/>
    <cellStyle name="20% - Accent3" xfId="17" builtinId="38" customBuiltin="1"/>
    <cellStyle name="20% - Accent3 2" xfId="18"/>
    <cellStyle name="20% - Accent3 2 2" xfId="19"/>
    <cellStyle name="20% - Accent3 3" xfId="20"/>
    <cellStyle name="20% - Accent3 4" xfId="21"/>
    <cellStyle name="20% - Accent3 5" xfId="22"/>
    <cellStyle name="20% - Accent3 6" xfId="23"/>
    <cellStyle name="20% - Accent3 7" xfId="24"/>
    <cellStyle name="20% - Accent3 8" xfId="25"/>
    <cellStyle name="20% - Accent4" xfId="26" builtinId="42" customBuiltin="1"/>
    <cellStyle name="20% - Accent4 2" xfId="27"/>
    <cellStyle name="20% - Accent4 2 2" xfId="28"/>
    <cellStyle name="20% - Accent4 3" xfId="29"/>
    <cellStyle name="20% - Accent4 4" xfId="30"/>
    <cellStyle name="20% - Accent4 5" xfId="31"/>
    <cellStyle name="20% - Accent4 6" xfId="32"/>
    <cellStyle name="20% - Accent4 7" xfId="33"/>
    <cellStyle name="20% - Accent4 8" xfId="34"/>
    <cellStyle name="20% - Accent5" xfId="35" builtinId="46" customBuiltin="1"/>
    <cellStyle name="20% - Accent5 2" xfId="36"/>
    <cellStyle name="20% - Accent5 2 2" xfId="37"/>
    <cellStyle name="20% - Accent5 3" xfId="38"/>
    <cellStyle name="20% - Accent5 4" xfId="39"/>
    <cellStyle name="20% - Accent5 5" xfId="40"/>
    <cellStyle name="20% - Accent5 6" xfId="41"/>
    <cellStyle name="20% - Accent6" xfId="42" builtinId="50" customBuiltin="1"/>
    <cellStyle name="20% - Accent6 2" xfId="43"/>
    <cellStyle name="20% - Accent6 2 2" xfId="44"/>
    <cellStyle name="20% - Accent6 3" xfId="45"/>
    <cellStyle name="20% - Accent6 4" xfId="46"/>
    <cellStyle name="20% - Accent6 5" xfId="47"/>
    <cellStyle name="20% - Accent6 6" xfId="48"/>
    <cellStyle name="40% - Accent1" xfId="49" builtinId="31" customBuiltin="1"/>
    <cellStyle name="40% - Accent1 2" xfId="50"/>
    <cellStyle name="40% - Accent1 2 2" xfId="51"/>
    <cellStyle name="40% - Accent1 3" xfId="52"/>
    <cellStyle name="40% - Accent1 4" xfId="53"/>
    <cellStyle name="40% - Accent1 5" xfId="54"/>
    <cellStyle name="40% - Accent1 6" xfId="55"/>
    <cellStyle name="40% - Accent1 7" xfId="56"/>
    <cellStyle name="40% - Accent1 8" xfId="57"/>
    <cellStyle name="40% - Accent2" xfId="58" builtinId="35" customBuiltin="1"/>
    <cellStyle name="40% - Accent2 2" xfId="59"/>
    <cellStyle name="40% - Accent2 2 2" xfId="60"/>
    <cellStyle name="40% - Accent2 3" xfId="61"/>
    <cellStyle name="40% - Accent2 4" xfId="62"/>
    <cellStyle name="40% - Accent2 5" xfId="63"/>
    <cellStyle name="40% - Accent2 6" xfId="64"/>
    <cellStyle name="40% - Accent3" xfId="65" builtinId="39" customBuiltin="1"/>
    <cellStyle name="40% - Accent3 2" xfId="66"/>
    <cellStyle name="40% - Accent3 2 2" xfId="67"/>
    <cellStyle name="40% - Accent3 3" xfId="68"/>
    <cellStyle name="40% - Accent3 4" xfId="69"/>
    <cellStyle name="40% - Accent3 5" xfId="70"/>
    <cellStyle name="40% - Accent3 6" xfId="71"/>
    <cellStyle name="40% - Accent3 7" xfId="72"/>
    <cellStyle name="40% - Accent3 8" xfId="73"/>
    <cellStyle name="40% - Accent4" xfId="74" builtinId="43" customBuiltin="1"/>
    <cellStyle name="40% - Accent4 2" xfId="75"/>
    <cellStyle name="40% - Accent4 2 2" xfId="76"/>
    <cellStyle name="40% - Accent4 3" xfId="77"/>
    <cellStyle name="40% - Accent4 4" xfId="78"/>
    <cellStyle name="40% - Accent4 5" xfId="79"/>
    <cellStyle name="40% - Accent4 6" xfId="80"/>
    <cellStyle name="40% - Accent4 7" xfId="81"/>
    <cellStyle name="40% - Accent4 8" xfId="82"/>
    <cellStyle name="40% - Accent5" xfId="83" builtinId="47" customBuiltin="1"/>
    <cellStyle name="40% - Accent5 2" xfId="84"/>
    <cellStyle name="40% - Accent5 2 2" xfId="85"/>
    <cellStyle name="40% - Accent5 3" xfId="86"/>
    <cellStyle name="40% - Accent5 4" xfId="87"/>
    <cellStyle name="40% - Accent5 5" xfId="88"/>
    <cellStyle name="40% - Accent5 6" xfId="89"/>
    <cellStyle name="40% - Accent6" xfId="90" builtinId="51" customBuiltin="1"/>
    <cellStyle name="40% - Accent6 2" xfId="91"/>
    <cellStyle name="40% - Accent6 2 2" xfId="92"/>
    <cellStyle name="40% - Accent6 3" xfId="93"/>
    <cellStyle name="40% - Accent6 4" xfId="94"/>
    <cellStyle name="40% - Accent6 5" xfId="95"/>
    <cellStyle name="40% - Accent6 6" xfId="96"/>
    <cellStyle name="40% - Accent6 7" xfId="97"/>
    <cellStyle name="40% - Accent6 8" xfId="98"/>
    <cellStyle name="60% - Accent1" xfId="99" builtinId="32" customBuiltin="1"/>
    <cellStyle name="60% - Accent1 2" xfId="100"/>
    <cellStyle name="60% - Accent1 3" xfId="101"/>
    <cellStyle name="60% - Accent1 4" xfId="102"/>
    <cellStyle name="60% - Accent1 5" xfId="103"/>
    <cellStyle name="60% - Accent1 6" xfId="104"/>
    <cellStyle name="60% - Accent1 7" xfId="105"/>
    <cellStyle name="60% - Accent1 8" xfId="106"/>
    <cellStyle name="60% - Accent2" xfId="107" builtinId="36" customBuiltin="1"/>
    <cellStyle name="60% - Accent2 2" xfId="108"/>
    <cellStyle name="60% - Accent2 3" xfId="109"/>
    <cellStyle name="60% - Accent2 4" xfId="110"/>
    <cellStyle name="60% - Accent2 5" xfId="111"/>
    <cellStyle name="60% - Accent2 6" xfId="112"/>
    <cellStyle name="60% - Accent3" xfId="113" builtinId="40" customBuiltin="1"/>
    <cellStyle name="60% - Accent3 2" xfId="114"/>
    <cellStyle name="60% - Accent3 3" xfId="115"/>
    <cellStyle name="60% - Accent3 4" xfId="116"/>
    <cellStyle name="60% - Accent3 5" xfId="117"/>
    <cellStyle name="60% - Accent3 6" xfId="118"/>
    <cellStyle name="60% - Accent3 7" xfId="119"/>
    <cellStyle name="60% - Accent3 8" xfId="120"/>
    <cellStyle name="60% - Accent4" xfId="121" builtinId="44" customBuiltin="1"/>
    <cellStyle name="60% - Accent4 2" xfId="122"/>
    <cellStyle name="60% - Accent4 3" xfId="123"/>
    <cellStyle name="60% - Accent4 4" xfId="124"/>
    <cellStyle name="60% - Accent4 5" xfId="125"/>
    <cellStyle name="60% - Accent4 6" xfId="126"/>
    <cellStyle name="60% - Accent4 7" xfId="127"/>
    <cellStyle name="60% - Accent4 8" xfId="128"/>
    <cellStyle name="60% - Accent5" xfId="129" builtinId="48" customBuiltin="1"/>
    <cellStyle name="60% - Accent5 2" xfId="130"/>
    <cellStyle name="60% - Accent5 3" xfId="131"/>
    <cellStyle name="60% - Accent5 4" xfId="132"/>
    <cellStyle name="60% - Accent5 5" xfId="133"/>
    <cellStyle name="60% - Accent5 6" xfId="134"/>
    <cellStyle name="60% - Accent6" xfId="135" builtinId="52" customBuiltin="1"/>
    <cellStyle name="60% - Accent6 2" xfId="136"/>
    <cellStyle name="60% - Accent6 3" xfId="137"/>
    <cellStyle name="60% - Accent6 4" xfId="138"/>
    <cellStyle name="60% - Accent6 5" xfId="139"/>
    <cellStyle name="60% - Accent6 6" xfId="140"/>
    <cellStyle name="60% - Accent6 7" xfId="141"/>
    <cellStyle name="60% - Accent6 8" xfId="142"/>
    <cellStyle name="Accent1" xfId="143" builtinId="29" customBuiltin="1"/>
    <cellStyle name="Accent1 2" xfId="144"/>
    <cellStyle name="Accent1 3" xfId="145"/>
    <cellStyle name="Accent1 4" xfId="146"/>
    <cellStyle name="Accent1 5" xfId="147"/>
    <cellStyle name="Accent1 6" xfId="148"/>
    <cellStyle name="Accent1 7" xfId="149"/>
    <cellStyle name="Accent1 8" xfId="150"/>
    <cellStyle name="Accent2" xfId="151" builtinId="33" customBuiltin="1"/>
    <cellStyle name="Accent2 2" xfId="152"/>
    <cellStyle name="Accent2 3" xfId="153"/>
    <cellStyle name="Accent2 4" xfId="154"/>
    <cellStyle name="Accent2 5" xfId="155"/>
    <cellStyle name="Accent2 6" xfId="156"/>
    <cellStyle name="Accent3" xfId="157" builtinId="37" customBuiltin="1"/>
    <cellStyle name="Accent3 2" xfId="158"/>
    <cellStyle name="Accent3 3" xfId="159"/>
    <cellStyle name="Accent3 4" xfId="160"/>
    <cellStyle name="Accent3 5" xfId="161"/>
    <cellStyle name="Accent3 6" xfId="162"/>
    <cellStyle name="Accent4" xfId="163" builtinId="41" customBuiltin="1"/>
    <cellStyle name="Accent4 2" xfId="164"/>
    <cellStyle name="Accent4 3" xfId="165"/>
    <cellStyle name="Accent4 4" xfId="166"/>
    <cellStyle name="Accent4 5" xfId="167"/>
    <cellStyle name="Accent4 6" xfId="168"/>
    <cellStyle name="Accent4 7" xfId="169"/>
    <cellStyle name="Accent4 8" xfId="170"/>
    <cellStyle name="Accent5" xfId="171" builtinId="45" customBuiltin="1"/>
    <cellStyle name="Accent5 2" xfId="172"/>
    <cellStyle name="Accent5 3" xfId="173"/>
    <cellStyle name="Accent5 4" xfId="174"/>
    <cellStyle name="Accent5 5" xfId="175"/>
    <cellStyle name="Accent5 6" xfId="176"/>
    <cellStyle name="Accent6" xfId="177" builtinId="49" customBuiltin="1"/>
    <cellStyle name="Accent6 2" xfId="178"/>
    <cellStyle name="Accent6 3" xfId="179"/>
    <cellStyle name="Accent6 4" xfId="180"/>
    <cellStyle name="Accent6 5" xfId="181"/>
    <cellStyle name="Accent6 6" xfId="182"/>
    <cellStyle name="Bad" xfId="183" builtinId="27" customBuiltin="1"/>
    <cellStyle name="Bad 2" xfId="184"/>
    <cellStyle name="Bad 3" xfId="185"/>
    <cellStyle name="Bad 4" xfId="186"/>
    <cellStyle name="Bad 5" xfId="187"/>
    <cellStyle name="Bad 6" xfId="188"/>
    <cellStyle name="Bad 7" xfId="189"/>
    <cellStyle name="Bad 8" xfId="190"/>
    <cellStyle name="Calculation" xfId="191" builtinId="22" customBuiltin="1"/>
    <cellStyle name="Calculation 2" xfId="192"/>
    <cellStyle name="Calculation 3" xfId="193"/>
    <cellStyle name="Calculation 4" xfId="194"/>
    <cellStyle name="Calculation 5" xfId="195"/>
    <cellStyle name="Calculation 6" xfId="196"/>
    <cellStyle name="Check Cell" xfId="197" builtinId="23" customBuiltin="1"/>
    <cellStyle name="Check Cell 2" xfId="198"/>
    <cellStyle name="Check Cell 3" xfId="199"/>
    <cellStyle name="Check Cell 4" xfId="200"/>
    <cellStyle name="Check Cell 5" xfId="201"/>
    <cellStyle name="Check Cell 6" xfId="202"/>
    <cellStyle name="Check Cell 7" xfId="203"/>
    <cellStyle name="Check Cell 8" xfId="204"/>
    <cellStyle name="Comma" xfId="205" builtinId="3"/>
    <cellStyle name="Comma 10" xfId="206"/>
    <cellStyle name="Comma 11" xfId="207"/>
    <cellStyle name="Comma 12" xfId="208"/>
    <cellStyle name="Comma 13" xfId="209"/>
    <cellStyle name="Comma 14" xfId="210"/>
    <cellStyle name="Comma 15" xfId="211"/>
    <cellStyle name="Comma 16" xfId="212"/>
    <cellStyle name="Comma 17" xfId="213"/>
    <cellStyle name="Comma 17 2" xfId="214"/>
    <cellStyle name="Comma 17 2 2" xfId="215"/>
    <cellStyle name="Comma 17 2 2 2" xfId="216"/>
    <cellStyle name="Comma 17 2 3" xfId="217"/>
    <cellStyle name="Comma 17 3" xfId="218"/>
    <cellStyle name="Comma 17 3 2" xfId="219"/>
    <cellStyle name="Comma 17 3 2 2" xfId="220"/>
    <cellStyle name="Comma 17 3 3" xfId="221"/>
    <cellStyle name="Comma 17 4" xfId="222"/>
    <cellStyle name="Comma 17 4 2" xfId="223"/>
    <cellStyle name="Comma 17 5" xfId="224"/>
    <cellStyle name="Comma 18" xfId="225"/>
    <cellStyle name="Comma 19" xfId="226"/>
    <cellStyle name="Comma 2" xfId="227"/>
    <cellStyle name="Comma 2 2" xfId="228"/>
    <cellStyle name="Comma 2 2 2" xfId="229"/>
    <cellStyle name="Comma 2 2 3" xfId="230"/>
    <cellStyle name="Comma 2 3" xfId="231"/>
    <cellStyle name="Comma 2 4" xfId="232"/>
    <cellStyle name="Comma 2 5" xfId="233"/>
    <cellStyle name="Comma 2_Allocators" xfId="234"/>
    <cellStyle name="Comma 20" xfId="235"/>
    <cellStyle name="Comma 20 2" xfId="236"/>
    <cellStyle name="Comma 20 2 2" xfId="237"/>
    <cellStyle name="Comma 20 2 2 2" xfId="238"/>
    <cellStyle name="Comma 20 2 3" xfId="239"/>
    <cellStyle name="Comma 20 3" xfId="240"/>
    <cellStyle name="Comma 20 3 2" xfId="241"/>
    <cellStyle name="Comma 20 3 2 2" xfId="242"/>
    <cellStyle name="Comma 20 3 3" xfId="243"/>
    <cellStyle name="Comma 20 4" xfId="244"/>
    <cellStyle name="Comma 20 4 2" xfId="245"/>
    <cellStyle name="Comma 20 5" xfId="246"/>
    <cellStyle name="Comma 21" xfId="247"/>
    <cellStyle name="Comma 22" xfId="248"/>
    <cellStyle name="Comma 3" xfId="249"/>
    <cellStyle name="Comma 3 10" xfId="250"/>
    <cellStyle name="Comma 3 10 2" xfId="251"/>
    <cellStyle name="Comma 3 10 2 2" xfId="252"/>
    <cellStyle name="Comma 3 10 2 2 2" xfId="253"/>
    <cellStyle name="Comma 3 10 2 3" xfId="254"/>
    <cellStyle name="Comma 3 10 3" xfId="255"/>
    <cellStyle name="Comma 3 10 3 2" xfId="256"/>
    <cellStyle name="Comma 3 10 3 2 2" xfId="257"/>
    <cellStyle name="Comma 3 10 3 3" xfId="258"/>
    <cellStyle name="Comma 3 10 4" xfId="259"/>
    <cellStyle name="Comma 3 10 4 2" xfId="260"/>
    <cellStyle name="Comma 3 10 5" xfId="261"/>
    <cellStyle name="Comma 3 11" xfId="262"/>
    <cellStyle name="Comma 3 12" xfId="263"/>
    <cellStyle name="Comma 3 12 2" xfId="264"/>
    <cellStyle name="Comma 3 12 2 2" xfId="265"/>
    <cellStyle name="Comma 3 12 3" xfId="266"/>
    <cellStyle name="Comma 3 13" xfId="267"/>
    <cellStyle name="Comma 3 2" xfId="268"/>
    <cellStyle name="Comma 3 3" xfId="269"/>
    <cellStyle name="Comma 3 4" xfId="270"/>
    <cellStyle name="Comma 3 4 2" xfId="271"/>
    <cellStyle name="Comma 3 4 2 2" xfId="272"/>
    <cellStyle name="Comma 3 4 2 2 2" xfId="273"/>
    <cellStyle name="Comma 3 4 2 3" xfId="274"/>
    <cellStyle name="Comma 3 4 3" xfId="275"/>
    <cellStyle name="Comma 3 4 3 2" xfId="276"/>
    <cellStyle name="Comma 3 4 3 2 2" xfId="277"/>
    <cellStyle name="Comma 3 4 3 3" xfId="278"/>
    <cellStyle name="Comma 3 4 4" xfId="279"/>
    <cellStyle name="Comma 3 4 4 2" xfId="280"/>
    <cellStyle name="Comma 3 4 5" xfId="281"/>
    <cellStyle name="Comma 3 5" xfId="282"/>
    <cellStyle name="Comma 3 5 2" xfId="283"/>
    <cellStyle name="Comma 3 5 2 2" xfId="284"/>
    <cellStyle name="Comma 3 5 2 2 2" xfId="285"/>
    <cellStyle name="Comma 3 5 2 3" xfId="286"/>
    <cellStyle name="Comma 3 5 3" xfId="287"/>
    <cellStyle name="Comma 3 5 3 2" xfId="288"/>
    <cellStyle name="Comma 3 5 3 2 2" xfId="289"/>
    <cellStyle name="Comma 3 5 3 3" xfId="290"/>
    <cellStyle name="Comma 3 5 4" xfId="291"/>
    <cellStyle name="Comma 3 5 4 2" xfId="292"/>
    <cellStyle name="Comma 3 5 5" xfId="293"/>
    <cellStyle name="Comma 3 6" xfId="294"/>
    <cellStyle name="Comma 3 6 2" xfId="295"/>
    <cellStyle name="Comma 3 6 2 2" xfId="296"/>
    <cellStyle name="Comma 3 6 2 2 2" xfId="297"/>
    <cellStyle name="Comma 3 6 2 3" xfId="298"/>
    <cellStyle name="Comma 3 6 3" xfId="299"/>
    <cellStyle name="Comma 3 6 3 2" xfId="300"/>
    <cellStyle name="Comma 3 6 3 2 2" xfId="301"/>
    <cellStyle name="Comma 3 6 3 3" xfId="302"/>
    <cellStyle name="Comma 3 6 4" xfId="303"/>
    <cellStyle name="Comma 3 6 4 2" xfId="304"/>
    <cellStyle name="Comma 3 6 5" xfId="305"/>
    <cellStyle name="Comma 3 7" xfId="306"/>
    <cellStyle name="Comma 3 7 2" xfId="307"/>
    <cellStyle name="Comma 3 7 2 2" xfId="308"/>
    <cellStyle name="Comma 3 7 2 2 2" xfId="309"/>
    <cellStyle name="Comma 3 7 2 3" xfId="310"/>
    <cellStyle name="Comma 3 7 3" xfId="311"/>
    <cellStyle name="Comma 3 7 3 2" xfId="312"/>
    <cellStyle name="Comma 3 7 3 2 2" xfId="313"/>
    <cellStyle name="Comma 3 7 3 3" xfId="314"/>
    <cellStyle name="Comma 3 7 4" xfId="315"/>
    <cellStyle name="Comma 3 7 4 2" xfId="316"/>
    <cellStyle name="Comma 3 7 5" xfId="317"/>
    <cellStyle name="Comma 3 8" xfId="318"/>
    <cellStyle name="Comma 3 8 2" xfId="319"/>
    <cellStyle name="Comma 3 8 2 2" xfId="320"/>
    <cellStyle name="Comma 3 8 2 2 2" xfId="321"/>
    <cellStyle name="Comma 3 8 2 3" xfId="322"/>
    <cellStyle name="Comma 3 8 3" xfId="323"/>
    <cellStyle name="Comma 3 8 3 2" xfId="324"/>
    <cellStyle name="Comma 3 8 3 2 2" xfId="325"/>
    <cellStyle name="Comma 3 8 3 3" xfId="326"/>
    <cellStyle name="Comma 3 8 4" xfId="327"/>
    <cellStyle name="Comma 3 8 4 2" xfId="328"/>
    <cellStyle name="Comma 3 8 5" xfId="329"/>
    <cellStyle name="Comma 3 9" xfId="330"/>
    <cellStyle name="Comma 3 9 2" xfId="331"/>
    <cellStyle name="Comma 3 9 2 2" xfId="332"/>
    <cellStyle name="Comma 3 9 2 2 2" xfId="333"/>
    <cellStyle name="Comma 3 9 2 3" xfId="334"/>
    <cellStyle name="Comma 3 9 3" xfId="335"/>
    <cellStyle name="Comma 3 9 3 2" xfId="336"/>
    <cellStyle name="Comma 3 9 3 2 2" xfId="337"/>
    <cellStyle name="Comma 3 9 3 3" xfId="338"/>
    <cellStyle name="Comma 3 9 4" xfId="339"/>
    <cellStyle name="Comma 3 9 4 2" xfId="340"/>
    <cellStyle name="Comma 3 9 5" xfId="341"/>
    <cellStyle name="Comma 4" xfId="342"/>
    <cellStyle name="Comma 4 2" xfId="343"/>
    <cellStyle name="Comma 4 3" xfId="344"/>
    <cellStyle name="Comma 4 4" xfId="345"/>
    <cellStyle name="Comma 5" xfId="346"/>
    <cellStyle name="Comma 6" xfId="347"/>
    <cellStyle name="Comma 6 2" xfId="348"/>
    <cellStyle name="Comma 7" xfId="349"/>
    <cellStyle name="Comma 7 2" xfId="350"/>
    <cellStyle name="Comma 8" xfId="351"/>
    <cellStyle name="Comma 8 2" xfId="352"/>
    <cellStyle name="Comma 9" xfId="353"/>
    <cellStyle name="CommaBlank" xfId="354"/>
    <cellStyle name="CommaBlank 2" xfId="355"/>
    <cellStyle name="Currency 10" xfId="356"/>
    <cellStyle name="Currency 10 2" xfId="357"/>
    <cellStyle name="Currency 10 2 2" xfId="358"/>
    <cellStyle name="Currency 10 2 2 2" xfId="359"/>
    <cellStyle name="Currency 10 2 3" xfId="360"/>
    <cellStyle name="Currency 10 3" xfId="361"/>
    <cellStyle name="Currency 10 3 2" xfId="362"/>
    <cellStyle name="Currency 10 3 2 2" xfId="363"/>
    <cellStyle name="Currency 10 3 3" xfId="364"/>
    <cellStyle name="Currency 10 4" xfId="365"/>
    <cellStyle name="Currency 10 4 2" xfId="366"/>
    <cellStyle name="Currency 10 5" xfId="367"/>
    <cellStyle name="Currency 11" xfId="368"/>
    <cellStyle name="Currency 2" xfId="369"/>
    <cellStyle name="Currency 2 2" xfId="370"/>
    <cellStyle name="Currency 2 3" xfId="371"/>
    <cellStyle name="Currency 2 4" xfId="372"/>
    <cellStyle name="Currency 3" xfId="373"/>
    <cellStyle name="Currency 3 2" xfId="374"/>
    <cellStyle name="Currency 3 3" xfId="375"/>
    <cellStyle name="Currency 3 4" xfId="376"/>
    <cellStyle name="Currency 3 5" xfId="377"/>
    <cellStyle name="Currency 36" xfId="763"/>
    <cellStyle name="Currency 4" xfId="378"/>
    <cellStyle name="Currency 4 2" xfId="379"/>
    <cellStyle name="Currency 4 3" xfId="380"/>
    <cellStyle name="Currency 4 4" xfId="381"/>
    <cellStyle name="Currency 5" xfId="382"/>
    <cellStyle name="Currency 6" xfId="383"/>
    <cellStyle name="Currency 7" xfId="384"/>
    <cellStyle name="Currency 8" xfId="385"/>
    <cellStyle name="Currency 9" xfId="386"/>
    <cellStyle name="Explanatory Text" xfId="387" builtinId="53" customBuiltin="1"/>
    <cellStyle name="Explanatory Text 2" xfId="388"/>
    <cellStyle name="Explanatory Text 3" xfId="389"/>
    <cellStyle name="Explanatory Text 4" xfId="390"/>
    <cellStyle name="Explanatory Text 5" xfId="391"/>
    <cellStyle name="Explanatory Text 6" xfId="392"/>
    <cellStyle name="Good" xfId="393" builtinId="26" customBuiltin="1"/>
    <cellStyle name="Good 2" xfId="394"/>
    <cellStyle name="Good 3" xfId="395"/>
    <cellStyle name="Good 4" xfId="396"/>
    <cellStyle name="Good 5" xfId="397"/>
    <cellStyle name="Good 6" xfId="398"/>
    <cellStyle name="Heading 1" xfId="399" builtinId="16" customBuiltin="1"/>
    <cellStyle name="Heading 1 2" xfId="400"/>
    <cellStyle name="Heading 1 3" xfId="401"/>
    <cellStyle name="Heading 1 4" xfId="402"/>
    <cellStyle name="Heading 1 5" xfId="403"/>
    <cellStyle name="Heading 1 6" xfId="404"/>
    <cellStyle name="Heading 1 7" xfId="405"/>
    <cellStyle name="Heading 1 8" xfId="406"/>
    <cellStyle name="Heading 2" xfId="407" builtinId="17" customBuiltin="1"/>
    <cellStyle name="Heading 2 2" xfId="408"/>
    <cellStyle name="Heading 2 3" xfId="409"/>
    <cellStyle name="Heading 2 4" xfId="410"/>
    <cellStyle name="Heading 2 5" xfId="411"/>
    <cellStyle name="Heading 2 6" xfId="412"/>
    <cellStyle name="Heading 2 7" xfId="413"/>
    <cellStyle name="Heading 2 8" xfId="414"/>
    <cellStyle name="Heading 3" xfId="415" builtinId="18" customBuiltin="1"/>
    <cellStyle name="Heading 3 2" xfId="416"/>
    <cellStyle name="Heading 3 3" xfId="417"/>
    <cellStyle name="Heading 3 4" xfId="418"/>
    <cellStyle name="Heading 3 5" xfId="419"/>
    <cellStyle name="Heading 3 6" xfId="420"/>
    <cellStyle name="Heading 3 7" xfId="421"/>
    <cellStyle name="Heading 3 8" xfId="422"/>
    <cellStyle name="Heading 4" xfId="423" builtinId="19" customBuiltin="1"/>
    <cellStyle name="Heading 4 2" xfId="424"/>
    <cellStyle name="Heading 4 3" xfId="425"/>
    <cellStyle name="Heading 4 4" xfId="426"/>
    <cellStyle name="Heading 4 5" xfId="427"/>
    <cellStyle name="Heading 4 6" xfId="428"/>
    <cellStyle name="Heading 4 7" xfId="429"/>
    <cellStyle name="Heading 4 8" xfId="430"/>
    <cellStyle name="Input" xfId="431" builtinId="20" customBuiltin="1"/>
    <cellStyle name="Input 2" xfId="432"/>
    <cellStyle name="Input 3" xfId="433"/>
    <cellStyle name="Input 4" xfId="434"/>
    <cellStyle name="Input 5" xfId="435"/>
    <cellStyle name="Input 6" xfId="436"/>
    <cellStyle name="kirkdollars" xfId="437"/>
    <cellStyle name="Linked Cell" xfId="438" builtinId="24" customBuiltin="1"/>
    <cellStyle name="Linked Cell 2" xfId="439"/>
    <cellStyle name="Linked Cell 3" xfId="440"/>
    <cellStyle name="Linked Cell 4" xfId="441"/>
    <cellStyle name="Linked Cell 5" xfId="442"/>
    <cellStyle name="Linked Cell 6" xfId="443"/>
    <cellStyle name="Neutral" xfId="444" builtinId="28" customBuiltin="1"/>
    <cellStyle name="Neutral 2" xfId="445"/>
    <cellStyle name="Neutral 3" xfId="446"/>
    <cellStyle name="Neutral 4" xfId="447"/>
    <cellStyle name="Neutral 5" xfId="448"/>
    <cellStyle name="Neutral 6" xfId="449"/>
    <cellStyle name="Normal" xfId="0" builtinId="0"/>
    <cellStyle name="Normal 10" xfId="450"/>
    <cellStyle name="Normal 102" xfId="762"/>
    <cellStyle name="Normal 11" xfId="451"/>
    <cellStyle name="Normal 12" xfId="452"/>
    <cellStyle name="Normal 13" xfId="453"/>
    <cellStyle name="Normal 14" xfId="454"/>
    <cellStyle name="Normal 15" xfId="455"/>
    <cellStyle name="Normal 15 2" xfId="456"/>
    <cellStyle name="Normal 15 2 2" xfId="457"/>
    <cellStyle name="Normal 15 2 2 2" xfId="458"/>
    <cellStyle name="Normal 15 2 3" xfId="459"/>
    <cellStyle name="Normal 15 3" xfId="460"/>
    <cellStyle name="Normal 15 3 2" xfId="461"/>
    <cellStyle name="Normal 15 3 2 2" xfId="462"/>
    <cellStyle name="Normal 15 3 3" xfId="463"/>
    <cellStyle name="Normal 15 4" xfId="464"/>
    <cellStyle name="Normal 15 4 2" xfId="465"/>
    <cellStyle name="Normal 15 5" xfId="466"/>
    <cellStyle name="Normal 16" xfId="467"/>
    <cellStyle name="Normal 17" xfId="468"/>
    <cellStyle name="Normal 18" xfId="469"/>
    <cellStyle name="Normal 19" xfId="470"/>
    <cellStyle name="Normal 2" xfId="471"/>
    <cellStyle name="Normal 2 2" xfId="472"/>
    <cellStyle name="Normal 2 2 2" xfId="473"/>
    <cellStyle name="Normal 2 3" xfId="474"/>
    <cellStyle name="Normal 2 4" xfId="475"/>
    <cellStyle name="Normal 2 5" xfId="476"/>
    <cellStyle name="Normal 2_Adjustment WP" xfId="477"/>
    <cellStyle name="Normal 20" xfId="478"/>
    <cellStyle name="Normal 21" xfId="479"/>
    <cellStyle name="Normal 22" xfId="480"/>
    <cellStyle name="Normal 23" xfId="481"/>
    <cellStyle name="Normal 24" xfId="482"/>
    <cellStyle name="Normal 25" xfId="483"/>
    <cellStyle name="Normal 26" xfId="484"/>
    <cellStyle name="Normal 27" xfId="485"/>
    <cellStyle name="Normal 28" xfId="486"/>
    <cellStyle name="Normal 29" xfId="487"/>
    <cellStyle name="Normal 3" xfId="488"/>
    <cellStyle name="Normal 3 2" xfId="489"/>
    <cellStyle name="Normal 3 3" xfId="490"/>
    <cellStyle name="Normal 3 4" xfId="491"/>
    <cellStyle name="Normal 3 5" xfId="492"/>
    <cellStyle name="Normal 3 6" xfId="493"/>
    <cellStyle name="Normal 3 7" xfId="494"/>
    <cellStyle name="Normal 3_108 Summary" xfId="495"/>
    <cellStyle name="Normal 30" xfId="496"/>
    <cellStyle name="Normal 31" xfId="497"/>
    <cellStyle name="Normal 32" xfId="498"/>
    <cellStyle name="Normal 33" xfId="499"/>
    <cellStyle name="Normal 34" xfId="500"/>
    <cellStyle name="Normal 35" xfId="501"/>
    <cellStyle name="Normal 35 2" xfId="502"/>
    <cellStyle name="Normal 35 2 2" xfId="503"/>
    <cellStyle name="Normal 35 2 2 2" xfId="504"/>
    <cellStyle name="Normal 35 2 3" xfId="505"/>
    <cellStyle name="Normal 35 3" xfId="506"/>
    <cellStyle name="Normal 35 3 2" xfId="507"/>
    <cellStyle name="Normal 35 3 2 2" xfId="508"/>
    <cellStyle name="Normal 35 3 3" xfId="509"/>
    <cellStyle name="Normal 35 4" xfId="510"/>
    <cellStyle name="Normal 35 4 2" xfId="511"/>
    <cellStyle name="Normal 35 5" xfId="512"/>
    <cellStyle name="Normal 36" xfId="513"/>
    <cellStyle name="Normal 37" xfId="514"/>
    <cellStyle name="Normal 38" xfId="764"/>
    <cellStyle name="Normal 4" xfId="515"/>
    <cellStyle name="Normal 4 2" xfId="516"/>
    <cellStyle name="Normal 4 3" xfId="517"/>
    <cellStyle name="Normal 4 4" xfId="518"/>
    <cellStyle name="Normal 5" xfId="519"/>
    <cellStyle name="Normal 5 2" xfId="520"/>
    <cellStyle name="Normal 5 3" xfId="521"/>
    <cellStyle name="Normal 6" xfId="522"/>
    <cellStyle name="Normal 6 10" xfId="523"/>
    <cellStyle name="Normal 6 10 2" xfId="524"/>
    <cellStyle name="Normal 6 10 2 2" xfId="525"/>
    <cellStyle name="Normal 6 10 3" xfId="526"/>
    <cellStyle name="Normal 6 2" xfId="527"/>
    <cellStyle name="Normal 6 2 2" xfId="528"/>
    <cellStyle name="Normal 6 2 2 2" xfId="529"/>
    <cellStyle name="Normal 6 2 2 2 2" xfId="530"/>
    <cellStyle name="Normal 6 2 2 3" xfId="531"/>
    <cellStyle name="Normal 6 2 3" xfId="532"/>
    <cellStyle name="Normal 6 2 3 2" xfId="533"/>
    <cellStyle name="Normal 6 2 3 2 2" xfId="534"/>
    <cellStyle name="Normal 6 2 3 3" xfId="535"/>
    <cellStyle name="Normal 6 2 4" xfId="536"/>
    <cellStyle name="Normal 6 2 4 2" xfId="537"/>
    <cellStyle name="Normal 6 2 5" xfId="538"/>
    <cellStyle name="Normal 6 3" xfId="539"/>
    <cellStyle name="Normal 6 3 2" xfId="540"/>
    <cellStyle name="Normal 6 3 2 2" xfId="541"/>
    <cellStyle name="Normal 6 3 2 2 2" xfId="542"/>
    <cellStyle name="Normal 6 3 2 3" xfId="543"/>
    <cellStyle name="Normal 6 3 3" xfId="544"/>
    <cellStyle name="Normal 6 3 3 2" xfId="545"/>
    <cellStyle name="Normal 6 3 3 2 2" xfId="546"/>
    <cellStyle name="Normal 6 3 3 3" xfId="547"/>
    <cellStyle name="Normal 6 3 4" xfId="548"/>
    <cellStyle name="Normal 6 3 4 2" xfId="549"/>
    <cellStyle name="Normal 6 3 5" xfId="550"/>
    <cellStyle name="Normal 6 4" xfId="551"/>
    <cellStyle name="Normal 6 4 2" xfId="552"/>
    <cellStyle name="Normal 6 4 2 2" xfId="553"/>
    <cellStyle name="Normal 6 4 2 2 2" xfId="554"/>
    <cellStyle name="Normal 6 4 2 3" xfId="555"/>
    <cellStyle name="Normal 6 4 3" xfId="556"/>
    <cellStyle name="Normal 6 4 3 2" xfId="557"/>
    <cellStyle name="Normal 6 4 3 2 2" xfId="558"/>
    <cellStyle name="Normal 6 4 3 3" xfId="559"/>
    <cellStyle name="Normal 6 4 4" xfId="560"/>
    <cellStyle name="Normal 6 4 4 2" xfId="561"/>
    <cellStyle name="Normal 6 4 5" xfId="562"/>
    <cellStyle name="Normal 6 5" xfId="563"/>
    <cellStyle name="Normal 6 5 2" xfId="564"/>
    <cellStyle name="Normal 6 5 2 2" xfId="565"/>
    <cellStyle name="Normal 6 5 2 2 2" xfId="566"/>
    <cellStyle name="Normal 6 5 2 3" xfId="567"/>
    <cellStyle name="Normal 6 5 3" xfId="568"/>
    <cellStyle name="Normal 6 5 3 2" xfId="569"/>
    <cellStyle name="Normal 6 5 3 2 2" xfId="570"/>
    <cellStyle name="Normal 6 5 3 3" xfId="571"/>
    <cellStyle name="Normal 6 5 4" xfId="572"/>
    <cellStyle name="Normal 6 5 4 2" xfId="573"/>
    <cellStyle name="Normal 6 5 5" xfId="574"/>
    <cellStyle name="Normal 6 6" xfId="575"/>
    <cellStyle name="Normal 6 6 2" xfId="576"/>
    <cellStyle name="Normal 6 6 2 2" xfId="577"/>
    <cellStyle name="Normal 6 6 2 2 2" xfId="578"/>
    <cellStyle name="Normal 6 6 2 3" xfId="579"/>
    <cellStyle name="Normal 6 6 3" xfId="580"/>
    <cellStyle name="Normal 6 6 3 2" xfId="581"/>
    <cellStyle name="Normal 6 6 3 2 2" xfId="582"/>
    <cellStyle name="Normal 6 6 3 3" xfId="583"/>
    <cellStyle name="Normal 6 6 4" xfId="584"/>
    <cellStyle name="Normal 6 6 4 2" xfId="585"/>
    <cellStyle name="Normal 6 6 5" xfId="586"/>
    <cellStyle name="Normal 6 7" xfId="587"/>
    <cellStyle name="Normal 6 7 2" xfId="588"/>
    <cellStyle name="Normal 6 7 2 2" xfId="589"/>
    <cellStyle name="Normal 6 7 2 2 2" xfId="590"/>
    <cellStyle name="Normal 6 7 2 3" xfId="591"/>
    <cellStyle name="Normal 6 7 3" xfId="592"/>
    <cellStyle name="Normal 6 7 3 2" xfId="593"/>
    <cellStyle name="Normal 6 7 3 2 2" xfId="594"/>
    <cellStyle name="Normal 6 7 3 3" xfId="595"/>
    <cellStyle name="Normal 6 7 4" xfId="596"/>
    <cellStyle name="Normal 6 7 4 2" xfId="597"/>
    <cellStyle name="Normal 6 7 5" xfId="598"/>
    <cellStyle name="Normal 6 8" xfId="599"/>
    <cellStyle name="Normal 6 8 2" xfId="600"/>
    <cellStyle name="Normal 6 8 2 2" xfId="601"/>
    <cellStyle name="Normal 6 8 2 2 2" xfId="602"/>
    <cellStyle name="Normal 6 8 2 3" xfId="603"/>
    <cellStyle name="Normal 6 8 3" xfId="604"/>
    <cellStyle name="Normal 6 8 3 2" xfId="605"/>
    <cellStyle name="Normal 6 8 3 2 2" xfId="606"/>
    <cellStyle name="Normal 6 8 3 3" xfId="607"/>
    <cellStyle name="Normal 6 8 4" xfId="608"/>
    <cellStyle name="Normal 6 8 4 2" xfId="609"/>
    <cellStyle name="Normal 6 8 5" xfId="610"/>
    <cellStyle name="Normal 6 9" xfId="611"/>
    <cellStyle name="Normal 7" xfId="612"/>
    <cellStyle name="Normal 8" xfId="613"/>
    <cellStyle name="Normal 9" xfId="614"/>
    <cellStyle name="Note" xfId="615" builtinId="10" customBuiltin="1"/>
    <cellStyle name="Note 10" xfId="616"/>
    <cellStyle name="Note 11" xfId="617"/>
    <cellStyle name="Note 2" xfId="618"/>
    <cellStyle name="Note 2 2" xfId="619"/>
    <cellStyle name="Note 2_Allocators" xfId="620"/>
    <cellStyle name="Note 3" xfId="621"/>
    <cellStyle name="Note 3 2" xfId="622"/>
    <cellStyle name="Note 3 3" xfId="623"/>
    <cellStyle name="Note 3_Allocators" xfId="624"/>
    <cellStyle name="Note 4" xfId="625"/>
    <cellStyle name="Note 4 2" xfId="626"/>
    <cellStyle name="Note 4_Allocators" xfId="627"/>
    <cellStyle name="Note 5" xfId="628"/>
    <cellStyle name="Note 6" xfId="629"/>
    <cellStyle name="Note 6 2" xfId="630"/>
    <cellStyle name="Note 6_Allocators" xfId="631"/>
    <cellStyle name="Note 7" xfId="632"/>
    <cellStyle name="Note 7 2" xfId="633"/>
    <cellStyle name="Note 8" xfId="634"/>
    <cellStyle name="Note 9" xfId="635"/>
    <cellStyle name="nPlosion" xfId="636"/>
    <cellStyle name="nvision" xfId="637"/>
    <cellStyle name="Output" xfId="638" builtinId="21" customBuiltin="1"/>
    <cellStyle name="Output 2" xfId="639"/>
    <cellStyle name="Output 3" xfId="640"/>
    <cellStyle name="Output 4" xfId="641"/>
    <cellStyle name="Output 5" xfId="642"/>
    <cellStyle name="Output 6" xfId="643"/>
    <cellStyle name="Percent 10" xfId="644"/>
    <cellStyle name="Percent 11" xfId="645"/>
    <cellStyle name="Percent 12" xfId="646"/>
    <cellStyle name="Percent 13" xfId="647"/>
    <cellStyle name="Percent 13 2" xfId="648"/>
    <cellStyle name="Percent 13 2 2" xfId="649"/>
    <cellStyle name="Percent 13 2 2 2" xfId="650"/>
    <cellStyle name="Percent 13 2 3" xfId="651"/>
    <cellStyle name="Percent 13 3" xfId="652"/>
    <cellStyle name="Percent 13 3 2" xfId="653"/>
    <cellStyle name="Percent 13 3 2 2" xfId="654"/>
    <cellStyle name="Percent 13 3 3" xfId="655"/>
    <cellStyle name="Percent 13 4" xfId="656"/>
    <cellStyle name="Percent 13 4 2" xfId="657"/>
    <cellStyle name="Percent 13 5" xfId="658"/>
    <cellStyle name="Percent 14" xfId="659"/>
    <cellStyle name="Percent 15" xfId="660"/>
    <cellStyle name="Percent 2" xfId="661"/>
    <cellStyle name="Percent 2 2" xfId="662"/>
    <cellStyle name="Percent 2 3" xfId="663"/>
    <cellStyle name="Percent 3" xfId="664"/>
    <cellStyle name="Percent 3 2" xfId="665"/>
    <cellStyle name="Percent 3 3" xfId="666"/>
    <cellStyle name="Percent 3 4" xfId="667"/>
    <cellStyle name="Percent 3 5" xfId="668"/>
    <cellStyle name="Percent 3 6" xfId="669"/>
    <cellStyle name="Percent 4" xfId="670"/>
    <cellStyle name="Percent 4 2" xfId="671"/>
    <cellStyle name="Percent 4 3" xfId="672"/>
    <cellStyle name="Percent 4 4" xfId="673"/>
    <cellStyle name="Percent 5" xfId="674"/>
    <cellStyle name="Percent 5 2" xfId="675"/>
    <cellStyle name="Percent 6" xfId="676"/>
    <cellStyle name="Percent 6 2" xfId="677"/>
    <cellStyle name="Percent 7" xfId="678"/>
    <cellStyle name="Percent 8" xfId="679"/>
    <cellStyle name="Percent 9" xfId="680"/>
    <cellStyle name="PSChar" xfId="681"/>
    <cellStyle name="PSChar 2" xfId="682"/>
    <cellStyle name="PSChar 2 2" xfId="683"/>
    <cellStyle name="PSChar 2 3" xfId="684"/>
    <cellStyle name="PSChar 3" xfId="685"/>
    <cellStyle name="PSChar 3 2" xfId="686"/>
    <cellStyle name="PSChar 4" xfId="687"/>
    <cellStyle name="PSChar 5" xfId="688"/>
    <cellStyle name="PSChar 6" xfId="689"/>
    <cellStyle name="PSDate" xfId="690"/>
    <cellStyle name="PSDate 2" xfId="691"/>
    <cellStyle name="PSDate 2 2" xfId="692"/>
    <cellStyle name="PSDate 2 3" xfId="693"/>
    <cellStyle name="PSDate 3" xfId="694"/>
    <cellStyle name="PSDate 3 2" xfId="695"/>
    <cellStyle name="PSDate 4" xfId="696"/>
    <cellStyle name="PSDate 5" xfId="697"/>
    <cellStyle name="PSDate 6" xfId="698"/>
    <cellStyle name="PSDec" xfId="699"/>
    <cellStyle name="PSDec 2" xfId="700"/>
    <cellStyle name="PSDec 2 2" xfId="701"/>
    <cellStyle name="PSDec 2 3" xfId="702"/>
    <cellStyle name="PSDec 3" xfId="703"/>
    <cellStyle name="PSDec 3 2" xfId="704"/>
    <cellStyle name="PSDec 4" xfId="705"/>
    <cellStyle name="PSDec 5" xfId="706"/>
    <cellStyle name="PSDec 6" xfId="707"/>
    <cellStyle name="PSHeading" xfId="708"/>
    <cellStyle name="PSHeading 10" xfId="709"/>
    <cellStyle name="PSHeading 11" xfId="710"/>
    <cellStyle name="PSHeading 2" xfId="711"/>
    <cellStyle name="PSHeading 2 2" xfId="712"/>
    <cellStyle name="PSHeading 2 3" xfId="713"/>
    <cellStyle name="PSHeading 2_108 Summary" xfId="714"/>
    <cellStyle name="PSHeading 3" xfId="715"/>
    <cellStyle name="PSHeading 3 2" xfId="716"/>
    <cellStyle name="PSHeading 3_108 Summary" xfId="717"/>
    <cellStyle name="PSHeading 4" xfId="718"/>
    <cellStyle name="PSHeading 5" xfId="719"/>
    <cellStyle name="PSHeading 6" xfId="720"/>
    <cellStyle name="PSHeading 7" xfId="721"/>
    <cellStyle name="PSHeading 8" xfId="722"/>
    <cellStyle name="PSHeading 9" xfId="723"/>
    <cellStyle name="PSHeading_101 check" xfId="724"/>
    <cellStyle name="PSInt" xfId="725"/>
    <cellStyle name="PSInt 2" xfId="726"/>
    <cellStyle name="PSInt 2 2" xfId="727"/>
    <cellStyle name="PSInt 2 3" xfId="728"/>
    <cellStyle name="PSInt 3" xfId="729"/>
    <cellStyle name="PSInt 3 2" xfId="730"/>
    <cellStyle name="PSInt 4" xfId="731"/>
    <cellStyle name="PSInt 5" xfId="732"/>
    <cellStyle name="PSInt 6" xfId="733"/>
    <cellStyle name="PSSpacer" xfId="734"/>
    <cellStyle name="PSSpacer 2" xfId="735"/>
    <cellStyle name="PSSpacer 2 2" xfId="736"/>
    <cellStyle name="PSSpacer 2 3" xfId="737"/>
    <cellStyle name="PSSpacer 3" xfId="738"/>
    <cellStyle name="PSSpacer 3 2" xfId="739"/>
    <cellStyle name="PSSpacer 4" xfId="740"/>
    <cellStyle name="PSSpacer 5" xfId="741"/>
    <cellStyle name="PSSpacer 6" xfId="742"/>
    <cellStyle name="Title" xfId="743" builtinId="15" customBuiltin="1"/>
    <cellStyle name="Title 2" xfId="744"/>
    <cellStyle name="Title 3" xfId="745"/>
    <cellStyle name="Title 4" xfId="746"/>
    <cellStyle name="Title 5" xfId="747"/>
    <cellStyle name="Total" xfId="748" builtinId="25" customBuiltin="1"/>
    <cellStyle name="Total 2" xfId="749"/>
    <cellStyle name="Total 3" xfId="750"/>
    <cellStyle name="Total 4" xfId="751"/>
    <cellStyle name="Total 5" xfId="752"/>
    <cellStyle name="Total 6" xfId="753"/>
    <cellStyle name="Total 7" xfId="754"/>
    <cellStyle name="Total 8" xfId="755"/>
    <cellStyle name="Warning Text" xfId="756" builtinId="11" customBuiltin="1"/>
    <cellStyle name="Warning Text 2" xfId="757"/>
    <cellStyle name="Warning Text 3" xfId="758"/>
    <cellStyle name="Warning Text 4" xfId="759"/>
    <cellStyle name="Warning Text 5" xfId="760"/>
    <cellStyle name="Warning Text 6" xfId="761"/>
  </cellStyles>
  <dxfs count="4">
    <dxf>
      <font>
        <color rgb="FF9C0006"/>
      </font>
      <fill>
        <patternFill>
          <bgColor rgb="FFFFC7CE"/>
        </patternFill>
      </fill>
    </dxf>
    <dxf>
      <font>
        <b/>
        <i val="0"/>
        <condense val="0"/>
        <extend val="0"/>
        <color indexed="9"/>
      </font>
      <fill>
        <patternFill>
          <bgColor indexed="10"/>
        </patternFill>
      </fill>
    </dxf>
    <dxf>
      <alignment wrapText="1" readingOrder="0"/>
    </dxf>
    <dxf>
      <alignment wrapText="1" readingOrder="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customXml" Target="../customXml/item3.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customXml" Target="../customXml/item2.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pivotCacheDefinition" Target="pivotCache/pivotCacheDefinition1.xml"/><Relationship Id="rId14" Type="http://schemas.openxmlformats.org/officeDocument/2006/relationships/customXml" Target="../customXml/item1.xml"/></Relationships>
</file>

<file path=xl/drawings/drawing1.xml><?xml version="1.0" encoding="utf-8"?>
<xdr:wsDr xmlns:xdr="http://schemas.openxmlformats.org/drawingml/2006/spreadsheetDrawing" xmlns:a="http://schemas.openxmlformats.org/drawingml/2006/main">
  <xdr:twoCellAnchor>
    <xdr:from>
      <xdr:col>2</xdr:col>
      <xdr:colOff>567690</xdr:colOff>
      <xdr:row>1</xdr:row>
      <xdr:rowOff>38100</xdr:rowOff>
    </xdr:from>
    <xdr:to>
      <xdr:col>2</xdr:col>
      <xdr:colOff>1447719</xdr:colOff>
      <xdr:row>3</xdr:row>
      <xdr:rowOff>133351</xdr:rowOff>
    </xdr:to>
    <xdr:sp macro="" textlink="">
      <xdr:nvSpPr>
        <xdr:cNvPr id="2"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twoCellAnchor>
    <xdr:from>
      <xdr:col>2</xdr:col>
      <xdr:colOff>567690</xdr:colOff>
      <xdr:row>1</xdr:row>
      <xdr:rowOff>38100</xdr:rowOff>
    </xdr:from>
    <xdr:to>
      <xdr:col>2</xdr:col>
      <xdr:colOff>1447719</xdr:colOff>
      <xdr:row>3</xdr:row>
      <xdr:rowOff>133351</xdr:rowOff>
    </xdr:to>
    <xdr:sp macro="" textlink="">
      <xdr:nvSpPr>
        <xdr:cNvPr id="3"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twoCellAnchor>
    <xdr:from>
      <xdr:col>2</xdr:col>
      <xdr:colOff>567690</xdr:colOff>
      <xdr:row>1</xdr:row>
      <xdr:rowOff>38100</xdr:rowOff>
    </xdr:from>
    <xdr:to>
      <xdr:col>2</xdr:col>
      <xdr:colOff>1447719</xdr:colOff>
      <xdr:row>3</xdr:row>
      <xdr:rowOff>133351</xdr:rowOff>
    </xdr:to>
    <xdr:sp macro="" textlink="">
      <xdr:nvSpPr>
        <xdr:cNvPr id="4"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twoCellAnchor>
    <xdr:from>
      <xdr:col>2</xdr:col>
      <xdr:colOff>567690</xdr:colOff>
      <xdr:row>1</xdr:row>
      <xdr:rowOff>38100</xdr:rowOff>
    </xdr:from>
    <xdr:to>
      <xdr:col>2</xdr:col>
      <xdr:colOff>1447719</xdr:colOff>
      <xdr:row>3</xdr:row>
      <xdr:rowOff>133351</xdr:rowOff>
    </xdr:to>
    <xdr:sp macro="" textlink="">
      <xdr:nvSpPr>
        <xdr:cNvPr id="5"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twoCellAnchor>
    <xdr:from>
      <xdr:col>2</xdr:col>
      <xdr:colOff>567690</xdr:colOff>
      <xdr:row>1</xdr:row>
      <xdr:rowOff>38100</xdr:rowOff>
    </xdr:from>
    <xdr:to>
      <xdr:col>2</xdr:col>
      <xdr:colOff>1447719</xdr:colOff>
      <xdr:row>3</xdr:row>
      <xdr:rowOff>133351</xdr:rowOff>
    </xdr:to>
    <xdr:sp macro="" textlink="">
      <xdr:nvSpPr>
        <xdr:cNvPr id="6"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twoCellAnchor>
    <xdr:from>
      <xdr:col>2</xdr:col>
      <xdr:colOff>567690</xdr:colOff>
      <xdr:row>1</xdr:row>
      <xdr:rowOff>38100</xdr:rowOff>
    </xdr:from>
    <xdr:to>
      <xdr:col>2</xdr:col>
      <xdr:colOff>1447719</xdr:colOff>
      <xdr:row>3</xdr:row>
      <xdr:rowOff>133351</xdr:rowOff>
    </xdr:to>
    <xdr:sp macro="" textlink="">
      <xdr:nvSpPr>
        <xdr:cNvPr id="7"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twoCellAnchor>
    <xdr:from>
      <xdr:col>2</xdr:col>
      <xdr:colOff>567690</xdr:colOff>
      <xdr:row>1</xdr:row>
      <xdr:rowOff>38100</xdr:rowOff>
    </xdr:from>
    <xdr:to>
      <xdr:col>2</xdr:col>
      <xdr:colOff>1447719</xdr:colOff>
      <xdr:row>3</xdr:row>
      <xdr:rowOff>133351</xdr:rowOff>
    </xdr:to>
    <xdr:sp macro="" textlink="">
      <xdr:nvSpPr>
        <xdr:cNvPr id="8" name="AutoShape 4"/>
        <xdr:cNvSpPr>
          <a:spLocks noChangeArrowheads="1"/>
        </xdr:cNvSpPr>
      </xdr:nvSpPr>
      <xdr:spPr bwMode="auto">
        <a:xfrm>
          <a:off x="1243965" y="38100"/>
          <a:ext cx="880029" cy="419101"/>
        </a:xfrm>
        <a:prstGeom prst="foldedCorner">
          <a:avLst>
            <a:gd name="adj" fmla="val 23972"/>
          </a:avLst>
        </a:prstGeom>
        <a:solidFill>
          <a:srgbClr val="FFE8E3"/>
        </a:solidFill>
        <a:ln w="9525">
          <a:solidFill>
            <a:srgbClr val="000000"/>
          </a:solidFill>
          <a:round/>
          <a:headEnd/>
          <a:tailEnd/>
        </a:ln>
      </xdr:spPr>
      <xdr:txBody>
        <a:bodyPr vertOverflow="clip" wrap="square" lIns="27432" tIns="22860" rIns="27432" bIns="0" anchor="t" upright="1"/>
        <a:lstStyle/>
        <a:p>
          <a:pPr algn="ctr" rtl="0">
            <a:defRPr sz="1000"/>
          </a:pPr>
          <a:r>
            <a:rPr lang="en-US" sz="1000" b="0" i="0" u="none" strike="noStrike" baseline="0">
              <a:solidFill>
                <a:srgbClr val="000000"/>
              </a:solidFill>
              <a:latin typeface="Arial"/>
              <a:cs typeface="Arial"/>
            </a:rPr>
            <a:t>Compress Zero Rows</a:t>
          </a:r>
        </a:p>
      </xdr:txBody>
    </xdr:sp>
    <xdr:clientData fPrintsWithSheet="0"/>
  </xdr:twoCellAnchor>
</xdr:wsDr>
</file>

<file path=xl/pivotCache/_rels/pivotCacheDefinition1.xml.rels><?xml version="1.0" encoding="UTF-8" standalone="yes"?>
<Relationships xmlns="http://schemas.openxmlformats.org/package/2006/relationships"><Relationship Id="rId2" Type="http://schemas.openxmlformats.org/officeDocument/2006/relationships/externalLinkPath" Target="file:///C:\Users\s214286\AppData\Local\Microsoft\Windows\Temporary%20Internet%20Files\Content.Outlook\FNVBLJG6\Retail%20Sales%20Revenue%20Query%20and%20Pivot.xlsx" TargetMode="External"/><Relationship Id="rId1" Type="http://schemas.openxmlformats.org/officeDocument/2006/relationships/pivotCacheRecords" Target="pivotCacheRecords1.xml"/></Relationships>
</file>

<file path=xl/pivotCache/pivotCacheDefinition1.xml><?xml version="1.0" encoding="utf-8"?>
<pivotCacheDefinition xmlns="http://schemas.openxmlformats.org/spreadsheetml/2006/main" xmlns:r="http://schemas.openxmlformats.org/officeDocument/2006/relationships" r:id="rId1" refreshedBy="S760115" refreshedDate="42808.571428587966" createdVersion="1" refreshedVersion="4" recordCount="5737" upgradeOnRefresh="1">
  <cacheSource type="worksheet">
    <worksheetSource ref="A1:X5738" sheet="sheet1" r:id="rId2"/>
  </cacheSource>
  <cacheFields count="24">
    <cacheField name="Unit" numFmtId="49">
      <sharedItems/>
    </cacheField>
    <cacheField name="Date" numFmtId="14">
      <sharedItems containsSemiMixedTypes="0" containsNonDate="0" containsDate="1" containsString="0" minDate="2016-03-01T00:00:00" maxDate="2017-03-01T00:00:00"/>
    </cacheField>
    <cacheField name="Account" numFmtId="49">
      <sharedItems count="16">
        <s v="4420002"/>
        <s v="4400002"/>
        <s v="4420001"/>
        <s v="4420004"/>
        <s v="4400001"/>
        <s v="4420007"/>
        <s v="4440000"/>
        <s v="4420006"/>
        <s v="4420013"/>
        <s v="4450002"/>
        <s v="4450004"/>
        <s v="4420016"/>
        <s v="4420005"/>
        <s v="4440002"/>
        <s v="4400005"/>
        <s v="4420019"/>
      </sharedItems>
    </cacheField>
    <cacheField name="Ledger" numFmtId="49">
      <sharedItems count="2">
        <s v="ACTUALS"/>
        <s v="SAB108"/>
      </sharedItems>
    </cacheField>
    <cacheField name="Dept" numFmtId="49">
      <sharedItems/>
    </cacheField>
    <cacheField name="Project" numFmtId="49">
      <sharedItems/>
    </cacheField>
    <cacheField name="Amount" numFmtId="164">
      <sharedItems containsSemiMixedTypes="0" containsString="0" containsNumber="1" minValue="-8138661.3300000001" maxValue="8138661.3300000001"/>
    </cacheField>
    <cacheField name="Stat Amt" numFmtId="2">
      <sharedItems containsSemiMixedTypes="0" containsString="0" containsNumber="1" containsInteger="1" minValue="-114438000" maxValue="104252545"/>
    </cacheField>
    <cacheField name="Line Descr" numFmtId="49">
      <sharedItems/>
    </cacheField>
    <cacheField name="Source" numFmtId="49">
      <sharedItems/>
    </cacheField>
    <cacheField name="PC Bus Unit" numFmtId="49">
      <sharedItems/>
    </cacheField>
    <cacheField name="W/O" numFmtId="49">
      <sharedItems/>
    </cacheField>
    <cacheField name="Adj Entry" numFmtId="49">
      <sharedItems/>
    </cacheField>
    <cacheField name="Descr" numFmtId="49">
      <sharedItems/>
    </cacheField>
    <cacheField name="Acctg Def Name" numFmtId="49">
      <sharedItems/>
    </cacheField>
    <cacheField name="Long Descr" numFmtId="49">
      <sharedItems count="18">
        <s v="MACSS Dist Billed Revenue-03"/>
        <s v="To identify billed fuel revenue per MACSS preliminary Tariff Summary for the current month Kentucky Power"/>
        <s v="To identify Estimated Fuel Revenue per MACSS Tariff Summary for the current month - Kentucky Power"/>
        <s v="To identify Unbilled Fuel Revenue per MACSS Tariff Summary for the current month - Kentucky Power"/>
        <s v="MACSS ESTIMATED BILLED REVENUE"/>
        <s v="MACSS EST BILLED REV REVERSAL"/>
        <s v="MACSS UNBILLED REVENUE"/>
        <s v="MACSS UNBILLD REVENUE REVERSAL"/>
        <s v="Unbilled Revenue - Post Close Adjustment"/>
        <s v="To adjust Estimated Revenues for Large Comm &amp; Ind Customers not billed by the MACSS cut-off date and the associated offsetting impacts to Unbilled Revenue."/>
        <s v="To adjust Estimated Revenues for Large Comm &amp; Ind Customers not billed by the MACSS cut-off date and the associated offsetting impacts to Unbilled Revenue"/>
        <s v="Reverse of JE: 110_FA0324A _11152016 - true-up for year 2015 due to error by KPCO Regulatory related to the enviromental surcharge."/>
        <s v="True-up for year 2015 due to error by KPCO Regulatory related to the enviromental surcharge."/>
        <s v="To record a reg. asset for the difference between the $6.2M annual revenue amount authorized to be collected and the amount actually billed under Tariff C. C. from the current month as authorized by the KPSC in the Final Order in Case No. 2014-00396."/>
        <s v="To record reg. asset for the difference between the $6.2M annual revenue amount authorized to be collected and the amount actually billed under Tariff C.C. from July 2015 - May 2016 as authorized by the KPSC in Final Order - Case No. 2014-00396."/>
        <s v="To record reg. asset for the difference between the $6.2M annual revenue amount authorized to be collected and the amount actually billed under Tariff C.C. from Jan 2016 - March 2016 as authorized by the KPSC in Final Order - Case No. 2014-00396."/>
        <s v="To record reg. asset for the difference between the $6.2M annual revenue amount authorized to be collected and the amount actually billed under Tariff C.C. from Oct 2015 - Dec 2015 as authorized by the KPSC in Final Order - Case No. 2014-00396."/>
        <s v="To record reg. asset for the difference between the $6.2M annual revenue amount authorized to be collected and the amount actually billed under Tariff C.C. from July 2015 Sep 2015 as authorized by the KPSC in Final Order - Case No. 2014-00396."/>
      </sharedItems>
    </cacheField>
    <cacheField name="Journal ID" numFmtId="49">
      <sharedItems/>
    </cacheField>
    <cacheField name="ADB Reversal" numFmtId="49">
      <sharedItems/>
    </cacheField>
    <cacheField name="State/Jurisdict" numFmtId="49">
      <sharedItems/>
    </cacheField>
    <cacheField name="Cost Comp" numFmtId="49">
      <sharedItems/>
    </cacheField>
    <cacheField name="ABM Act" numFmtId="49">
      <sharedItems/>
    </cacheField>
    <cacheField name="User" numFmtId="49">
      <sharedItems/>
    </cacheField>
    <cacheField name="Period" numFmtId="0">
      <sharedItems containsSemiMixedTypes="0" containsString="0" containsNumber="1" containsInteger="1" minValue="1" maxValue="12"/>
    </cacheField>
    <cacheField name="Year" numFmtId="0">
      <sharedItems containsSemiMixedTypes="0" containsString="0" containsNumber="1" containsInteger="1" minValue="2016" maxValue="2017"/>
    </cacheField>
  </cacheFields>
  <extLst>
    <ext xmlns:x14="http://schemas.microsoft.com/office/spreadsheetml/2009/9/main" uri="{725AE2AE-9491-48be-B2B4-4EB974FC3084}">
      <x14:pivotCacheDefinition/>
    </ext>
  </extLst>
</pivotCacheDefinition>
</file>

<file path=xl/pivotCache/pivotCacheRecords1.xml><?xml version="1.0" encoding="utf-8"?>
<pivotCacheRecords xmlns="http://schemas.openxmlformats.org/spreadsheetml/2006/main" xmlns:r="http://schemas.openxmlformats.org/officeDocument/2006/relationships" count="5737">
  <r>
    <s v="110"/>
    <d v="2017-01-15T00:00:00"/>
    <x v="0"/>
    <x v="0"/>
    <s v="10828"/>
    <s v="GLNANDA"/>
    <n v="-14198.49"/>
    <n v="-100187"/>
    <s v="Billed Revenues"/>
    <s v="EXV"/>
    <s v="NONBU"/>
    <s v="G0000110"/>
    <s v="N"/>
    <s v="MACSS Dist Billed Revenue-03"/>
    <s v=""/>
    <x v="0"/>
    <s v="CAD0330103"/>
    <s v="S"/>
    <s v="KY"/>
    <s v="REV"/>
    <s v="974"/>
    <s v="GLBATCH"/>
    <n v="1"/>
    <n v="2017"/>
  </r>
  <r>
    <s v="110"/>
    <d v="2017-01-15T00:00:00"/>
    <x v="1"/>
    <x v="0"/>
    <s v="10828"/>
    <s v="GLNANDA"/>
    <n v="-420426.32"/>
    <n v="-3410405"/>
    <s v="Billed Revenues"/>
    <s v="EXV"/>
    <s v="NONBU"/>
    <s v="G0000110"/>
    <s v="N"/>
    <s v="MACSS Dist Billed Revenue-03"/>
    <s v=""/>
    <x v="0"/>
    <s v="CAD0330103"/>
    <s v="S"/>
    <s v="KY"/>
    <s v="REV"/>
    <s v="974"/>
    <s v="GLBATCH"/>
    <n v="1"/>
    <n v="2017"/>
  </r>
  <r>
    <s v="110"/>
    <d v="2017-01-15T00:00:00"/>
    <x v="0"/>
    <x v="0"/>
    <s v="10828"/>
    <s v="GLNANDA"/>
    <n v="0"/>
    <n v="68"/>
    <s v="Billed Revenues"/>
    <s v="EXV"/>
    <s v="NONBU"/>
    <s v="G0000110"/>
    <s v="N"/>
    <s v="MACSS Dist Billed Revenue-03"/>
    <s v=""/>
    <x v="0"/>
    <s v="CAD0330103"/>
    <s v="S"/>
    <s v="KY"/>
    <s v="REV"/>
    <s v="974"/>
    <s v="GLBATCH"/>
    <n v="1"/>
    <n v="2017"/>
  </r>
  <r>
    <s v="110"/>
    <d v="2017-01-15T00:00:00"/>
    <x v="1"/>
    <x v="0"/>
    <s v="10828"/>
    <s v="GLNANDA"/>
    <n v="0"/>
    <n v="2808"/>
    <s v="Billed Revenues"/>
    <s v="EXV"/>
    <s v="NONBU"/>
    <s v="G0000110"/>
    <s v="N"/>
    <s v="MACSS Dist Billed Revenue-03"/>
    <s v=""/>
    <x v="0"/>
    <s v="CAD0330103"/>
    <s v="S"/>
    <s v="KY"/>
    <s v="REV"/>
    <s v="974"/>
    <s v="GLBATCH"/>
    <n v="1"/>
    <n v="2017"/>
  </r>
  <r>
    <s v="110"/>
    <d v="2017-01-15T00:00:00"/>
    <x v="2"/>
    <x v="0"/>
    <s v="10828"/>
    <s v="GLNANDA"/>
    <n v="-222442.17"/>
    <n v="-1733599"/>
    <s v="Billed Revenues"/>
    <s v="EXV"/>
    <s v="NONBU"/>
    <s v="G0000110"/>
    <s v="N"/>
    <s v="MACSS Dist Billed Revenue-03"/>
    <s v=""/>
    <x v="0"/>
    <s v="CAD0330103"/>
    <s v="S"/>
    <s v="KY"/>
    <s v="REV"/>
    <s v="974"/>
    <s v="GLBATCH"/>
    <n v="1"/>
    <n v="2017"/>
  </r>
  <r>
    <s v="110"/>
    <d v="2017-01-15T00:00:00"/>
    <x v="2"/>
    <x v="0"/>
    <s v="10828"/>
    <s v="GLNANDA"/>
    <n v="0"/>
    <n v="996"/>
    <s v="Billed Revenues"/>
    <s v="EXV"/>
    <s v="NONBU"/>
    <s v="G0000110"/>
    <s v="N"/>
    <s v="MACSS Dist Billed Revenue-03"/>
    <s v=""/>
    <x v="0"/>
    <s v="CAD0330103"/>
    <s v="S"/>
    <s v="KY"/>
    <s v="REV"/>
    <s v="974"/>
    <s v="GLBATCH"/>
    <n v="1"/>
    <n v="2017"/>
  </r>
  <r>
    <s v="110"/>
    <d v="2017-01-15T00:00:00"/>
    <x v="3"/>
    <x v="0"/>
    <s v="10828"/>
    <s v="GLNANDA"/>
    <n v="0"/>
    <n v="11"/>
    <s v="Billed Revenues"/>
    <s v="EXV"/>
    <s v="NONBU"/>
    <s v="G0000110"/>
    <s v="N"/>
    <s v="MACSS Dist Billed Revenue-03"/>
    <s v=""/>
    <x v="0"/>
    <s v="CAD0330103"/>
    <s v="S"/>
    <s v="KY"/>
    <s v="REV"/>
    <s v="974"/>
    <s v="GLBATCH"/>
    <n v="1"/>
    <n v="2017"/>
  </r>
  <r>
    <s v="110"/>
    <d v="2017-01-15T00:00:00"/>
    <x v="3"/>
    <x v="0"/>
    <s v="10828"/>
    <s v="GLNANDA"/>
    <n v="-71960.460000000006"/>
    <n v="-743596"/>
    <s v="Billed Revenues"/>
    <s v="EXV"/>
    <s v="NONBU"/>
    <s v="G0000110"/>
    <s v="N"/>
    <s v="MACSS Dist Billed Revenue-03"/>
    <s v=""/>
    <x v="0"/>
    <s v="CAD0330103"/>
    <s v="S"/>
    <s v="KY"/>
    <s v="REV"/>
    <s v="974"/>
    <s v="GLBATCH"/>
    <n v="1"/>
    <n v="2017"/>
  </r>
  <r>
    <s v="110"/>
    <d v="2017-01-15T00:00:00"/>
    <x v="4"/>
    <x v="0"/>
    <s v="10828"/>
    <s v="GLNANDA"/>
    <n v="-1059497.5"/>
    <n v="-8942180"/>
    <s v="Billed Revenues"/>
    <s v="EXV"/>
    <s v="NONBU"/>
    <s v="G0000110"/>
    <s v="N"/>
    <s v="MACSS Dist Billed Revenue-03"/>
    <s v=""/>
    <x v="0"/>
    <s v="CAD0330103"/>
    <s v="S"/>
    <s v="KY"/>
    <s v="REV"/>
    <s v="974"/>
    <s v="GLBATCH"/>
    <n v="1"/>
    <n v="2017"/>
  </r>
  <r>
    <s v="110"/>
    <d v="2017-01-15T00:00:00"/>
    <x v="4"/>
    <x v="0"/>
    <s v="10828"/>
    <s v="GLNANDA"/>
    <n v="0"/>
    <n v="4470"/>
    <s v="Billed Revenues"/>
    <s v="EXV"/>
    <s v="NONBU"/>
    <s v="G0000110"/>
    <s v="N"/>
    <s v="MACSS Dist Billed Revenue-03"/>
    <s v=""/>
    <x v="0"/>
    <s v="CAD0330103"/>
    <s v="S"/>
    <s v="KY"/>
    <s v="REV"/>
    <s v="974"/>
    <s v="GLBATCH"/>
    <n v="1"/>
    <n v="2017"/>
  </r>
  <r>
    <s v="110"/>
    <d v="2017-01-15T00:00:00"/>
    <x v="5"/>
    <x v="0"/>
    <s v="10828"/>
    <s v="GLNANDA"/>
    <n v="-27929.41"/>
    <n v="-218601"/>
    <s v="Billed Revenues"/>
    <s v="EXV"/>
    <s v="NONBU"/>
    <s v="G0000110"/>
    <s v="N"/>
    <s v="MACSS Dist Billed Revenue-03"/>
    <s v=""/>
    <x v="0"/>
    <s v="CAD0330103"/>
    <s v="S"/>
    <s v="KY"/>
    <s v="REV"/>
    <s v="974"/>
    <s v="GLBATCH"/>
    <n v="1"/>
    <n v="2017"/>
  </r>
  <r>
    <s v="110"/>
    <d v="2017-01-15T00:00:00"/>
    <x v="5"/>
    <x v="0"/>
    <s v="10828"/>
    <s v="GLNANDA"/>
    <n v="0"/>
    <n v="64"/>
    <s v="Billed Revenues"/>
    <s v="EXV"/>
    <s v="NONBU"/>
    <s v="G0000110"/>
    <s v="N"/>
    <s v="MACSS Dist Billed Revenue-03"/>
    <s v=""/>
    <x v="0"/>
    <s v="CAD0330103"/>
    <s v="S"/>
    <s v="KY"/>
    <s v="REV"/>
    <s v="974"/>
    <s v="GLBATCH"/>
    <n v="1"/>
    <n v="2017"/>
  </r>
  <r>
    <s v="110"/>
    <d v="2017-01-15T00:00:00"/>
    <x v="6"/>
    <x v="0"/>
    <s v="10828"/>
    <s v="GLNANDA"/>
    <n v="-1402.31"/>
    <n v="-9928"/>
    <s v="Billed Revenues"/>
    <s v="EXV"/>
    <s v="NONBU"/>
    <s v="G0000110"/>
    <s v="N"/>
    <s v="MACSS Dist Billed Revenue-03"/>
    <s v=""/>
    <x v="0"/>
    <s v="CAD0330103"/>
    <s v="S"/>
    <s v="KY"/>
    <s v="REV"/>
    <s v="974"/>
    <s v="GLBATCH"/>
    <n v="1"/>
    <n v="2017"/>
  </r>
  <r>
    <s v="110"/>
    <d v="2017-01-15T00:00:00"/>
    <x v="6"/>
    <x v="0"/>
    <s v="10828"/>
    <s v="GLNANDA"/>
    <n v="0"/>
    <n v="9"/>
    <s v="Billed Revenues"/>
    <s v="EXV"/>
    <s v="NONBU"/>
    <s v="G0000110"/>
    <s v="N"/>
    <s v="MACSS Dist Billed Revenue-03"/>
    <s v=""/>
    <x v="0"/>
    <s v="CAD0330103"/>
    <s v="S"/>
    <s v="KY"/>
    <s v="REV"/>
    <s v="974"/>
    <s v="GLBATCH"/>
    <n v="1"/>
    <n v="2017"/>
  </r>
  <r>
    <s v="110"/>
    <d v="2017-01-15T00:00:00"/>
    <x v="7"/>
    <x v="0"/>
    <s v="10828"/>
    <s v="GLNANDA"/>
    <n v="-40661.86"/>
    <n v="-333292"/>
    <s v="Billed Revenues"/>
    <s v="EXV"/>
    <s v="NONBU"/>
    <s v="G0000110"/>
    <s v="N"/>
    <s v="MACSS Dist Billed Revenue-03"/>
    <s v=""/>
    <x v="0"/>
    <s v="CAD0330103"/>
    <s v="S"/>
    <s v="KY"/>
    <s v="REV"/>
    <s v="974"/>
    <s v="GLBATCH"/>
    <n v="1"/>
    <n v="2017"/>
  </r>
  <r>
    <s v="110"/>
    <d v="2017-01-15T00:00:00"/>
    <x v="7"/>
    <x v="0"/>
    <s v="10828"/>
    <s v="GLNANDA"/>
    <n v="0"/>
    <n v="16"/>
    <s v="Billed Revenues"/>
    <s v="EXV"/>
    <s v="NONBU"/>
    <s v="G0000110"/>
    <s v="N"/>
    <s v="MACSS Dist Billed Revenue-03"/>
    <s v=""/>
    <x v="0"/>
    <s v="CAD0330103"/>
    <s v="S"/>
    <s v="KY"/>
    <s v="REV"/>
    <s v="974"/>
    <s v="GLBATCH"/>
    <n v="1"/>
    <n v="2017"/>
  </r>
  <r>
    <s v="110"/>
    <d v="2016-12-15T00:00:00"/>
    <x v="5"/>
    <x v="0"/>
    <s v="10828"/>
    <s v="GLNANDA"/>
    <n v="0"/>
    <n v="6"/>
    <s v="Billed Revenues"/>
    <s v="EXV"/>
    <s v="NONBU"/>
    <s v="G0000110"/>
    <s v="N"/>
    <s v="MACSS Dist Billed Revenue-03"/>
    <s v=""/>
    <x v="0"/>
    <s v="CAD0330103"/>
    <s v="S"/>
    <s v="KY"/>
    <s v="REV"/>
    <s v="974"/>
    <s v="GLBATCH"/>
    <n v="12"/>
    <n v="2016"/>
  </r>
  <r>
    <s v="110"/>
    <d v="2016-12-15T00:00:00"/>
    <x v="5"/>
    <x v="0"/>
    <s v="10828"/>
    <s v="GLNANDA"/>
    <n v="-44763.11"/>
    <n v="-491228"/>
    <s v="Billed Revenues"/>
    <s v="EXV"/>
    <s v="NONBU"/>
    <s v="G0000110"/>
    <s v="N"/>
    <s v="MACSS Dist Billed Revenue-03"/>
    <s v=""/>
    <x v="0"/>
    <s v="CAD0330103"/>
    <s v="S"/>
    <s v="KY"/>
    <s v="REV"/>
    <s v="974"/>
    <s v="GLBATCH"/>
    <n v="12"/>
    <n v="2016"/>
  </r>
  <r>
    <s v="110"/>
    <d v="2016-12-15T00:00:00"/>
    <x v="0"/>
    <x v="0"/>
    <s v="10828"/>
    <s v="GLNANDA"/>
    <n v="0"/>
    <n v="3"/>
    <s v="Billed Revenues"/>
    <s v="EXV"/>
    <s v="NONBU"/>
    <s v="G0000110"/>
    <s v="N"/>
    <s v="MACSS Dist Billed Revenue-03"/>
    <s v=""/>
    <x v="0"/>
    <s v="CAD0330103"/>
    <s v="S"/>
    <s v="KY"/>
    <s v="REV"/>
    <s v="974"/>
    <s v="GLBATCH"/>
    <n v="12"/>
    <n v="2016"/>
  </r>
  <r>
    <s v="110"/>
    <d v="2016-12-15T00:00:00"/>
    <x v="0"/>
    <x v="0"/>
    <s v="10828"/>
    <s v="GLNANDA"/>
    <n v="-6465662.7300000004"/>
    <n v="-103920000"/>
    <s v="Billed Revenues"/>
    <s v="EXV"/>
    <s v="NONBU"/>
    <s v="G0000110"/>
    <s v="N"/>
    <s v="MACSS Dist Billed Revenue-03"/>
    <s v=""/>
    <x v="0"/>
    <s v="CAD0330103"/>
    <s v="S"/>
    <s v="KY"/>
    <s v="REV"/>
    <s v="974"/>
    <s v="GLBATCH"/>
    <n v="12"/>
    <n v="2016"/>
  </r>
  <r>
    <s v="110"/>
    <d v="2016-12-15T00:00:00"/>
    <x v="4"/>
    <x v="0"/>
    <s v="10828"/>
    <s v="GLNANDA"/>
    <n v="-976.89"/>
    <n v="-7842"/>
    <s v="Billed Revenues"/>
    <s v="EXV"/>
    <s v="NONBU"/>
    <s v="G0000110"/>
    <s v="N"/>
    <s v="MACSS Dist Billed Revenue-03"/>
    <s v=""/>
    <x v="0"/>
    <s v="CAD0330103"/>
    <s v="S"/>
    <s v="KY"/>
    <s v="REV"/>
    <s v="974"/>
    <s v="GLBATCH"/>
    <n v="12"/>
    <n v="2016"/>
  </r>
  <r>
    <s v="110"/>
    <d v="2016-12-15T00:00:00"/>
    <x v="4"/>
    <x v="0"/>
    <s v="10828"/>
    <s v="GLNANDA"/>
    <n v="0"/>
    <n v="9"/>
    <s v="Billed Revenues"/>
    <s v="EXV"/>
    <s v="NONBU"/>
    <s v="G0000110"/>
    <s v="N"/>
    <s v="MACSS Dist Billed Revenue-03"/>
    <s v=""/>
    <x v="0"/>
    <s v="CAD0330103"/>
    <s v="S"/>
    <s v="KY"/>
    <s v="REV"/>
    <s v="974"/>
    <s v="GLBATCH"/>
    <n v="12"/>
    <n v="2016"/>
  </r>
  <r>
    <s v="110"/>
    <d v="2016-12-15T00:00:00"/>
    <x v="6"/>
    <x v="0"/>
    <s v="10828"/>
    <s v="GLNANDA"/>
    <n v="-114825.71"/>
    <n v="-726458"/>
    <s v="Billed Revenues"/>
    <s v="EXV"/>
    <s v="NONBU"/>
    <s v="G0000110"/>
    <s v="N"/>
    <s v="MACSS Dist Billed Revenue-03"/>
    <s v=""/>
    <x v="0"/>
    <s v="CAD0330103"/>
    <s v="S"/>
    <s v="KY"/>
    <s v="REV"/>
    <s v="974"/>
    <s v="GLBATCH"/>
    <n v="12"/>
    <n v="2016"/>
  </r>
  <r>
    <s v="110"/>
    <d v="2016-12-15T00:00:00"/>
    <x v="3"/>
    <x v="0"/>
    <s v="10828"/>
    <s v="GLNANDA"/>
    <n v="-24215.1"/>
    <n v="-243165"/>
    <s v="Billed Revenues"/>
    <s v="EXV"/>
    <s v="NONBU"/>
    <s v="G0000110"/>
    <s v="N"/>
    <s v="MACSS Dist Billed Revenue-03"/>
    <s v=""/>
    <x v="0"/>
    <s v="CAD0330103"/>
    <s v="S"/>
    <s v="KY"/>
    <s v="REV"/>
    <s v="974"/>
    <s v="GLBATCH"/>
    <n v="12"/>
    <n v="2016"/>
  </r>
  <r>
    <s v="110"/>
    <d v="2016-12-15T00:00:00"/>
    <x v="2"/>
    <x v="0"/>
    <s v="10828"/>
    <s v="GLNANDA"/>
    <n v="-60592.23"/>
    <n v="-673644"/>
    <s v="Billed Revenues"/>
    <s v="EXV"/>
    <s v="NONBU"/>
    <s v="G0000110"/>
    <s v="N"/>
    <s v="MACSS Dist Billed Revenue-03"/>
    <s v=""/>
    <x v="0"/>
    <s v="CAD0330103"/>
    <s v="S"/>
    <s v="KY"/>
    <s v="REV"/>
    <s v="974"/>
    <s v="GLBATCH"/>
    <n v="12"/>
    <n v="2016"/>
  </r>
  <r>
    <s v="110"/>
    <d v="2016-12-15T00:00:00"/>
    <x v="2"/>
    <x v="0"/>
    <s v="10828"/>
    <s v="GLNANDA"/>
    <n v="0"/>
    <n v="10"/>
    <s v="Billed Revenues"/>
    <s v="EXV"/>
    <s v="NONBU"/>
    <s v="G0000110"/>
    <s v="N"/>
    <s v="MACSS Dist Billed Revenue-03"/>
    <s v=""/>
    <x v="0"/>
    <s v="CAD0330103"/>
    <s v="S"/>
    <s v="KY"/>
    <s v="REV"/>
    <s v="974"/>
    <s v="GLBATCH"/>
    <n v="12"/>
    <n v="2016"/>
  </r>
  <r>
    <s v="110"/>
    <d v="2016-12-15T00:00:00"/>
    <x v="1"/>
    <x v="0"/>
    <s v="10828"/>
    <s v="GLNANDA"/>
    <n v="0"/>
    <n v="2"/>
    <s v="Billed Revenues"/>
    <s v="EXV"/>
    <s v="NONBU"/>
    <s v="G0000110"/>
    <s v="N"/>
    <s v="MACSS Dist Billed Revenue-03"/>
    <s v=""/>
    <x v="0"/>
    <s v="CAD0330103"/>
    <s v="S"/>
    <s v="KY"/>
    <s v="REV"/>
    <s v="974"/>
    <s v="GLBATCH"/>
    <n v="12"/>
    <n v="2016"/>
  </r>
  <r>
    <s v="110"/>
    <d v="2016-12-15T00:00:00"/>
    <x v="1"/>
    <x v="0"/>
    <s v="10828"/>
    <s v="GLNANDA"/>
    <n v="-124.26"/>
    <n v="-1221"/>
    <s v="Billed Revenues"/>
    <s v="EXV"/>
    <s v="NONBU"/>
    <s v="G0000110"/>
    <s v="N"/>
    <s v="MACSS Dist Billed Revenue-03"/>
    <s v=""/>
    <x v="0"/>
    <s v="CAD0330103"/>
    <s v="S"/>
    <s v="KY"/>
    <s v="REV"/>
    <s v="974"/>
    <s v="GLBATCH"/>
    <n v="12"/>
    <n v="2016"/>
  </r>
  <r>
    <s v="110"/>
    <d v="2016-12-15T00:00:00"/>
    <x v="6"/>
    <x v="0"/>
    <s v="10828"/>
    <s v="GLNANDA"/>
    <n v="0"/>
    <n v="43"/>
    <s v="Billed Revenues"/>
    <s v="EXV"/>
    <s v="NONBU"/>
    <s v="G0000110"/>
    <s v="N"/>
    <s v="MACSS Dist Billed Revenue-03"/>
    <s v=""/>
    <x v="0"/>
    <s v="CAD0330103"/>
    <s v="S"/>
    <s v="KY"/>
    <s v="REV"/>
    <s v="974"/>
    <s v="GLBATCH"/>
    <n v="12"/>
    <n v="2016"/>
  </r>
  <r>
    <s v="110"/>
    <d v="2016-12-15T00:00:00"/>
    <x v="3"/>
    <x v="0"/>
    <s v="10828"/>
    <s v="GLNANDA"/>
    <n v="0"/>
    <n v="8"/>
    <s v="Billed Revenues"/>
    <s v="EXV"/>
    <s v="NONBU"/>
    <s v="G0000110"/>
    <s v="N"/>
    <s v="MACSS Dist Billed Revenue-03"/>
    <s v=""/>
    <x v="0"/>
    <s v="CAD0330103"/>
    <s v="S"/>
    <s v="KY"/>
    <s v="REV"/>
    <s v="974"/>
    <s v="GLBATCH"/>
    <n v="12"/>
    <n v="2016"/>
  </r>
  <r>
    <s v="110"/>
    <d v="2017-01-15T00:00:00"/>
    <x v="1"/>
    <x v="0"/>
    <s v="10828"/>
    <s v="GLNANDA"/>
    <n v="-416485.84"/>
    <n v="-3390584"/>
    <s v="Billed Revenues"/>
    <s v="EXV"/>
    <s v="NONBU"/>
    <s v="G0000110"/>
    <s v="N"/>
    <s v="MACSS Dist Billed Revenue-03"/>
    <s v=""/>
    <x v="0"/>
    <s v="CAD0330104"/>
    <s v="S"/>
    <s v="KY"/>
    <s v="REV"/>
    <s v="974"/>
    <s v="GLBATCH"/>
    <n v="1"/>
    <n v="2017"/>
  </r>
  <r>
    <s v="110"/>
    <d v="2017-01-15T00:00:00"/>
    <x v="1"/>
    <x v="0"/>
    <s v="10828"/>
    <s v="GLNANDA"/>
    <n v="0"/>
    <n v="2687"/>
    <s v="Billed Revenues"/>
    <s v="EXV"/>
    <s v="NONBU"/>
    <s v="G0000110"/>
    <s v="N"/>
    <s v="MACSS Dist Billed Revenue-03"/>
    <s v=""/>
    <x v="0"/>
    <s v="CAD0330104"/>
    <s v="S"/>
    <s v="KY"/>
    <s v="REV"/>
    <s v="974"/>
    <s v="GLBATCH"/>
    <n v="1"/>
    <n v="2017"/>
  </r>
  <r>
    <s v="110"/>
    <d v="2017-01-15T00:00:00"/>
    <x v="4"/>
    <x v="0"/>
    <s v="10828"/>
    <s v="GLNANDA"/>
    <n v="-980813.53"/>
    <n v="-8314005"/>
    <s v="Billed Revenues"/>
    <s v="EXV"/>
    <s v="NONBU"/>
    <s v="G0000110"/>
    <s v="N"/>
    <s v="MACSS Dist Billed Revenue-03"/>
    <s v=""/>
    <x v="0"/>
    <s v="CAD0330104"/>
    <s v="S"/>
    <s v="KY"/>
    <s v="REV"/>
    <s v="974"/>
    <s v="GLBATCH"/>
    <n v="1"/>
    <n v="2017"/>
  </r>
  <r>
    <s v="110"/>
    <d v="2017-01-15T00:00:00"/>
    <x v="4"/>
    <x v="0"/>
    <s v="10828"/>
    <s v="GLNANDA"/>
    <n v="0"/>
    <n v="3883"/>
    <s v="Billed Revenues"/>
    <s v="EXV"/>
    <s v="NONBU"/>
    <s v="G0000110"/>
    <s v="N"/>
    <s v="MACSS Dist Billed Revenue-03"/>
    <s v=""/>
    <x v="0"/>
    <s v="CAD0330104"/>
    <s v="S"/>
    <s v="KY"/>
    <s v="REV"/>
    <s v="974"/>
    <s v="GLBATCH"/>
    <n v="1"/>
    <n v="2017"/>
  </r>
  <r>
    <s v="110"/>
    <d v="2017-01-15T00:00:00"/>
    <x v="6"/>
    <x v="0"/>
    <s v="10828"/>
    <s v="GLNANDA"/>
    <n v="-2663.69"/>
    <n v="-19205"/>
    <s v="Billed Revenues"/>
    <s v="EXV"/>
    <s v="NONBU"/>
    <s v="G0000110"/>
    <s v="N"/>
    <s v="MACSS Dist Billed Revenue-03"/>
    <s v=""/>
    <x v="0"/>
    <s v="CAD0330104"/>
    <s v="S"/>
    <s v="KY"/>
    <s v="REV"/>
    <s v="974"/>
    <s v="GLBATCH"/>
    <n v="1"/>
    <n v="2017"/>
  </r>
  <r>
    <s v="110"/>
    <d v="2017-01-15T00:00:00"/>
    <x v="6"/>
    <x v="0"/>
    <s v="10828"/>
    <s v="GLNANDA"/>
    <n v="0"/>
    <n v="18"/>
    <s v="Billed Revenues"/>
    <s v="EXV"/>
    <s v="NONBU"/>
    <s v="G0000110"/>
    <s v="N"/>
    <s v="MACSS Dist Billed Revenue-03"/>
    <s v=""/>
    <x v="0"/>
    <s v="CAD0330104"/>
    <s v="S"/>
    <s v="KY"/>
    <s v="REV"/>
    <s v="974"/>
    <s v="GLBATCH"/>
    <n v="1"/>
    <n v="2017"/>
  </r>
  <r>
    <s v="110"/>
    <d v="2017-01-15T00:00:00"/>
    <x v="5"/>
    <x v="0"/>
    <s v="10828"/>
    <s v="GLNANDA"/>
    <n v="-35963.08"/>
    <n v="-291268"/>
    <s v="Billed Revenues"/>
    <s v="EXV"/>
    <s v="NONBU"/>
    <s v="G0000110"/>
    <s v="N"/>
    <s v="MACSS Dist Billed Revenue-03"/>
    <s v=""/>
    <x v="0"/>
    <s v="CAD0330104"/>
    <s v="S"/>
    <s v="KY"/>
    <s v="REV"/>
    <s v="974"/>
    <s v="GLBATCH"/>
    <n v="1"/>
    <n v="2017"/>
  </r>
  <r>
    <s v="110"/>
    <d v="2017-01-15T00:00:00"/>
    <x v="7"/>
    <x v="0"/>
    <s v="10828"/>
    <s v="GLNANDA"/>
    <n v="0"/>
    <n v="46"/>
    <s v="Billed Revenues"/>
    <s v="EXV"/>
    <s v="NONBU"/>
    <s v="G0000110"/>
    <s v="N"/>
    <s v="MACSS Dist Billed Revenue-03"/>
    <s v=""/>
    <x v="0"/>
    <s v="CAD0330104"/>
    <s v="S"/>
    <s v="KY"/>
    <s v="REV"/>
    <s v="974"/>
    <s v="GLBATCH"/>
    <n v="1"/>
    <n v="2017"/>
  </r>
  <r>
    <s v="110"/>
    <d v="2017-01-15T00:00:00"/>
    <x v="7"/>
    <x v="0"/>
    <s v="10828"/>
    <s v="GLNANDA"/>
    <n v="-93168.56"/>
    <n v="-739902"/>
    <s v="Billed Revenues"/>
    <s v="EXV"/>
    <s v="NONBU"/>
    <s v="G0000110"/>
    <s v="N"/>
    <s v="MACSS Dist Billed Revenue-03"/>
    <s v=""/>
    <x v="0"/>
    <s v="CAD0330104"/>
    <s v="S"/>
    <s v="KY"/>
    <s v="REV"/>
    <s v="974"/>
    <s v="GLBATCH"/>
    <n v="1"/>
    <n v="2017"/>
  </r>
  <r>
    <s v="110"/>
    <d v="2017-01-15T00:00:00"/>
    <x v="5"/>
    <x v="0"/>
    <s v="10828"/>
    <s v="GLNANDA"/>
    <n v="0"/>
    <n v="63"/>
    <s v="Billed Revenues"/>
    <s v="EXV"/>
    <s v="NONBU"/>
    <s v="G0000110"/>
    <s v="N"/>
    <s v="MACSS Dist Billed Revenue-03"/>
    <s v=""/>
    <x v="0"/>
    <s v="CAD0330104"/>
    <s v="S"/>
    <s v="KY"/>
    <s v="REV"/>
    <s v="974"/>
    <s v="GLBATCH"/>
    <n v="1"/>
    <n v="2017"/>
  </r>
  <r>
    <s v="110"/>
    <d v="2017-01-15T00:00:00"/>
    <x v="0"/>
    <x v="0"/>
    <s v="10828"/>
    <s v="GLNANDA"/>
    <n v="-221423.6"/>
    <n v="-2670126"/>
    <s v="Billed Revenues"/>
    <s v="EXV"/>
    <s v="NONBU"/>
    <s v="G0000110"/>
    <s v="N"/>
    <s v="MACSS Dist Billed Revenue-03"/>
    <s v=""/>
    <x v="0"/>
    <s v="CAD0330104"/>
    <s v="S"/>
    <s v="KY"/>
    <s v="REV"/>
    <s v="974"/>
    <s v="GLBATCH"/>
    <n v="1"/>
    <n v="2017"/>
  </r>
  <r>
    <s v="110"/>
    <d v="2017-01-15T00:00:00"/>
    <x v="0"/>
    <x v="0"/>
    <s v="10828"/>
    <s v="GLNANDA"/>
    <n v="0"/>
    <n v="35"/>
    <s v="Billed Revenues"/>
    <s v="EXV"/>
    <s v="NONBU"/>
    <s v="G0000110"/>
    <s v="N"/>
    <s v="MACSS Dist Billed Revenue-03"/>
    <s v=""/>
    <x v="0"/>
    <s v="CAD0330104"/>
    <s v="S"/>
    <s v="KY"/>
    <s v="REV"/>
    <s v="974"/>
    <s v="GLBATCH"/>
    <n v="1"/>
    <n v="2017"/>
  </r>
  <r>
    <s v="110"/>
    <d v="2017-01-15T00:00:00"/>
    <x v="3"/>
    <x v="0"/>
    <s v="10828"/>
    <s v="GLNANDA"/>
    <n v="-233382.91"/>
    <n v="-2427872"/>
    <s v="Billed Revenues"/>
    <s v="EXV"/>
    <s v="NONBU"/>
    <s v="G0000110"/>
    <s v="N"/>
    <s v="MACSS Dist Billed Revenue-03"/>
    <s v=""/>
    <x v="0"/>
    <s v="CAD0330104"/>
    <s v="S"/>
    <s v="KY"/>
    <s v="REV"/>
    <s v="974"/>
    <s v="GLBATCH"/>
    <n v="1"/>
    <n v="2017"/>
  </r>
  <r>
    <s v="110"/>
    <d v="2017-01-15T00:00:00"/>
    <x v="3"/>
    <x v="0"/>
    <s v="10828"/>
    <s v="GLNANDA"/>
    <n v="0"/>
    <n v="15"/>
    <s v="Billed Revenues"/>
    <s v="EXV"/>
    <s v="NONBU"/>
    <s v="G0000110"/>
    <s v="N"/>
    <s v="MACSS Dist Billed Revenue-03"/>
    <s v=""/>
    <x v="0"/>
    <s v="CAD0330104"/>
    <s v="S"/>
    <s v="KY"/>
    <s v="REV"/>
    <s v="974"/>
    <s v="GLBATCH"/>
    <n v="1"/>
    <n v="2017"/>
  </r>
  <r>
    <s v="110"/>
    <d v="2017-01-15T00:00:00"/>
    <x v="2"/>
    <x v="0"/>
    <s v="10828"/>
    <s v="GLNANDA"/>
    <n v="-319190.58"/>
    <n v="-2737658"/>
    <s v="Billed Revenues"/>
    <s v="EXV"/>
    <s v="NONBU"/>
    <s v="G0000110"/>
    <s v="N"/>
    <s v="MACSS Dist Billed Revenue-03"/>
    <s v=""/>
    <x v="0"/>
    <s v="CAD0330104"/>
    <s v="S"/>
    <s v="KY"/>
    <s v="REV"/>
    <s v="974"/>
    <s v="GLBATCH"/>
    <n v="1"/>
    <n v="2017"/>
  </r>
  <r>
    <s v="110"/>
    <d v="2017-01-15T00:00:00"/>
    <x v="2"/>
    <x v="0"/>
    <s v="10828"/>
    <s v="GLNANDA"/>
    <n v="0"/>
    <n v="1095"/>
    <s v="Billed Revenues"/>
    <s v="EXV"/>
    <s v="NONBU"/>
    <s v="G0000110"/>
    <s v="N"/>
    <s v="MACSS Dist Billed Revenue-03"/>
    <s v=""/>
    <x v="0"/>
    <s v="CAD0330104"/>
    <s v="S"/>
    <s v="KY"/>
    <s v="REV"/>
    <s v="974"/>
    <s v="GLBATCH"/>
    <n v="1"/>
    <n v="2017"/>
  </r>
  <r>
    <s v="110"/>
    <d v="2017-01-15T00:00:00"/>
    <x v="4"/>
    <x v="0"/>
    <s v="10828"/>
    <s v="GLNANDA"/>
    <n v="-882294.42"/>
    <n v="-7468057"/>
    <s v="Billed Revenues"/>
    <s v="EXV"/>
    <s v="NONBU"/>
    <s v="G0000110"/>
    <s v="N"/>
    <s v="MACSS Dist Billed Revenue-03"/>
    <s v=""/>
    <x v="0"/>
    <s v="CAD0330105"/>
    <s v="S"/>
    <s v="KY"/>
    <s v="REV"/>
    <s v="974"/>
    <s v="GLBATCH"/>
    <n v="1"/>
    <n v="2017"/>
  </r>
  <r>
    <s v="110"/>
    <d v="2017-01-15T00:00:00"/>
    <x v="0"/>
    <x v="0"/>
    <s v="10828"/>
    <s v="GLNANDA"/>
    <n v="0"/>
    <n v="31"/>
    <s v="Billed Revenues"/>
    <s v="EXV"/>
    <s v="NONBU"/>
    <s v="G0000110"/>
    <s v="N"/>
    <s v="MACSS Dist Billed Revenue-03"/>
    <s v=""/>
    <x v="0"/>
    <s v="CAD0330105"/>
    <s v="S"/>
    <s v="KY"/>
    <s v="REV"/>
    <s v="974"/>
    <s v="GLBATCH"/>
    <n v="1"/>
    <n v="2017"/>
  </r>
  <r>
    <s v="110"/>
    <d v="2017-01-15T00:00:00"/>
    <x v="3"/>
    <x v="0"/>
    <s v="10828"/>
    <s v="GLNANDA"/>
    <n v="0"/>
    <n v="9"/>
    <s v="Billed Revenues"/>
    <s v="EXV"/>
    <s v="NONBU"/>
    <s v="G0000110"/>
    <s v="N"/>
    <s v="MACSS Dist Billed Revenue-03"/>
    <s v=""/>
    <x v="0"/>
    <s v="CAD0330105"/>
    <s v="S"/>
    <s v="KY"/>
    <s v="REV"/>
    <s v="974"/>
    <s v="GLBATCH"/>
    <n v="1"/>
    <n v="2017"/>
  </r>
  <r>
    <s v="110"/>
    <d v="2017-01-15T00:00:00"/>
    <x v="3"/>
    <x v="0"/>
    <s v="10828"/>
    <s v="GLNANDA"/>
    <n v="-19150.310000000001"/>
    <n v="-145489"/>
    <s v="Billed Revenues"/>
    <s v="EXV"/>
    <s v="NONBU"/>
    <s v="G0000110"/>
    <s v="N"/>
    <s v="MACSS Dist Billed Revenue-03"/>
    <s v=""/>
    <x v="0"/>
    <s v="CAD0330105"/>
    <s v="S"/>
    <s v="KY"/>
    <s v="REV"/>
    <s v="974"/>
    <s v="GLBATCH"/>
    <n v="1"/>
    <n v="2017"/>
  </r>
  <r>
    <s v="110"/>
    <d v="2017-01-15T00:00:00"/>
    <x v="5"/>
    <x v="0"/>
    <s v="10828"/>
    <s v="GLNANDA"/>
    <n v="-217200.98"/>
    <n v="-2172100"/>
    <s v="Billed Revenues"/>
    <s v="EXV"/>
    <s v="NONBU"/>
    <s v="G0000110"/>
    <s v="N"/>
    <s v="MACSS Dist Billed Revenue-03"/>
    <s v=""/>
    <x v="0"/>
    <s v="CAD0330105"/>
    <s v="S"/>
    <s v="KY"/>
    <s v="REV"/>
    <s v="974"/>
    <s v="GLBATCH"/>
    <n v="1"/>
    <n v="2017"/>
  </r>
  <r>
    <s v="110"/>
    <d v="2017-01-15T00:00:00"/>
    <x v="5"/>
    <x v="0"/>
    <s v="10828"/>
    <s v="GLNANDA"/>
    <n v="0"/>
    <n v="158"/>
    <s v="Billed Revenues"/>
    <s v="EXV"/>
    <s v="NONBU"/>
    <s v="G0000110"/>
    <s v="N"/>
    <s v="MACSS Dist Billed Revenue-03"/>
    <s v=""/>
    <x v="0"/>
    <s v="CAD0330105"/>
    <s v="S"/>
    <s v="KY"/>
    <s v="REV"/>
    <s v="974"/>
    <s v="GLBATCH"/>
    <n v="1"/>
    <n v="2017"/>
  </r>
  <r>
    <s v="110"/>
    <d v="2017-01-15T00:00:00"/>
    <x v="7"/>
    <x v="0"/>
    <s v="10828"/>
    <s v="GLNANDA"/>
    <n v="-67485.16"/>
    <n v="-539587"/>
    <s v="Billed Revenues"/>
    <s v="EXV"/>
    <s v="NONBU"/>
    <s v="G0000110"/>
    <s v="N"/>
    <s v="MACSS Dist Billed Revenue-03"/>
    <s v=""/>
    <x v="0"/>
    <s v="CAD0330105"/>
    <s v="S"/>
    <s v="KY"/>
    <s v="REV"/>
    <s v="974"/>
    <s v="GLBATCH"/>
    <n v="1"/>
    <n v="2017"/>
  </r>
  <r>
    <s v="110"/>
    <d v="2017-01-15T00:00:00"/>
    <x v="7"/>
    <x v="0"/>
    <s v="10828"/>
    <s v="GLNANDA"/>
    <n v="0"/>
    <n v="31"/>
    <s v="Billed Revenues"/>
    <s v="EXV"/>
    <s v="NONBU"/>
    <s v="G0000110"/>
    <s v="N"/>
    <s v="MACSS Dist Billed Revenue-03"/>
    <s v=""/>
    <x v="0"/>
    <s v="CAD0330105"/>
    <s v="S"/>
    <s v="KY"/>
    <s v="REV"/>
    <s v="974"/>
    <s v="GLBATCH"/>
    <n v="1"/>
    <n v="2017"/>
  </r>
  <r>
    <s v="110"/>
    <d v="2017-01-15T00:00:00"/>
    <x v="6"/>
    <x v="0"/>
    <s v="10828"/>
    <s v="GLNANDA"/>
    <n v="0"/>
    <n v="20"/>
    <s v="Billed Revenues"/>
    <s v="EXV"/>
    <s v="NONBU"/>
    <s v="G0000110"/>
    <s v="N"/>
    <s v="MACSS Dist Billed Revenue-03"/>
    <s v=""/>
    <x v="0"/>
    <s v="CAD0330105"/>
    <s v="S"/>
    <s v="KY"/>
    <s v="REV"/>
    <s v="974"/>
    <s v="GLBATCH"/>
    <n v="1"/>
    <n v="2017"/>
  </r>
  <r>
    <s v="110"/>
    <d v="2017-01-15T00:00:00"/>
    <x v="6"/>
    <x v="0"/>
    <s v="10828"/>
    <s v="GLNANDA"/>
    <n v="-821.18"/>
    <n v="-2245"/>
    <s v="Billed Revenues"/>
    <s v="EXV"/>
    <s v="NONBU"/>
    <s v="G0000110"/>
    <s v="N"/>
    <s v="MACSS Dist Billed Revenue-03"/>
    <s v=""/>
    <x v="0"/>
    <s v="CAD0330105"/>
    <s v="S"/>
    <s v="KY"/>
    <s v="REV"/>
    <s v="974"/>
    <s v="GLBATCH"/>
    <n v="1"/>
    <n v="2017"/>
  </r>
  <r>
    <s v="110"/>
    <d v="2017-01-15T00:00:00"/>
    <x v="1"/>
    <x v="0"/>
    <s v="10828"/>
    <s v="GLNANDA"/>
    <n v="0"/>
    <n v="3362"/>
    <s v="Billed Revenues"/>
    <s v="EXV"/>
    <s v="NONBU"/>
    <s v="G0000110"/>
    <s v="N"/>
    <s v="MACSS Dist Billed Revenue-03"/>
    <s v=""/>
    <x v="0"/>
    <s v="CAD0330105"/>
    <s v="S"/>
    <s v="KY"/>
    <s v="REV"/>
    <s v="974"/>
    <s v="GLBATCH"/>
    <n v="1"/>
    <n v="2017"/>
  </r>
  <r>
    <s v="110"/>
    <d v="2017-01-15T00:00:00"/>
    <x v="1"/>
    <x v="0"/>
    <s v="10828"/>
    <s v="GLNANDA"/>
    <n v="-501557.65"/>
    <n v="-4090868"/>
    <s v="Billed Revenues"/>
    <s v="EXV"/>
    <s v="NONBU"/>
    <s v="G0000110"/>
    <s v="N"/>
    <s v="MACSS Dist Billed Revenue-03"/>
    <s v=""/>
    <x v="0"/>
    <s v="CAD0330105"/>
    <s v="S"/>
    <s v="KY"/>
    <s v="REV"/>
    <s v="974"/>
    <s v="GLBATCH"/>
    <n v="1"/>
    <n v="2017"/>
  </r>
  <r>
    <s v="110"/>
    <d v="2017-01-15T00:00:00"/>
    <x v="2"/>
    <x v="0"/>
    <s v="10828"/>
    <s v="GLNANDA"/>
    <n v="-632087.76"/>
    <n v="-5106815"/>
    <s v="Billed Revenues"/>
    <s v="EXV"/>
    <s v="NONBU"/>
    <s v="G0000110"/>
    <s v="N"/>
    <s v="MACSS Dist Billed Revenue-03"/>
    <s v=""/>
    <x v="0"/>
    <s v="CAD0330105"/>
    <s v="S"/>
    <s v="KY"/>
    <s v="REV"/>
    <s v="974"/>
    <s v="GLBATCH"/>
    <n v="1"/>
    <n v="2017"/>
  </r>
  <r>
    <s v="110"/>
    <d v="2017-01-15T00:00:00"/>
    <x v="2"/>
    <x v="0"/>
    <s v="10828"/>
    <s v="GLNANDA"/>
    <n v="0"/>
    <n v="1347"/>
    <s v="Billed Revenues"/>
    <s v="EXV"/>
    <s v="NONBU"/>
    <s v="G0000110"/>
    <s v="N"/>
    <s v="MACSS Dist Billed Revenue-03"/>
    <s v=""/>
    <x v="0"/>
    <s v="CAD0330105"/>
    <s v="S"/>
    <s v="KY"/>
    <s v="REV"/>
    <s v="974"/>
    <s v="GLBATCH"/>
    <n v="1"/>
    <n v="2017"/>
  </r>
  <r>
    <s v="110"/>
    <d v="2017-01-15T00:00:00"/>
    <x v="0"/>
    <x v="0"/>
    <s v="10828"/>
    <s v="GLNANDA"/>
    <n v="-859242.95"/>
    <n v="-13529421"/>
    <s v="Billed Revenues"/>
    <s v="EXV"/>
    <s v="NONBU"/>
    <s v="G0000110"/>
    <s v="N"/>
    <s v="MACSS Dist Billed Revenue-03"/>
    <s v=""/>
    <x v="0"/>
    <s v="CAD0330105"/>
    <s v="S"/>
    <s v="KY"/>
    <s v="REV"/>
    <s v="974"/>
    <s v="GLBATCH"/>
    <n v="1"/>
    <n v="2017"/>
  </r>
  <r>
    <s v="110"/>
    <d v="2017-01-15T00:00:00"/>
    <x v="4"/>
    <x v="0"/>
    <s v="10828"/>
    <s v="GLNANDA"/>
    <n v="0"/>
    <n v="3653"/>
    <s v="Billed Revenues"/>
    <s v="EXV"/>
    <s v="NONBU"/>
    <s v="G0000110"/>
    <s v="N"/>
    <s v="MACSS Dist Billed Revenue-03"/>
    <s v=""/>
    <x v="0"/>
    <s v="CAD0330105"/>
    <s v="S"/>
    <s v="KY"/>
    <s v="REV"/>
    <s v="974"/>
    <s v="GLBATCH"/>
    <n v="1"/>
    <n v="2017"/>
  </r>
  <r>
    <s v="110"/>
    <d v="2017-01-15T00:00:00"/>
    <x v="7"/>
    <x v="0"/>
    <s v="10828"/>
    <s v="GLNANDA"/>
    <n v="0"/>
    <n v="50"/>
    <s v="Billed Revenues"/>
    <s v="EXV"/>
    <s v="NONBU"/>
    <s v="G0000110"/>
    <s v="N"/>
    <s v="MACSS Dist Billed Revenue-03"/>
    <s v=""/>
    <x v="0"/>
    <s v="CAD0330106"/>
    <s v="S"/>
    <s v="KY"/>
    <s v="REV"/>
    <s v="974"/>
    <s v="GLBATCH"/>
    <n v="1"/>
    <n v="2017"/>
  </r>
  <r>
    <s v="110"/>
    <d v="2017-01-15T00:00:00"/>
    <x v="7"/>
    <x v="0"/>
    <s v="10828"/>
    <s v="GLNANDA"/>
    <n v="-116675.33"/>
    <n v="-976642"/>
    <s v="Billed Revenues"/>
    <s v="EXV"/>
    <s v="NONBU"/>
    <s v="G0000110"/>
    <s v="N"/>
    <s v="MACSS Dist Billed Revenue-03"/>
    <s v=""/>
    <x v="0"/>
    <s v="CAD0330106"/>
    <s v="S"/>
    <s v="KY"/>
    <s v="REV"/>
    <s v="974"/>
    <s v="GLBATCH"/>
    <n v="1"/>
    <n v="2017"/>
  </r>
  <r>
    <s v="110"/>
    <d v="2017-01-15T00:00:00"/>
    <x v="6"/>
    <x v="0"/>
    <s v="10828"/>
    <s v="GLNANDA"/>
    <n v="0"/>
    <n v="18"/>
    <s v="Billed Revenues"/>
    <s v="EXV"/>
    <s v="NONBU"/>
    <s v="G0000110"/>
    <s v="N"/>
    <s v="MACSS Dist Billed Revenue-03"/>
    <s v=""/>
    <x v="0"/>
    <s v="CAD0330106"/>
    <s v="S"/>
    <s v="KY"/>
    <s v="REV"/>
    <s v="974"/>
    <s v="GLBATCH"/>
    <n v="1"/>
    <n v="2017"/>
  </r>
  <r>
    <s v="110"/>
    <d v="2017-01-15T00:00:00"/>
    <x v="6"/>
    <x v="0"/>
    <s v="10828"/>
    <s v="GLNANDA"/>
    <n v="-3088.47"/>
    <n v="-23607"/>
    <s v="Billed Revenues"/>
    <s v="EXV"/>
    <s v="NONBU"/>
    <s v="G0000110"/>
    <s v="N"/>
    <s v="MACSS Dist Billed Revenue-03"/>
    <s v=""/>
    <x v="0"/>
    <s v="CAD0330106"/>
    <s v="S"/>
    <s v="KY"/>
    <s v="REV"/>
    <s v="974"/>
    <s v="GLBATCH"/>
    <n v="1"/>
    <n v="2017"/>
  </r>
  <r>
    <s v="110"/>
    <d v="2017-01-15T00:00:00"/>
    <x v="5"/>
    <x v="0"/>
    <s v="10828"/>
    <s v="GLNANDA"/>
    <n v="0"/>
    <n v="221"/>
    <s v="Billed Revenues"/>
    <s v="EXV"/>
    <s v="NONBU"/>
    <s v="G0000110"/>
    <s v="N"/>
    <s v="MACSS Dist Billed Revenue-03"/>
    <s v=""/>
    <x v="0"/>
    <s v="CAD0330106"/>
    <s v="S"/>
    <s v="KY"/>
    <s v="REV"/>
    <s v="974"/>
    <s v="GLBATCH"/>
    <n v="1"/>
    <n v="2017"/>
  </r>
  <r>
    <s v="110"/>
    <d v="2017-01-15T00:00:00"/>
    <x v="5"/>
    <x v="0"/>
    <s v="10828"/>
    <s v="GLNANDA"/>
    <n v="-109263.55"/>
    <n v="-862795"/>
    <s v="Billed Revenues"/>
    <s v="EXV"/>
    <s v="NONBU"/>
    <s v="G0000110"/>
    <s v="N"/>
    <s v="MACSS Dist Billed Revenue-03"/>
    <s v=""/>
    <x v="0"/>
    <s v="CAD0330106"/>
    <s v="S"/>
    <s v="KY"/>
    <s v="REV"/>
    <s v="974"/>
    <s v="GLBATCH"/>
    <n v="1"/>
    <n v="2017"/>
  </r>
  <r>
    <s v="110"/>
    <d v="2017-01-15T00:00:00"/>
    <x v="4"/>
    <x v="0"/>
    <s v="10828"/>
    <s v="GLNANDA"/>
    <n v="0"/>
    <n v="3728"/>
    <s v="Billed Revenues"/>
    <s v="EXV"/>
    <s v="NONBU"/>
    <s v="G0000110"/>
    <s v="N"/>
    <s v="MACSS Dist Billed Revenue-03"/>
    <s v=""/>
    <x v="0"/>
    <s v="CAD0330106"/>
    <s v="S"/>
    <s v="KY"/>
    <s v="REV"/>
    <s v="974"/>
    <s v="GLBATCH"/>
    <n v="1"/>
    <n v="2017"/>
  </r>
  <r>
    <s v="110"/>
    <d v="2017-01-15T00:00:00"/>
    <x v="4"/>
    <x v="0"/>
    <s v="10828"/>
    <s v="GLNANDA"/>
    <n v="-924041.2"/>
    <n v="-7824729"/>
    <s v="Billed Revenues"/>
    <s v="EXV"/>
    <s v="NONBU"/>
    <s v="G0000110"/>
    <s v="N"/>
    <s v="MACSS Dist Billed Revenue-03"/>
    <s v=""/>
    <x v="0"/>
    <s v="CAD0330106"/>
    <s v="S"/>
    <s v="KY"/>
    <s v="REV"/>
    <s v="974"/>
    <s v="GLBATCH"/>
    <n v="1"/>
    <n v="2017"/>
  </r>
  <r>
    <s v="110"/>
    <d v="2017-01-15T00:00:00"/>
    <x v="2"/>
    <x v="0"/>
    <s v="10828"/>
    <s v="GLNANDA"/>
    <n v="0"/>
    <n v="1186"/>
    <s v="Billed Revenues"/>
    <s v="EXV"/>
    <s v="NONBU"/>
    <s v="G0000110"/>
    <s v="N"/>
    <s v="MACSS Dist Billed Revenue-03"/>
    <s v=""/>
    <x v="0"/>
    <s v="CAD0330106"/>
    <s v="S"/>
    <s v="KY"/>
    <s v="REV"/>
    <s v="974"/>
    <s v="GLBATCH"/>
    <n v="1"/>
    <n v="2017"/>
  </r>
  <r>
    <s v="110"/>
    <d v="2017-01-15T00:00:00"/>
    <x v="1"/>
    <x v="0"/>
    <s v="10828"/>
    <s v="GLNANDA"/>
    <n v="0"/>
    <n v="3186"/>
    <s v="Billed Revenues"/>
    <s v="EXV"/>
    <s v="NONBU"/>
    <s v="G0000110"/>
    <s v="N"/>
    <s v="MACSS Dist Billed Revenue-03"/>
    <s v=""/>
    <x v="0"/>
    <s v="CAD0330106"/>
    <s v="S"/>
    <s v="KY"/>
    <s v="REV"/>
    <s v="974"/>
    <s v="GLBATCH"/>
    <n v="1"/>
    <n v="2017"/>
  </r>
  <r>
    <s v="110"/>
    <d v="2017-01-15T00:00:00"/>
    <x v="1"/>
    <x v="0"/>
    <s v="10828"/>
    <s v="GLNANDA"/>
    <n v="-466367.31"/>
    <n v="-3793019"/>
    <s v="Billed Revenues"/>
    <s v="EXV"/>
    <s v="NONBU"/>
    <s v="G0000110"/>
    <s v="N"/>
    <s v="MACSS Dist Billed Revenue-03"/>
    <s v=""/>
    <x v="0"/>
    <s v="CAD0330106"/>
    <s v="S"/>
    <s v="KY"/>
    <s v="REV"/>
    <s v="974"/>
    <s v="GLBATCH"/>
    <n v="1"/>
    <n v="2017"/>
  </r>
  <r>
    <s v="110"/>
    <d v="2017-01-15T00:00:00"/>
    <x v="0"/>
    <x v="0"/>
    <s v="10828"/>
    <s v="GLNANDA"/>
    <n v="0"/>
    <n v="23"/>
    <s v="Billed Revenues"/>
    <s v="EXV"/>
    <s v="NONBU"/>
    <s v="G0000110"/>
    <s v="N"/>
    <s v="MACSS Dist Billed Revenue-03"/>
    <s v=""/>
    <x v="0"/>
    <s v="CAD0330106"/>
    <s v="S"/>
    <s v="KY"/>
    <s v="REV"/>
    <s v="974"/>
    <s v="GLBATCH"/>
    <n v="1"/>
    <n v="2017"/>
  </r>
  <r>
    <s v="110"/>
    <d v="2017-01-15T00:00:00"/>
    <x v="0"/>
    <x v="0"/>
    <s v="10828"/>
    <s v="GLNANDA"/>
    <n v="-101113.16"/>
    <n v="-1245549"/>
    <s v="Billed Revenues"/>
    <s v="EXV"/>
    <s v="NONBU"/>
    <s v="G0000110"/>
    <s v="N"/>
    <s v="MACSS Dist Billed Revenue-03"/>
    <s v=""/>
    <x v="0"/>
    <s v="CAD0330106"/>
    <s v="S"/>
    <s v="KY"/>
    <s v="REV"/>
    <s v="974"/>
    <s v="GLBATCH"/>
    <n v="1"/>
    <n v="2017"/>
  </r>
  <r>
    <s v="110"/>
    <d v="2017-01-15T00:00:00"/>
    <x v="2"/>
    <x v="0"/>
    <s v="10828"/>
    <s v="GLNANDA"/>
    <n v="-445095.25"/>
    <n v="-3518281"/>
    <s v="Billed Revenues"/>
    <s v="EXV"/>
    <s v="NONBU"/>
    <s v="G0000110"/>
    <s v="N"/>
    <s v="MACSS Dist Billed Revenue-03"/>
    <s v=""/>
    <x v="0"/>
    <s v="CAD0330106"/>
    <s v="S"/>
    <s v="KY"/>
    <s v="REV"/>
    <s v="974"/>
    <s v="GLBATCH"/>
    <n v="1"/>
    <n v="2017"/>
  </r>
  <r>
    <s v="110"/>
    <d v="2017-01-15T00:00:00"/>
    <x v="3"/>
    <x v="0"/>
    <s v="10828"/>
    <s v="GLNANDA"/>
    <n v="0"/>
    <n v="7"/>
    <s v="Billed Revenues"/>
    <s v="EXV"/>
    <s v="NONBU"/>
    <s v="G0000110"/>
    <s v="N"/>
    <s v="MACSS Dist Billed Revenue-03"/>
    <s v=""/>
    <x v="0"/>
    <s v="CAD0330106"/>
    <s v="S"/>
    <s v="KY"/>
    <s v="REV"/>
    <s v="974"/>
    <s v="GLBATCH"/>
    <n v="1"/>
    <n v="2017"/>
  </r>
  <r>
    <s v="110"/>
    <d v="2017-01-15T00:00:00"/>
    <x v="3"/>
    <x v="0"/>
    <s v="10828"/>
    <s v="GLNANDA"/>
    <n v="-996.41"/>
    <n v="-3669"/>
    <s v="Billed Revenues"/>
    <s v="EXV"/>
    <s v="NONBU"/>
    <s v="G0000110"/>
    <s v="N"/>
    <s v="MACSS Dist Billed Revenue-03"/>
    <s v=""/>
    <x v="0"/>
    <s v="CAD0330106"/>
    <s v="S"/>
    <s v="KY"/>
    <s v="REV"/>
    <s v="974"/>
    <s v="GLBATCH"/>
    <n v="1"/>
    <n v="2017"/>
  </r>
  <r>
    <s v="110"/>
    <d v="2017-01-15T00:00:00"/>
    <x v="5"/>
    <x v="0"/>
    <s v="10828"/>
    <s v="GLNANDA"/>
    <n v="0"/>
    <n v="137"/>
    <s v="Billed Revenues"/>
    <s v="EXV"/>
    <s v="NONBU"/>
    <s v="G0000110"/>
    <s v="N"/>
    <s v="MACSS Dist Billed Revenue-03"/>
    <s v=""/>
    <x v="0"/>
    <s v="CAD0330109"/>
    <s v="S"/>
    <s v="KY"/>
    <s v="REV"/>
    <s v="974"/>
    <s v="GLBATCH"/>
    <n v="1"/>
    <n v="2017"/>
  </r>
  <r>
    <s v="110"/>
    <d v="2017-01-15T00:00:00"/>
    <x v="0"/>
    <x v="0"/>
    <s v="10828"/>
    <s v="GLNANDA"/>
    <n v="-1398314.28"/>
    <n v="-23747496"/>
    <s v="Billed Revenues"/>
    <s v="EXV"/>
    <s v="NONBU"/>
    <s v="G0000110"/>
    <s v="N"/>
    <s v="MACSS Dist Billed Revenue-03"/>
    <s v=""/>
    <x v="0"/>
    <s v="CAD0330109"/>
    <s v="S"/>
    <s v="KY"/>
    <s v="REV"/>
    <s v="974"/>
    <s v="GLBATCH"/>
    <n v="1"/>
    <n v="2017"/>
  </r>
  <r>
    <s v="110"/>
    <d v="2017-01-15T00:00:00"/>
    <x v="7"/>
    <x v="0"/>
    <s v="10828"/>
    <s v="GLNANDA"/>
    <n v="0"/>
    <n v="42"/>
    <s v="Billed Revenues"/>
    <s v="EXV"/>
    <s v="NONBU"/>
    <s v="G0000110"/>
    <s v="N"/>
    <s v="MACSS Dist Billed Revenue-03"/>
    <s v=""/>
    <x v="0"/>
    <s v="CAD0330109"/>
    <s v="S"/>
    <s v="KY"/>
    <s v="REV"/>
    <s v="974"/>
    <s v="GLBATCH"/>
    <n v="1"/>
    <n v="2017"/>
  </r>
  <r>
    <s v="110"/>
    <d v="2017-01-15T00:00:00"/>
    <x v="7"/>
    <x v="0"/>
    <s v="10828"/>
    <s v="GLNANDA"/>
    <n v="-100776.95"/>
    <n v="-840708"/>
    <s v="Billed Revenues"/>
    <s v="EXV"/>
    <s v="NONBU"/>
    <s v="G0000110"/>
    <s v="N"/>
    <s v="MACSS Dist Billed Revenue-03"/>
    <s v=""/>
    <x v="0"/>
    <s v="CAD0330109"/>
    <s v="S"/>
    <s v="KY"/>
    <s v="REV"/>
    <s v="974"/>
    <s v="GLBATCH"/>
    <n v="1"/>
    <n v="2017"/>
  </r>
  <r>
    <s v="110"/>
    <d v="2017-01-15T00:00:00"/>
    <x v="6"/>
    <x v="0"/>
    <s v="10828"/>
    <s v="GLNANDA"/>
    <n v="0"/>
    <n v="23"/>
    <s v="Billed Revenues"/>
    <s v="EXV"/>
    <s v="NONBU"/>
    <s v="G0000110"/>
    <s v="N"/>
    <s v="MACSS Dist Billed Revenue-03"/>
    <s v=""/>
    <x v="0"/>
    <s v="CAD0330109"/>
    <s v="S"/>
    <s v="KY"/>
    <s v="REV"/>
    <s v="974"/>
    <s v="GLBATCH"/>
    <n v="1"/>
    <n v="2017"/>
  </r>
  <r>
    <s v="110"/>
    <d v="2017-01-15T00:00:00"/>
    <x v="6"/>
    <x v="0"/>
    <s v="10828"/>
    <s v="GLNANDA"/>
    <n v="-1273.72"/>
    <n v="-5678"/>
    <s v="Billed Revenues"/>
    <s v="EXV"/>
    <s v="NONBU"/>
    <s v="G0000110"/>
    <s v="N"/>
    <s v="MACSS Dist Billed Revenue-03"/>
    <s v=""/>
    <x v="0"/>
    <s v="CAD0330109"/>
    <s v="S"/>
    <s v="KY"/>
    <s v="REV"/>
    <s v="974"/>
    <s v="GLBATCH"/>
    <n v="1"/>
    <n v="2017"/>
  </r>
  <r>
    <s v="110"/>
    <d v="2017-01-15T00:00:00"/>
    <x v="4"/>
    <x v="0"/>
    <s v="10828"/>
    <s v="GLNANDA"/>
    <n v="0"/>
    <n v="4238"/>
    <s v="Billed Revenues"/>
    <s v="EXV"/>
    <s v="NONBU"/>
    <s v="G0000110"/>
    <s v="N"/>
    <s v="MACSS Dist Billed Revenue-03"/>
    <s v=""/>
    <x v="0"/>
    <s v="CAD0330109"/>
    <s v="S"/>
    <s v="KY"/>
    <s v="REV"/>
    <s v="974"/>
    <s v="GLBATCH"/>
    <n v="1"/>
    <n v="2017"/>
  </r>
  <r>
    <s v="110"/>
    <d v="2017-01-15T00:00:00"/>
    <x v="4"/>
    <x v="0"/>
    <s v="10828"/>
    <s v="GLNANDA"/>
    <n v="-1138283.69"/>
    <n v="-9679712"/>
    <s v="Billed Revenues"/>
    <s v="EXV"/>
    <s v="NONBU"/>
    <s v="G0000110"/>
    <s v="N"/>
    <s v="MACSS Dist Billed Revenue-03"/>
    <s v=""/>
    <x v="0"/>
    <s v="CAD0330109"/>
    <s v="S"/>
    <s v="KY"/>
    <s v="REV"/>
    <s v="974"/>
    <s v="GLBATCH"/>
    <n v="1"/>
    <n v="2017"/>
  </r>
  <r>
    <s v="110"/>
    <d v="2017-01-15T00:00:00"/>
    <x v="1"/>
    <x v="0"/>
    <s v="10828"/>
    <s v="GLNANDA"/>
    <n v="0"/>
    <n v="3142"/>
    <s v="Billed Revenues"/>
    <s v="EXV"/>
    <s v="NONBU"/>
    <s v="G0000110"/>
    <s v="N"/>
    <s v="MACSS Dist Billed Revenue-03"/>
    <s v=""/>
    <x v="0"/>
    <s v="CAD0330109"/>
    <s v="S"/>
    <s v="KY"/>
    <s v="REV"/>
    <s v="974"/>
    <s v="GLBATCH"/>
    <n v="1"/>
    <n v="2017"/>
  </r>
  <r>
    <s v="110"/>
    <d v="2017-01-15T00:00:00"/>
    <x v="1"/>
    <x v="0"/>
    <s v="10828"/>
    <s v="GLNANDA"/>
    <n v="-501521.25"/>
    <n v="-4102395"/>
    <s v="Billed Revenues"/>
    <s v="EXV"/>
    <s v="NONBU"/>
    <s v="G0000110"/>
    <s v="N"/>
    <s v="MACSS Dist Billed Revenue-03"/>
    <s v=""/>
    <x v="0"/>
    <s v="CAD0330109"/>
    <s v="S"/>
    <s v="KY"/>
    <s v="REV"/>
    <s v="974"/>
    <s v="GLBATCH"/>
    <n v="1"/>
    <n v="2017"/>
  </r>
  <r>
    <s v="110"/>
    <d v="2017-01-15T00:00:00"/>
    <x v="2"/>
    <x v="0"/>
    <s v="10828"/>
    <s v="GLNANDA"/>
    <n v="0"/>
    <n v="1352"/>
    <s v="Billed Revenues"/>
    <s v="EXV"/>
    <s v="NONBU"/>
    <s v="G0000110"/>
    <s v="N"/>
    <s v="MACSS Dist Billed Revenue-03"/>
    <s v=""/>
    <x v="0"/>
    <s v="CAD0330109"/>
    <s v="S"/>
    <s v="KY"/>
    <s v="REV"/>
    <s v="974"/>
    <s v="GLBATCH"/>
    <n v="1"/>
    <n v="2017"/>
  </r>
  <r>
    <s v="110"/>
    <d v="2017-01-15T00:00:00"/>
    <x v="2"/>
    <x v="0"/>
    <s v="10828"/>
    <s v="GLNANDA"/>
    <n v="-605360.84"/>
    <n v="-4791815"/>
    <s v="Billed Revenues"/>
    <s v="EXV"/>
    <s v="NONBU"/>
    <s v="G0000110"/>
    <s v="N"/>
    <s v="MACSS Dist Billed Revenue-03"/>
    <s v=""/>
    <x v="0"/>
    <s v="CAD0330109"/>
    <s v="S"/>
    <s v="KY"/>
    <s v="REV"/>
    <s v="974"/>
    <s v="GLBATCH"/>
    <n v="1"/>
    <n v="2017"/>
  </r>
  <r>
    <s v="110"/>
    <d v="2017-01-15T00:00:00"/>
    <x v="3"/>
    <x v="0"/>
    <s v="10828"/>
    <s v="GLNANDA"/>
    <n v="0"/>
    <n v="4"/>
    <s v="Billed Revenues"/>
    <s v="EXV"/>
    <s v="NONBU"/>
    <s v="G0000110"/>
    <s v="N"/>
    <s v="MACSS Dist Billed Revenue-03"/>
    <s v=""/>
    <x v="0"/>
    <s v="CAD0330109"/>
    <s v="S"/>
    <s v="KY"/>
    <s v="REV"/>
    <s v="974"/>
    <s v="GLBATCH"/>
    <n v="1"/>
    <n v="2017"/>
  </r>
  <r>
    <s v="110"/>
    <d v="2017-01-15T00:00:00"/>
    <x v="3"/>
    <x v="0"/>
    <s v="10828"/>
    <s v="GLNANDA"/>
    <n v="-67694.23"/>
    <n v="-788482"/>
    <s v="Billed Revenues"/>
    <s v="EXV"/>
    <s v="NONBU"/>
    <s v="G0000110"/>
    <s v="N"/>
    <s v="MACSS Dist Billed Revenue-03"/>
    <s v=""/>
    <x v="0"/>
    <s v="CAD0330109"/>
    <s v="S"/>
    <s v="KY"/>
    <s v="REV"/>
    <s v="974"/>
    <s v="GLBATCH"/>
    <n v="1"/>
    <n v="2017"/>
  </r>
  <r>
    <s v="110"/>
    <d v="2017-01-15T00:00:00"/>
    <x v="0"/>
    <x v="0"/>
    <s v="10828"/>
    <s v="GLNANDA"/>
    <n v="0"/>
    <n v="45"/>
    <s v="Billed Revenues"/>
    <s v="EXV"/>
    <s v="NONBU"/>
    <s v="G0000110"/>
    <s v="N"/>
    <s v="MACSS Dist Billed Revenue-03"/>
    <s v=""/>
    <x v="0"/>
    <s v="CAD0330109"/>
    <s v="S"/>
    <s v="KY"/>
    <s v="REV"/>
    <s v="974"/>
    <s v="GLBATCH"/>
    <n v="1"/>
    <n v="2017"/>
  </r>
  <r>
    <s v="110"/>
    <d v="2017-01-15T00:00:00"/>
    <x v="5"/>
    <x v="0"/>
    <s v="10828"/>
    <s v="GLNANDA"/>
    <n v="-93824.66"/>
    <n v="-752227"/>
    <s v="Billed Revenues"/>
    <s v="EXV"/>
    <s v="NONBU"/>
    <s v="G0000110"/>
    <s v="N"/>
    <s v="MACSS Dist Billed Revenue-03"/>
    <s v=""/>
    <x v="0"/>
    <s v="CAD0330109"/>
    <s v="S"/>
    <s v="KY"/>
    <s v="REV"/>
    <s v="974"/>
    <s v="GLBATCH"/>
    <n v="1"/>
    <n v="2017"/>
  </r>
  <r>
    <s v="110"/>
    <d v="2017-01-15T00:00:00"/>
    <x v="0"/>
    <x v="0"/>
    <s v="10828"/>
    <s v="GLNANDA"/>
    <n v="-517584.51"/>
    <n v="-8012214"/>
    <s v="Billed Revenues"/>
    <s v="EXV"/>
    <s v="NONBU"/>
    <s v="G0000110"/>
    <s v="N"/>
    <s v="MACSS Dist Billed Revenue-03"/>
    <s v=""/>
    <x v="0"/>
    <s v="CAD0330110"/>
    <s v="S"/>
    <s v="KY"/>
    <s v="REV"/>
    <s v="974"/>
    <s v="GLBATCH"/>
    <n v="1"/>
    <n v="2017"/>
  </r>
  <r>
    <s v="110"/>
    <d v="2017-01-15T00:00:00"/>
    <x v="7"/>
    <x v="0"/>
    <s v="10828"/>
    <s v="GLNANDA"/>
    <n v="-92474.7"/>
    <n v="-762908"/>
    <s v="Billed Revenues"/>
    <s v="EXV"/>
    <s v="NONBU"/>
    <s v="G0000110"/>
    <s v="N"/>
    <s v="MACSS Dist Billed Revenue-03"/>
    <s v=""/>
    <x v="0"/>
    <s v="CAD0330110"/>
    <s v="S"/>
    <s v="KY"/>
    <s v="REV"/>
    <s v="974"/>
    <s v="GLBATCH"/>
    <n v="1"/>
    <n v="2017"/>
  </r>
  <r>
    <s v="110"/>
    <d v="2017-01-15T00:00:00"/>
    <x v="6"/>
    <x v="0"/>
    <s v="10828"/>
    <s v="GLNANDA"/>
    <n v="-1633.8"/>
    <n v="-9778"/>
    <s v="Billed Revenues"/>
    <s v="EXV"/>
    <s v="NONBU"/>
    <s v="G0000110"/>
    <s v="N"/>
    <s v="MACSS Dist Billed Revenue-03"/>
    <s v=""/>
    <x v="0"/>
    <s v="CAD0330110"/>
    <s v="S"/>
    <s v="KY"/>
    <s v="REV"/>
    <s v="974"/>
    <s v="GLBATCH"/>
    <n v="1"/>
    <n v="2017"/>
  </r>
  <r>
    <s v="110"/>
    <d v="2017-01-15T00:00:00"/>
    <x v="6"/>
    <x v="0"/>
    <s v="10828"/>
    <s v="GLNANDA"/>
    <n v="0"/>
    <n v="18"/>
    <s v="Billed Revenues"/>
    <s v="EXV"/>
    <s v="NONBU"/>
    <s v="G0000110"/>
    <s v="N"/>
    <s v="MACSS Dist Billed Revenue-03"/>
    <s v=""/>
    <x v="0"/>
    <s v="CAD0330110"/>
    <s v="S"/>
    <s v="KY"/>
    <s v="REV"/>
    <s v="974"/>
    <s v="GLBATCH"/>
    <n v="1"/>
    <n v="2017"/>
  </r>
  <r>
    <s v="110"/>
    <d v="2017-01-15T00:00:00"/>
    <x v="4"/>
    <x v="0"/>
    <s v="10828"/>
    <s v="GLNANDA"/>
    <n v="0"/>
    <n v="3790"/>
    <s v="Billed Revenues"/>
    <s v="EXV"/>
    <s v="NONBU"/>
    <s v="G0000110"/>
    <s v="N"/>
    <s v="MACSS Dist Billed Revenue-03"/>
    <s v=""/>
    <x v="0"/>
    <s v="CAD0330110"/>
    <s v="S"/>
    <s v="KY"/>
    <s v="REV"/>
    <s v="974"/>
    <s v="GLBATCH"/>
    <n v="1"/>
    <n v="2017"/>
  </r>
  <r>
    <s v="110"/>
    <d v="2017-01-15T00:00:00"/>
    <x v="4"/>
    <x v="0"/>
    <s v="10828"/>
    <s v="GLNANDA"/>
    <n v="-1081993.22"/>
    <n v="-9215909"/>
    <s v="Billed Revenues"/>
    <s v="EXV"/>
    <s v="NONBU"/>
    <s v="G0000110"/>
    <s v="N"/>
    <s v="MACSS Dist Billed Revenue-03"/>
    <s v=""/>
    <x v="0"/>
    <s v="CAD0330110"/>
    <s v="S"/>
    <s v="KY"/>
    <s v="REV"/>
    <s v="974"/>
    <s v="GLBATCH"/>
    <n v="1"/>
    <n v="2017"/>
  </r>
  <r>
    <s v="110"/>
    <d v="2017-01-15T00:00:00"/>
    <x v="2"/>
    <x v="0"/>
    <s v="10828"/>
    <s v="GLNANDA"/>
    <n v="0"/>
    <n v="1043"/>
    <s v="Billed Revenues"/>
    <s v="EXV"/>
    <s v="NONBU"/>
    <s v="G0000110"/>
    <s v="N"/>
    <s v="MACSS Dist Billed Revenue-03"/>
    <s v=""/>
    <x v="0"/>
    <s v="CAD0330110"/>
    <s v="S"/>
    <s v="KY"/>
    <s v="REV"/>
    <s v="974"/>
    <s v="GLBATCH"/>
    <n v="1"/>
    <n v="2017"/>
  </r>
  <r>
    <s v="110"/>
    <d v="2017-01-15T00:00:00"/>
    <x v="2"/>
    <x v="0"/>
    <s v="10828"/>
    <s v="GLNANDA"/>
    <n v="-422574.91"/>
    <n v="-3324080"/>
    <s v="Billed Revenues"/>
    <s v="EXV"/>
    <s v="NONBU"/>
    <s v="G0000110"/>
    <s v="N"/>
    <s v="MACSS Dist Billed Revenue-03"/>
    <s v=""/>
    <x v="0"/>
    <s v="CAD0330110"/>
    <s v="S"/>
    <s v="KY"/>
    <s v="REV"/>
    <s v="974"/>
    <s v="GLBATCH"/>
    <n v="1"/>
    <n v="2017"/>
  </r>
  <r>
    <s v="110"/>
    <d v="2017-01-15T00:00:00"/>
    <x v="1"/>
    <x v="0"/>
    <s v="10828"/>
    <s v="GLNANDA"/>
    <n v="0"/>
    <n v="2615"/>
    <s v="Billed Revenues"/>
    <s v="EXV"/>
    <s v="NONBU"/>
    <s v="G0000110"/>
    <s v="N"/>
    <s v="MACSS Dist Billed Revenue-03"/>
    <s v=""/>
    <x v="0"/>
    <s v="CAD0330110"/>
    <s v="S"/>
    <s v="KY"/>
    <s v="REV"/>
    <s v="974"/>
    <s v="GLBATCH"/>
    <n v="1"/>
    <n v="2017"/>
  </r>
  <r>
    <s v="110"/>
    <d v="2017-01-15T00:00:00"/>
    <x v="1"/>
    <x v="0"/>
    <s v="10828"/>
    <s v="GLNANDA"/>
    <n v="-398085.38"/>
    <n v="-3231596"/>
    <s v="Billed Revenues"/>
    <s v="EXV"/>
    <s v="NONBU"/>
    <s v="G0000110"/>
    <s v="N"/>
    <s v="MACSS Dist Billed Revenue-03"/>
    <s v=""/>
    <x v="0"/>
    <s v="CAD0330110"/>
    <s v="S"/>
    <s v="KY"/>
    <s v="REV"/>
    <s v="974"/>
    <s v="GLBATCH"/>
    <n v="1"/>
    <n v="2017"/>
  </r>
  <r>
    <s v="110"/>
    <d v="2017-01-15T00:00:00"/>
    <x v="5"/>
    <x v="0"/>
    <s v="10828"/>
    <s v="GLNANDA"/>
    <n v="0"/>
    <n v="101"/>
    <s v="Billed Revenues"/>
    <s v="EXV"/>
    <s v="NONBU"/>
    <s v="G0000110"/>
    <s v="N"/>
    <s v="MACSS Dist Billed Revenue-03"/>
    <s v=""/>
    <x v="0"/>
    <s v="CAD0330110"/>
    <s v="S"/>
    <s v="KY"/>
    <s v="REV"/>
    <s v="974"/>
    <s v="GLBATCH"/>
    <n v="1"/>
    <n v="2017"/>
  </r>
  <r>
    <s v="110"/>
    <d v="2017-01-15T00:00:00"/>
    <x v="5"/>
    <x v="0"/>
    <s v="10828"/>
    <s v="GLNANDA"/>
    <n v="-49114.93"/>
    <n v="-403958"/>
    <s v="Billed Revenues"/>
    <s v="EXV"/>
    <s v="NONBU"/>
    <s v="G0000110"/>
    <s v="N"/>
    <s v="MACSS Dist Billed Revenue-03"/>
    <s v=""/>
    <x v="0"/>
    <s v="CAD0330110"/>
    <s v="S"/>
    <s v="KY"/>
    <s v="REV"/>
    <s v="974"/>
    <s v="GLBATCH"/>
    <n v="1"/>
    <n v="2017"/>
  </r>
  <r>
    <s v="110"/>
    <d v="2017-01-15T00:00:00"/>
    <x v="3"/>
    <x v="0"/>
    <s v="10828"/>
    <s v="GLNANDA"/>
    <n v="0"/>
    <n v="5"/>
    <s v="Billed Revenues"/>
    <s v="EXV"/>
    <s v="NONBU"/>
    <s v="G0000110"/>
    <s v="N"/>
    <s v="MACSS Dist Billed Revenue-03"/>
    <s v=""/>
    <x v="0"/>
    <s v="CAD0330110"/>
    <s v="S"/>
    <s v="KY"/>
    <s v="REV"/>
    <s v="974"/>
    <s v="GLBATCH"/>
    <n v="1"/>
    <n v="2017"/>
  </r>
  <r>
    <s v="110"/>
    <d v="2017-01-15T00:00:00"/>
    <x v="3"/>
    <x v="0"/>
    <s v="10828"/>
    <s v="GLNANDA"/>
    <n v="-9473.3799999999992"/>
    <n v="-72700"/>
    <s v="Billed Revenues"/>
    <s v="EXV"/>
    <s v="NONBU"/>
    <s v="G0000110"/>
    <s v="N"/>
    <s v="MACSS Dist Billed Revenue-03"/>
    <s v=""/>
    <x v="0"/>
    <s v="CAD0330110"/>
    <s v="S"/>
    <s v="KY"/>
    <s v="REV"/>
    <s v="974"/>
    <s v="GLBATCH"/>
    <n v="1"/>
    <n v="2017"/>
  </r>
  <r>
    <s v="110"/>
    <d v="2017-01-15T00:00:00"/>
    <x v="7"/>
    <x v="0"/>
    <s v="10828"/>
    <s v="GLNANDA"/>
    <n v="0"/>
    <n v="29"/>
    <s v="Billed Revenues"/>
    <s v="EXV"/>
    <s v="NONBU"/>
    <s v="G0000110"/>
    <s v="N"/>
    <s v="MACSS Dist Billed Revenue-03"/>
    <s v=""/>
    <x v="0"/>
    <s v="CAD0330110"/>
    <s v="S"/>
    <s v="KY"/>
    <s v="REV"/>
    <s v="974"/>
    <s v="GLBATCH"/>
    <n v="1"/>
    <n v="2017"/>
  </r>
  <r>
    <s v="110"/>
    <d v="2017-01-15T00:00:00"/>
    <x v="0"/>
    <x v="0"/>
    <s v="10828"/>
    <s v="GLNANDA"/>
    <n v="0"/>
    <n v="33"/>
    <s v="Billed Revenues"/>
    <s v="EXV"/>
    <s v="NONBU"/>
    <s v="G0000110"/>
    <s v="N"/>
    <s v="MACSS Dist Billed Revenue-03"/>
    <s v=""/>
    <x v="0"/>
    <s v="CAD0330110"/>
    <s v="S"/>
    <s v="KY"/>
    <s v="REV"/>
    <s v="974"/>
    <s v="GLBATCH"/>
    <n v="1"/>
    <n v="2017"/>
  </r>
  <r>
    <s v="110"/>
    <d v="2017-01-15T00:00:00"/>
    <x v="2"/>
    <x v="0"/>
    <s v="10828"/>
    <s v="GLNANDA"/>
    <n v="0"/>
    <n v="1502"/>
    <s v="Billed Revenues"/>
    <s v="EXV"/>
    <s v="NONBU"/>
    <s v="G0000110"/>
    <s v="N"/>
    <s v="MACSS Dist Billed Revenue-03"/>
    <s v=""/>
    <x v="0"/>
    <s v="CAD0330111"/>
    <s v="S"/>
    <s v="KY"/>
    <s v="REV"/>
    <s v="974"/>
    <s v="GLBATCH"/>
    <n v="1"/>
    <n v="2017"/>
  </r>
  <r>
    <s v="110"/>
    <d v="2017-01-15T00:00:00"/>
    <x v="6"/>
    <x v="0"/>
    <s v="10828"/>
    <s v="GLNANDA"/>
    <n v="0"/>
    <n v="15"/>
    <s v="Billed Revenues"/>
    <s v="EXV"/>
    <s v="NONBU"/>
    <s v="G0000110"/>
    <s v="N"/>
    <s v="MACSS Dist Billed Revenue-03"/>
    <s v=""/>
    <x v="0"/>
    <s v="CAD0330111"/>
    <s v="S"/>
    <s v="KY"/>
    <s v="REV"/>
    <s v="974"/>
    <s v="GLBATCH"/>
    <n v="1"/>
    <n v="2017"/>
  </r>
  <r>
    <s v="110"/>
    <d v="2017-01-15T00:00:00"/>
    <x v="7"/>
    <x v="0"/>
    <s v="10828"/>
    <s v="GLNANDA"/>
    <n v="-97528"/>
    <n v="-802974"/>
    <s v="Billed Revenues"/>
    <s v="EXV"/>
    <s v="NONBU"/>
    <s v="G0000110"/>
    <s v="N"/>
    <s v="MACSS Dist Billed Revenue-03"/>
    <s v=""/>
    <x v="0"/>
    <s v="CAD0330111"/>
    <s v="S"/>
    <s v="KY"/>
    <s v="REV"/>
    <s v="974"/>
    <s v="GLBATCH"/>
    <n v="1"/>
    <n v="2017"/>
  </r>
  <r>
    <s v="110"/>
    <d v="2017-01-15T00:00:00"/>
    <x v="7"/>
    <x v="0"/>
    <s v="10828"/>
    <s v="GLNANDA"/>
    <n v="0"/>
    <n v="48"/>
    <s v="Billed Revenues"/>
    <s v="EXV"/>
    <s v="NONBU"/>
    <s v="G0000110"/>
    <s v="N"/>
    <s v="MACSS Dist Billed Revenue-03"/>
    <s v=""/>
    <x v="0"/>
    <s v="CAD0330111"/>
    <s v="S"/>
    <s v="KY"/>
    <s v="REV"/>
    <s v="974"/>
    <s v="GLBATCH"/>
    <n v="1"/>
    <n v="2017"/>
  </r>
  <r>
    <s v="110"/>
    <d v="2017-01-15T00:00:00"/>
    <x v="5"/>
    <x v="0"/>
    <s v="10828"/>
    <s v="GLNANDA"/>
    <n v="-92768.48"/>
    <n v="-764162"/>
    <s v="Billed Revenues"/>
    <s v="EXV"/>
    <s v="NONBU"/>
    <s v="G0000110"/>
    <s v="N"/>
    <s v="MACSS Dist Billed Revenue-03"/>
    <s v=""/>
    <x v="0"/>
    <s v="CAD0330111"/>
    <s v="S"/>
    <s v="KY"/>
    <s v="REV"/>
    <s v="974"/>
    <s v="GLBATCH"/>
    <n v="1"/>
    <n v="2017"/>
  </r>
  <r>
    <s v="110"/>
    <d v="2017-01-15T00:00:00"/>
    <x v="5"/>
    <x v="0"/>
    <s v="10828"/>
    <s v="GLNANDA"/>
    <n v="0"/>
    <n v="126"/>
    <s v="Billed Revenues"/>
    <s v="EXV"/>
    <s v="NONBU"/>
    <s v="G0000110"/>
    <s v="N"/>
    <s v="MACSS Dist Billed Revenue-03"/>
    <s v=""/>
    <x v="0"/>
    <s v="CAD0330111"/>
    <s v="S"/>
    <s v="KY"/>
    <s v="REV"/>
    <s v="974"/>
    <s v="GLBATCH"/>
    <n v="1"/>
    <n v="2017"/>
  </r>
  <r>
    <s v="110"/>
    <d v="2017-01-15T00:00:00"/>
    <x v="3"/>
    <x v="0"/>
    <s v="10828"/>
    <s v="GLNANDA"/>
    <n v="-515941.72"/>
    <n v="-6694288"/>
    <s v="Billed Revenues"/>
    <s v="EXV"/>
    <s v="NONBU"/>
    <s v="G0000110"/>
    <s v="N"/>
    <s v="MACSS Dist Billed Revenue-03"/>
    <s v=""/>
    <x v="0"/>
    <s v="CAD0330111"/>
    <s v="S"/>
    <s v="KY"/>
    <s v="REV"/>
    <s v="974"/>
    <s v="GLBATCH"/>
    <n v="1"/>
    <n v="2017"/>
  </r>
  <r>
    <s v="110"/>
    <d v="2017-01-15T00:00:00"/>
    <x v="3"/>
    <x v="0"/>
    <s v="10828"/>
    <s v="GLNANDA"/>
    <n v="0"/>
    <n v="23"/>
    <s v="Billed Revenues"/>
    <s v="EXV"/>
    <s v="NONBU"/>
    <s v="G0000110"/>
    <s v="N"/>
    <s v="MACSS Dist Billed Revenue-03"/>
    <s v=""/>
    <x v="0"/>
    <s v="CAD0330111"/>
    <s v="S"/>
    <s v="KY"/>
    <s v="REV"/>
    <s v="974"/>
    <s v="GLBATCH"/>
    <n v="1"/>
    <n v="2017"/>
  </r>
  <r>
    <s v="110"/>
    <d v="2017-01-15T00:00:00"/>
    <x v="6"/>
    <x v="0"/>
    <s v="10828"/>
    <s v="GLNANDA"/>
    <n v="-737.4"/>
    <n v="-2981"/>
    <s v="Billed Revenues"/>
    <s v="EXV"/>
    <s v="NONBU"/>
    <s v="G0000110"/>
    <s v="N"/>
    <s v="MACSS Dist Billed Revenue-03"/>
    <s v=""/>
    <x v="0"/>
    <s v="CAD0330111"/>
    <s v="S"/>
    <s v="KY"/>
    <s v="REV"/>
    <s v="974"/>
    <s v="GLBATCH"/>
    <n v="1"/>
    <n v="2017"/>
  </r>
  <r>
    <s v="110"/>
    <d v="2017-01-15T00:00:00"/>
    <x v="0"/>
    <x v="0"/>
    <s v="10828"/>
    <s v="GLNANDA"/>
    <n v="-17135.73"/>
    <n v="-134457"/>
    <s v="Billed Revenues"/>
    <s v="EXV"/>
    <s v="NONBU"/>
    <s v="G0000110"/>
    <s v="N"/>
    <s v="MACSS Dist Billed Revenue-03"/>
    <s v=""/>
    <x v="0"/>
    <s v="CAD0330111"/>
    <s v="S"/>
    <s v="KY"/>
    <s v="REV"/>
    <s v="974"/>
    <s v="GLBATCH"/>
    <n v="1"/>
    <n v="2017"/>
  </r>
  <r>
    <s v="110"/>
    <d v="2017-01-15T00:00:00"/>
    <x v="0"/>
    <x v="0"/>
    <s v="10828"/>
    <s v="GLNANDA"/>
    <n v="0"/>
    <n v="22"/>
    <s v="Billed Revenues"/>
    <s v="EXV"/>
    <s v="NONBU"/>
    <s v="G0000110"/>
    <s v="N"/>
    <s v="MACSS Dist Billed Revenue-03"/>
    <s v=""/>
    <x v="0"/>
    <s v="CAD0330111"/>
    <s v="S"/>
    <s v="KY"/>
    <s v="REV"/>
    <s v="974"/>
    <s v="GLBATCH"/>
    <n v="1"/>
    <n v="2017"/>
  </r>
  <r>
    <s v="110"/>
    <d v="2017-01-15T00:00:00"/>
    <x v="1"/>
    <x v="0"/>
    <s v="10828"/>
    <s v="GLNANDA"/>
    <n v="-393777.67"/>
    <n v="-3231433"/>
    <s v="Billed Revenues"/>
    <s v="EXV"/>
    <s v="NONBU"/>
    <s v="G0000110"/>
    <s v="N"/>
    <s v="MACSS Dist Billed Revenue-03"/>
    <s v=""/>
    <x v="0"/>
    <s v="CAD0330111"/>
    <s v="S"/>
    <s v="KY"/>
    <s v="REV"/>
    <s v="974"/>
    <s v="GLBATCH"/>
    <n v="1"/>
    <n v="2017"/>
  </r>
  <r>
    <s v="110"/>
    <d v="2017-01-15T00:00:00"/>
    <x v="1"/>
    <x v="0"/>
    <s v="10828"/>
    <s v="GLNANDA"/>
    <n v="0"/>
    <n v="2344"/>
    <s v="Billed Revenues"/>
    <s v="EXV"/>
    <s v="NONBU"/>
    <s v="G0000110"/>
    <s v="N"/>
    <s v="MACSS Dist Billed Revenue-03"/>
    <s v=""/>
    <x v="0"/>
    <s v="CAD0330111"/>
    <s v="S"/>
    <s v="KY"/>
    <s v="REV"/>
    <s v="974"/>
    <s v="GLBATCH"/>
    <n v="1"/>
    <n v="2017"/>
  </r>
  <r>
    <s v="110"/>
    <d v="2017-01-15T00:00:00"/>
    <x v="2"/>
    <x v="0"/>
    <s v="10828"/>
    <s v="GLNANDA"/>
    <n v="-827399.91"/>
    <n v="-6802261"/>
    <s v="Billed Revenues"/>
    <s v="EXV"/>
    <s v="NONBU"/>
    <s v="G0000110"/>
    <s v="N"/>
    <s v="MACSS Dist Billed Revenue-03"/>
    <s v=""/>
    <x v="0"/>
    <s v="CAD0330111"/>
    <s v="S"/>
    <s v="KY"/>
    <s v="REV"/>
    <s v="974"/>
    <s v="GLBATCH"/>
    <n v="1"/>
    <n v="2017"/>
  </r>
  <r>
    <s v="110"/>
    <d v="2017-01-15T00:00:00"/>
    <x v="4"/>
    <x v="0"/>
    <s v="10828"/>
    <s v="GLNANDA"/>
    <n v="-1343971.57"/>
    <n v="-11470588"/>
    <s v="Billed Revenues"/>
    <s v="EXV"/>
    <s v="NONBU"/>
    <s v="G0000110"/>
    <s v="N"/>
    <s v="MACSS Dist Billed Revenue-03"/>
    <s v=""/>
    <x v="0"/>
    <s v="CAD0330111"/>
    <s v="S"/>
    <s v="KY"/>
    <s v="REV"/>
    <s v="974"/>
    <s v="GLBATCH"/>
    <n v="1"/>
    <n v="2017"/>
  </r>
  <r>
    <s v="110"/>
    <d v="2017-01-15T00:00:00"/>
    <x v="4"/>
    <x v="0"/>
    <s v="10828"/>
    <s v="GLNANDA"/>
    <n v="0"/>
    <n v="4690"/>
    <s v="Billed Revenues"/>
    <s v="EXV"/>
    <s v="NONBU"/>
    <s v="G0000110"/>
    <s v="N"/>
    <s v="MACSS Dist Billed Revenue-03"/>
    <s v=""/>
    <x v="0"/>
    <s v="CAD0330111"/>
    <s v="S"/>
    <s v="KY"/>
    <s v="REV"/>
    <s v="974"/>
    <s v="GLBATCH"/>
    <n v="1"/>
    <n v="2017"/>
  </r>
  <r>
    <s v="110"/>
    <d v="2017-01-15T00:00:00"/>
    <x v="0"/>
    <x v="0"/>
    <s v="10828"/>
    <s v="GLNANDA"/>
    <n v="-240741.9"/>
    <n v="-1759418"/>
    <s v="Billed Revenues"/>
    <s v="EXV"/>
    <s v="NONBU"/>
    <s v="G0000110"/>
    <s v="N"/>
    <s v="MACSS Dist Billed Revenue-03"/>
    <s v=""/>
    <x v="0"/>
    <s v="CAD0330112"/>
    <s v="S"/>
    <s v="KY"/>
    <s v="REV"/>
    <s v="974"/>
    <s v="GLBATCH"/>
    <n v="1"/>
    <n v="2017"/>
  </r>
  <r>
    <s v="110"/>
    <d v="2017-01-15T00:00:00"/>
    <x v="6"/>
    <x v="0"/>
    <s v="10828"/>
    <s v="GLNANDA"/>
    <n v="0"/>
    <n v="15"/>
    <s v="Billed Revenues"/>
    <s v="EXV"/>
    <s v="NONBU"/>
    <s v="G0000110"/>
    <s v="N"/>
    <s v="MACSS Dist Billed Revenue-03"/>
    <s v=""/>
    <x v="0"/>
    <s v="CAD0330112"/>
    <s v="S"/>
    <s v="KY"/>
    <s v="REV"/>
    <s v="974"/>
    <s v="GLBATCH"/>
    <n v="1"/>
    <n v="2017"/>
  </r>
  <r>
    <s v="110"/>
    <d v="2017-01-15T00:00:00"/>
    <x v="2"/>
    <x v="0"/>
    <s v="10828"/>
    <s v="GLNANDA"/>
    <n v="0"/>
    <n v="1472"/>
    <s v="Billed Revenues"/>
    <s v="EXV"/>
    <s v="NONBU"/>
    <s v="G0000110"/>
    <s v="N"/>
    <s v="MACSS Dist Billed Revenue-03"/>
    <s v=""/>
    <x v="0"/>
    <s v="CAD0330112"/>
    <s v="S"/>
    <s v="KY"/>
    <s v="REV"/>
    <s v="974"/>
    <s v="GLBATCH"/>
    <n v="1"/>
    <n v="2017"/>
  </r>
  <r>
    <s v="110"/>
    <d v="2017-01-15T00:00:00"/>
    <x v="2"/>
    <x v="0"/>
    <s v="10828"/>
    <s v="GLNANDA"/>
    <n v="-656827.84"/>
    <n v="-5761019"/>
    <s v="Billed Revenues"/>
    <s v="EXV"/>
    <s v="NONBU"/>
    <s v="G0000110"/>
    <s v="N"/>
    <s v="MACSS Dist Billed Revenue-03"/>
    <s v=""/>
    <x v="0"/>
    <s v="CAD0330112"/>
    <s v="S"/>
    <s v="KY"/>
    <s v="REV"/>
    <s v="974"/>
    <s v="GLBATCH"/>
    <n v="1"/>
    <n v="2017"/>
  </r>
  <r>
    <s v="110"/>
    <d v="2017-01-15T00:00:00"/>
    <x v="1"/>
    <x v="0"/>
    <s v="10828"/>
    <s v="GLNANDA"/>
    <n v="0"/>
    <n v="1882"/>
    <s v="Billed Revenues"/>
    <s v="EXV"/>
    <s v="NONBU"/>
    <s v="G0000110"/>
    <s v="N"/>
    <s v="MACSS Dist Billed Revenue-03"/>
    <s v=""/>
    <x v="0"/>
    <s v="CAD0330112"/>
    <s v="S"/>
    <s v="KY"/>
    <s v="REV"/>
    <s v="974"/>
    <s v="GLBATCH"/>
    <n v="1"/>
    <n v="2017"/>
  </r>
  <r>
    <s v="110"/>
    <d v="2017-01-15T00:00:00"/>
    <x v="1"/>
    <x v="0"/>
    <s v="10828"/>
    <s v="GLNANDA"/>
    <n v="-340207.7"/>
    <n v="-2801181"/>
    <s v="Billed Revenues"/>
    <s v="EXV"/>
    <s v="NONBU"/>
    <s v="G0000110"/>
    <s v="N"/>
    <s v="MACSS Dist Billed Revenue-03"/>
    <s v=""/>
    <x v="0"/>
    <s v="CAD0330112"/>
    <s v="S"/>
    <s v="KY"/>
    <s v="REV"/>
    <s v="974"/>
    <s v="GLBATCH"/>
    <n v="1"/>
    <n v="2017"/>
  </r>
  <r>
    <s v="110"/>
    <d v="2017-01-15T00:00:00"/>
    <x v="5"/>
    <x v="0"/>
    <s v="10828"/>
    <s v="GLNANDA"/>
    <n v="0"/>
    <n v="178"/>
    <s v="Billed Revenues"/>
    <s v="EXV"/>
    <s v="NONBU"/>
    <s v="G0000110"/>
    <s v="N"/>
    <s v="MACSS Dist Billed Revenue-03"/>
    <s v=""/>
    <x v="0"/>
    <s v="CAD0330112"/>
    <s v="S"/>
    <s v="KY"/>
    <s v="REV"/>
    <s v="974"/>
    <s v="GLBATCH"/>
    <n v="1"/>
    <n v="2017"/>
  </r>
  <r>
    <s v="110"/>
    <d v="2017-01-15T00:00:00"/>
    <x v="3"/>
    <x v="0"/>
    <s v="10828"/>
    <s v="GLNANDA"/>
    <n v="-16335.62"/>
    <n v="-131568"/>
    <s v="Billed Revenues"/>
    <s v="EXV"/>
    <s v="NONBU"/>
    <s v="G0000110"/>
    <s v="N"/>
    <s v="MACSS Dist Billed Revenue-03"/>
    <s v=""/>
    <x v="0"/>
    <s v="CAD0330112"/>
    <s v="S"/>
    <s v="KY"/>
    <s v="REV"/>
    <s v="974"/>
    <s v="GLBATCH"/>
    <n v="1"/>
    <n v="2017"/>
  </r>
  <r>
    <s v="110"/>
    <d v="2017-01-15T00:00:00"/>
    <x v="4"/>
    <x v="0"/>
    <s v="10828"/>
    <s v="GLNANDA"/>
    <n v="-1100660.48"/>
    <n v="-9395594"/>
    <s v="Billed Revenues"/>
    <s v="EXV"/>
    <s v="NONBU"/>
    <s v="G0000110"/>
    <s v="N"/>
    <s v="MACSS Dist Billed Revenue-03"/>
    <s v=""/>
    <x v="0"/>
    <s v="CAD0330112"/>
    <s v="S"/>
    <s v="KY"/>
    <s v="REV"/>
    <s v="974"/>
    <s v="GLBATCH"/>
    <n v="1"/>
    <n v="2017"/>
  </r>
  <r>
    <s v="110"/>
    <d v="2017-01-15T00:00:00"/>
    <x v="4"/>
    <x v="0"/>
    <s v="10828"/>
    <s v="GLNANDA"/>
    <n v="0"/>
    <n v="3756"/>
    <s v="Billed Revenues"/>
    <s v="EXV"/>
    <s v="NONBU"/>
    <s v="G0000110"/>
    <s v="N"/>
    <s v="MACSS Dist Billed Revenue-03"/>
    <s v=""/>
    <x v="0"/>
    <s v="CAD0330112"/>
    <s v="S"/>
    <s v="KY"/>
    <s v="REV"/>
    <s v="974"/>
    <s v="GLBATCH"/>
    <n v="1"/>
    <n v="2017"/>
  </r>
  <r>
    <s v="110"/>
    <d v="2017-01-15T00:00:00"/>
    <x v="0"/>
    <x v="0"/>
    <s v="10828"/>
    <s v="GLNANDA"/>
    <n v="0"/>
    <n v="50"/>
    <s v="Billed Revenues"/>
    <s v="EXV"/>
    <s v="NONBU"/>
    <s v="G0000110"/>
    <s v="N"/>
    <s v="MACSS Dist Billed Revenue-03"/>
    <s v=""/>
    <x v="0"/>
    <s v="CAD0330112"/>
    <s v="S"/>
    <s v="KY"/>
    <s v="REV"/>
    <s v="974"/>
    <s v="GLBATCH"/>
    <n v="1"/>
    <n v="2017"/>
  </r>
  <r>
    <s v="110"/>
    <d v="2017-01-15T00:00:00"/>
    <x v="3"/>
    <x v="0"/>
    <s v="10828"/>
    <s v="GLNANDA"/>
    <n v="0"/>
    <n v="17"/>
    <s v="Billed Revenues"/>
    <s v="EXV"/>
    <s v="NONBU"/>
    <s v="G0000110"/>
    <s v="N"/>
    <s v="MACSS Dist Billed Revenue-03"/>
    <s v=""/>
    <x v="0"/>
    <s v="CAD0330112"/>
    <s v="S"/>
    <s v="KY"/>
    <s v="REV"/>
    <s v="974"/>
    <s v="GLBATCH"/>
    <n v="1"/>
    <n v="2017"/>
  </r>
  <r>
    <s v="110"/>
    <d v="2017-01-15T00:00:00"/>
    <x v="7"/>
    <x v="0"/>
    <s v="10828"/>
    <s v="GLNANDA"/>
    <n v="0"/>
    <n v="35"/>
    <s v="Billed Revenues"/>
    <s v="EXV"/>
    <s v="NONBU"/>
    <s v="G0000110"/>
    <s v="N"/>
    <s v="MACSS Dist Billed Revenue-03"/>
    <s v=""/>
    <x v="0"/>
    <s v="CAD0330112"/>
    <s v="S"/>
    <s v="KY"/>
    <s v="REV"/>
    <s v="974"/>
    <s v="GLBATCH"/>
    <n v="1"/>
    <n v="2017"/>
  </r>
  <r>
    <s v="110"/>
    <d v="2017-01-15T00:00:00"/>
    <x v="7"/>
    <x v="0"/>
    <s v="10828"/>
    <s v="GLNANDA"/>
    <n v="-91767.14"/>
    <n v="-896852"/>
    <s v="Billed Revenues"/>
    <s v="EXV"/>
    <s v="NONBU"/>
    <s v="G0000110"/>
    <s v="N"/>
    <s v="MACSS Dist Billed Revenue-03"/>
    <s v=""/>
    <x v="0"/>
    <s v="CAD0330112"/>
    <s v="S"/>
    <s v="KY"/>
    <s v="REV"/>
    <s v="974"/>
    <s v="GLBATCH"/>
    <n v="1"/>
    <n v="2017"/>
  </r>
  <r>
    <s v="110"/>
    <d v="2017-01-15T00:00:00"/>
    <x v="6"/>
    <x v="0"/>
    <s v="10828"/>
    <s v="GLNANDA"/>
    <n v="-6120.81"/>
    <n v="-48082"/>
    <s v="Billed Revenues"/>
    <s v="EXV"/>
    <s v="NONBU"/>
    <s v="G0000110"/>
    <s v="N"/>
    <s v="MACSS Dist Billed Revenue-03"/>
    <s v=""/>
    <x v="0"/>
    <s v="CAD0330112"/>
    <s v="S"/>
    <s v="KY"/>
    <s v="REV"/>
    <s v="974"/>
    <s v="GLBATCH"/>
    <n v="1"/>
    <n v="2017"/>
  </r>
  <r>
    <s v="110"/>
    <d v="2017-01-15T00:00:00"/>
    <x v="5"/>
    <x v="0"/>
    <s v="10828"/>
    <s v="GLNANDA"/>
    <n v="-149810.4"/>
    <n v="-1315961"/>
    <s v="Billed Revenues"/>
    <s v="EXV"/>
    <s v="NONBU"/>
    <s v="G0000110"/>
    <s v="N"/>
    <s v="MACSS Dist Billed Revenue-03"/>
    <s v=""/>
    <x v="0"/>
    <s v="CAD0330112"/>
    <s v="S"/>
    <s v="KY"/>
    <s v="REV"/>
    <s v="974"/>
    <s v="GLBATCH"/>
    <n v="1"/>
    <n v="2017"/>
  </r>
  <r>
    <s v="110"/>
    <d v="2017-01-15T00:00:00"/>
    <x v="3"/>
    <x v="0"/>
    <s v="10828"/>
    <s v="GLNANDA"/>
    <n v="0"/>
    <n v="3"/>
    <s v="Billed Revenues"/>
    <s v="EXV"/>
    <s v="NONBU"/>
    <s v="G0000110"/>
    <s v="N"/>
    <s v="MACSS Dist Billed Revenue-03"/>
    <s v=""/>
    <x v="0"/>
    <s v="CAD0330113"/>
    <s v="S"/>
    <s v="KY"/>
    <s v="REV"/>
    <s v="974"/>
    <s v="GLBATCH"/>
    <n v="1"/>
    <n v="2017"/>
  </r>
  <r>
    <s v="110"/>
    <d v="2017-01-15T00:00:00"/>
    <x v="3"/>
    <x v="0"/>
    <s v="10828"/>
    <s v="GLNANDA"/>
    <n v="-40241.839999999997"/>
    <n v="-333144"/>
    <s v="Billed Revenues"/>
    <s v="EXV"/>
    <s v="NONBU"/>
    <s v="G0000110"/>
    <s v="N"/>
    <s v="MACSS Dist Billed Revenue-03"/>
    <s v=""/>
    <x v="0"/>
    <s v="CAD0330113"/>
    <s v="S"/>
    <s v="KY"/>
    <s v="REV"/>
    <s v="974"/>
    <s v="GLBATCH"/>
    <n v="1"/>
    <n v="2017"/>
  </r>
  <r>
    <s v="110"/>
    <d v="2017-01-15T00:00:00"/>
    <x v="7"/>
    <x v="0"/>
    <s v="10828"/>
    <s v="GLNANDA"/>
    <n v="0"/>
    <n v="35"/>
    <s v="Billed Revenues"/>
    <s v="EXV"/>
    <s v="NONBU"/>
    <s v="G0000110"/>
    <s v="N"/>
    <s v="MACSS Dist Billed Revenue-03"/>
    <s v=""/>
    <x v="0"/>
    <s v="CAD0330113"/>
    <s v="S"/>
    <s v="KY"/>
    <s v="REV"/>
    <s v="974"/>
    <s v="GLBATCH"/>
    <n v="1"/>
    <n v="2017"/>
  </r>
  <r>
    <s v="110"/>
    <d v="2017-01-15T00:00:00"/>
    <x v="7"/>
    <x v="0"/>
    <s v="10828"/>
    <s v="GLNANDA"/>
    <n v="-97274.31"/>
    <n v="-812079"/>
    <s v="Billed Revenues"/>
    <s v="EXV"/>
    <s v="NONBU"/>
    <s v="G0000110"/>
    <s v="N"/>
    <s v="MACSS Dist Billed Revenue-03"/>
    <s v=""/>
    <x v="0"/>
    <s v="CAD0330113"/>
    <s v="S"/>
    <s v="KY"/>
    <s v="REV"/>
    <s v="974"/>
    <s v="GLBATCH"/>
    <n v="1"/>
    <n v="2017"/>
  </r>
  <r>
    <s v="110"/>
    <d v="2017-01-15T00:00:00"/>
    <x v="6"/>
    <x v="0"/>
    <s v="10828"/>
    <s v="GLNANDA"/>
    <n v="0"/>
    <n v="19"/>
    <s v="Billed Revenues"/>
    <s v="EXV"/>
    <s v="NONBU"/>
    <s v="G0000110"/>
    <s v="N"/>
    <s v="MACSS Dist Billed Revenue-03"/>
    <s v=""/>
    <x v="0"/>
    <s v="CAD0330113"/>
    <s v="S"/>
    <s v="KY"/>
    <s v="REV"/>
    <s v="974"/>
    <s v="GLBATCH"/>
    <n v="1"/>
    <n v="2017"/>
  </r>
  <r>
    <s v="110"/>
    <d v="2017-01-15T00:00:00"/>
    <x v="6"/>
    <x v="0"/>
    <s v="10828"/>
    <s v="GLNANDA"/>
    <n v="-1618.36"/>
    <n v="-9481"/>
    <s v="Billed Revenues"/>
    <s v="EXV"/>
    <s v="NONBU"/>
    <s v="G0000110"/>
    <s v="N"/>
    <s v="MACSS Dist Billed Revenue-03"/>
    <s v=""/>
    <x v="0"/>
    <s v="CAD0330113"/>
    <s v="S"/>
    <s v="KY"/>
    <s v="REV"/>
    <s v="974"/>
    <s v="GLBATCH"/>
    <n v="1"/>
    <n v="2017"/>
  </r>
  <r>
    <s v="110"/>
    <d v="2017-01-15T00:00:00"/>
    <x v="5"/>
    <x v="0"/>
    <s v="10828"/>
    <s v="GLNANDA"/>
    <n v="0"/>
    <n v="194"/>
    <s v="Billed Revenues"/>
    <s v="EXV"/>
    <s v="NONBU"/>
    <s v="G0000110"/>
    <s v="N"/>
    <s v="MACSS Dist Billed Revenue-03"/>
    <s v=""/>
    <x v="0"/>
    <s v="CAD0330113"/>
    <s v="S"/>
    <s v="KY"/>
    <s v="REV"/>
    <s v="974"/>
    <s v="GLBATCH"/>
    <n v="1"/>
    <n v="2017"/>
  </r>
  <r>
    <s v="110"/>
    <d v="2017-01-15T00:00:00"/>
    <x v="5"/>
    <x v="0"/>
    <s v="10828"/>
    <s v="GLNANDA"/>
    <n v="-169704.45"/>
    <n v="-1389121"/>
    <s v="Billed Revenues"/>
    <s v="EXV"/>
    <s v="NONBU"/>
    <s v="G0000110"/>
    <s v="N"/>
    <s v="MACSS Dist Billed Revenue-03"/>
    <s v=""/>
    <x v="0"/>
    <s v="CAD0330113"/>
    <s v="S"/>
    <s v="KY"/>
    <s v="REV"/>
    <s v="974"/>
    <s v="GLBATCH"/>
    <n v="1"/>
    <n v="2017"/>
  </r>
  <r>
    <s v="110"/>
    <d v="2017-01-15T00:00:00"/>
    <x v="4"/>
    <x v="0"/>
    <s v="10828"/>
    <s v="GLNANDA"/>
    <n v="0"/>
    <n v="4591"/>
    <s v="Billed Revenues"/>
    <s v="EXV"/>
    <s v="NONBU"/>
    <s v="G0000110"/>
    <s v="N"/>
    <s v="MACSS Dist Billed Revenue-03"/>
    <s v=""/>
    <x v="0"/>
    <s v="CAD0330113"/>
    <s v="S"/>
    <s v="KY"/>
    <s v="REV"/>
    <s v="974"/>
    <s v="GLBATCH"/>
    <n v="1"/>
    <n v="2017"/>
  </r>
  <r>
    <s v="110"/>
    <d v="2017-01-15T00:00:00"/>
    <x v="4"/>
    <x v="0"/>
    <s v="10828"/>
    <s v="GLNANDA"/>
    <n v="-1156838.79"/>
    <n v="-9802249"/>
    <s v="Billed Revenues"/>
    <s v="EXV"/>
    <s v="NONBU"/>
    <s v="G0000110"/>
    <s v="N"/>
    <s v="MACSS Dist Billed Revenue-03"/>
    <s v=""/>
    <x v="0"/>
    <s v="CAD0330113"/>
    <s v="S"/>
    <s v="KY"/>
    <s v="REV"/>
    <s v="974"/>
    <s v="GLBATCH"/>
    <n v="1"/>
    <n v="2017"/>
  </r>
  <r>
    <s v="110"/>
    <d v="2017-01-15T00:00:00"/>
    <x v="1"/>
    <x v="0"/>
    <s v="10828"/>
    <s v="GLNANDA"/>
    <n v="0"/>
    <n v="2568"/>
    <s v="Billed Revenues"/>
    <s v="EXV"/>
    <s v="NONBU"/>
    <s v="G0000110"/>
    <s v="N"/>
    <s v="MACSS Dist Billed Revenue-03"/>
    <s v=""/>
    <x v="0"/>
    <s v="CAD0330113"/>
    <s v="S"/>
    <s v="KY"/>
    <s v="REV"/>
    <s v="974"/>
    <s v="GLBATCH"/>
    <n v="1"/>
    <n v="2017"/>
  </r>
  <r>
    <s v="110"/>
    <d v="2017-01-15T00:00:00"/>
    <x v="1"/>
    <x v="0"/>
    <s v="10828"/>
    <s v="GLNANDA"/>
    <n v="-446328.53"/>
    <n v="-3671825"/>
    <s v="Billed Revenues"/>
    <s v="EXV"/>
    <s v="NONBU"/>
    <s v="G0000110"/>
    <s v="N"/>
    <s v="MACSS Dist Billed Revenue-03"/>
    <s v=""/>
    <x v="0"/>
    <s v="CAD0330113"/>
    <s v="S"/>
    <s v="KY"/>
    <s v="REV"/>
    <s v="974"/>
    <s v="GLBATCH"/>
    <n v="1"/>
    <n v="2017"/>
  </r>
  <r>
    <s v="110"/>
    <d v="2017-01-15T00:00:00"/>
    <x v="0"/>
    <x v="0"/>
    <s v="10828"/>
    <s v="GLNANDA"/>
    <n v="0"/>
    <n v="20"/>
    <s v="Billed Revenues"/>
    <s v="EXV"/>
    <s v="NONBU"/>
    <s v="G0000110"/>
    <s v="N"/>
    <s v="MACSS Dist Billed Revenue-03"/>
    <s v=""/>
    <x v="0"/>
    <s v="CAD0330113"/>
    <s v="S"/>
    <s v="KY"/>
    <s v="REV"/>
    <s v="974"/>
    <s v="GLBATCH"/>
    <n v="1"/>
    <n v="2017"/>
  </r>
  <r>
    <s v="110"/>
    <d v="2017-01-15T00:00:00"/>
    <x v="0"/>
    <x v="0"/>
    <s v="10828"/>
    <s v="GLNANDA"/>
    <n v="-33704.65"/>
    <n v="-341498"/>
    <s v="Billed Revenues"/>
    <s v="EXV"/>
    <s v="NONBU"/>
    <s v="G0000110"/>
    <s v="N"/>
    <s v="MACSS Dist Billed Revenue-03"/>
    <s v=""/>
    <x v="0"/>
    <s v="CAD0330113"/>
    <s v="S"/>
    <s v="KY"/>
    <s v="REV"/>
    <s v="974"/>
    <s v="GLBATCH"/>
    <n v="1"/>
    <n v="2017"/>
  </r>
  <r>
    <s v="110"/>
    <d v="2017-01-15T00:00:00"/>
    <x v="2"/>
    <x v="0"/>
    <s v="10828"/>
    <s v="GLNANDA"/>
    <n v="0"/>
    <n v="1333"/>
    <s v="Billed Revenues"/>
    <s v="EXV"/>
    <s v="NONBU"/>
    <s v="G0000110"/>
    <s v="N"/>
    <s v="MACSS Dist Billed Revenue-03"/>
    <s v=""/>
    <x v="0"/>
    <s v="CAD0330113"/>
    <s v="S"/>
    <s v="KY"/>
    <s v="REV"/>
    <s v="974"/>
    <s v="GLBATCH"/>
    <n v="1"/>
    <n v="2017"/>
  </r>
  <r>
    <s v="110"/>
    <d v="2017-01-15T00:00:00"/>
    <x v="2"/>
    <x v="0"/>
    <s v="10828"/>
    <s v="GLNANDA"/>
    <n v="-751538.84"/>
    <n v="-6562833"/>
    <s v="Billed Revenues"/>
    <s v="EXV"/>
    <s v="NONBU"/>
    <s v="G0000110"/>
    <s v="N"/>
    <s v="MACSS Dist Billed Revenue-03"/>
    <s v=""/>
    <x v="0"/>
    <s v="CAD0330113"/>
    <s v="S"/>
    <s v="KY"/>
    <s v="REV"/>
    <s v="974"/>
    <s v="GLBATCH"/>
    <n v="1"/>
    <n v="2017"/>
  </r>
  <r>
    <s v="110"/>
    <d v="2017-01-15T00:00:00"/>
    <x v="6"/>
    <x v="0"/>
    <s v="10828"/>
    <s v="GLNANDA"/>
    <n v="0"/>
    <n v="11"/>
    <s v="Billed Revenues"/>
    <s v="EXV"/>
    <s v="NONBU"/>
    <s v="G0000110"/>
    <s v="N"/>
    <s v="MACSS Dist Billed Revenue-03"/>
    <s v=""/>
    <x v="0"/>
    <s v="CAD0330116"/>
    <s v="S"/>
    <s v="KY"/>
    <s v="REV"/>
    <s v="974"/>
    <s v="GLBATCH"/>
    <n v="1"/>
    <n v="2017"/>
  </r>
  <r>
    <s v="110"/>
    <d v="2017-01-15T00:00:00"/>
    <x v="7"/>
    <x v="0"/>
    <s v="10828"/>
    <s v="GLNANDA"/>
    <n v="-148213.21"/>
    <n v="-1240805"/>
    <s v="Billed Revenues"/>
    <s v="EXV"/>
    <s v="NONBU"/>
    <s v="G0000110"/>
    <s v="N"/>
    <s v="MACSS Dist Billed Revenue-03"/>
    <s v=""/>
    <x v="0"/>
    <s v="CAD0330116"/>
    <s v="S"/>
    <s v="KY"/>
    <s v="REV"/>
    <s v="974"/>
    <s v="GLBATCH"/>
    <n v="1"/>
    <n v="2017"/>
  </r>
  <r>
    <s v="110"/>
    <d v="2017-01-15T00:00:00"/>
    <x v="4"/>
    <x v="0"/>
    <s v="10828"/>
    <s v="GLNANDA"/>
    <n v="0"/>
    <n v="4997"/>
    <s v="Billed Revenues"/>
    <s v="EXV"/>
    <s v="NONBU"/>
    <s v="G0000110"/>
    <s v="N"/>
    <s v="MACSS Dist Billed Revenue-03"/>
    <s v=""/>
    <x v="0"/>
    <s v="CAD0330116"/>
    <s v="S"/>
    <s v="KY"/>
    <s v="REV"/>
    <s v="974"/>
    <s v="GLBATCH"/>
    <n v="1"/>
    <n v="2017"/>
  </r>
  <r>
    <s v="110"/>
    <d v="2017-01-15T00:00:00"/>
    <x v="4"/>
    <x v="0"/>
    <s v="10828"/>
    <s v="GLNANDA"/>
    <n v="-1243128.93"/>
    <n v="-10536951"/>
    <s v="Billed Revenues"/>
    <s v="EXV"/>
    <s v="NONBU"/>
    <s v="G0000110"/>
    <s v="N"/>
    <s v="MACSS Dist Billed Revenue-03"/>
    <s v=""/>
    <x v="0"/>
    <s v="CAD0330116"/>
    <s v="S"/>
    <s v="KY"/>
    <s v="REV"/>
    <s v="974"/>
    <s v="GLBATCH"/>
    <n v="1"/>
    <n v="2017"/>
  </r>
  <r>
    <s v="110"/>
    <d v="2017-01-15T00:00:00"/>
    <x v="3"/>
    <x v="0"/>
    <s v="10828"/>
    <s v="GLNANDA"/>
    <n v="0"/>
    <n v="5"/>
    <s v="Billed Revenues"/>
    <s v="EXV"/>
    <s v="NONBU"/>
    <s v="G0000110"/>
    <s v="N"/>
    <s v="MACSS Dist Billed Revenue-03"/>
    <s v=""/>
    <x v="0"/>
    <s v="CAD0330116"/>
    <s v="S"/>
    <s v="KY"/>
    <s v="REV"/>
    <s v="974"/>
    <s v="GLBATCH"/>
    <n v="1"/>
    <n v="2017"/>
  </r>
  <r>
    <s v="110"/>
    <d v="2017-01-15T00:00:00"/>
    <x v="3"/>
    <x v="0"/>
    <s v="10828"/>
    <s v="GLNANDA"/>
    <n v="-29294.97"/>
    <n v="-342404"/>
    <s v="Billed Revenues"/>
    <s v="EXV"/>
    <s v="NONBU"/>
    <s v="G0000110"/>
    <s v="N"/>
    <s v="MACSS Dist Billed Revenue-03"/>
    <s v=""/>
    <x v="0"/>
    <s v="CAD0330116"/>
    <s v="S"/>
    <s v="KY"/>
    <s v="REV"/>
    <s v="974"/>
    <s v="GLBATCH"/>
    <n v="1"/>
    <n v="2017"/>
  </r>
  <r>
    <s v="110"/>
    <d v="2017-01-15T00:00:00"/>
    <x v="1"/>
    <x v="0"/>
    <s v="10828"/>
    <s v="GLNANDA"/>
    <n v="-385285.72"/>
    <n v="-3156429"/>
    <s v="Billed Revenues"/>
    <s v="EXV"/>
    <s v="NONBU"/>
    <s v="G0000110"/>
    <s v="N"/>
    <s v="MACSS Dist Billed Revenue-03"/>
    <s v=""/>
    <x v="0"/>
    <s v="CAD0330116"/>
    <s v="S"/>
    <s v="KY"/>
    <s v="REV"/>
    <s v="974"/>
    <s v="GLBATCH"/>
    <n v="1"/>
    <n v="2017"/>
  </r>
  <r>
    <s v="110"/>
    <d v="2017-01-15T00:00:00"/>
    <x v="1"/>
    <x v="0"/>
    <s v="10828"/>
    <s v="GLNANDA"/>
    <n v="0"/>
    <n v="2280"/>
    <s v="Billed Revenues"/>
    <s v="EXV"/>
    <s v="NONBU"/>
    <s v="G0000110"/>
    <s v="N"/>
    <s v="MACSS Dist Billed Revenue-03"/>
    <s v=""/>
    <x v="0"/>
    <s v="CAD0330116"/>
    <s v="S"/>
    <s v="KY"/>
    <s v="REV"/>
    <s v="974"/>
    <s v="GLBATCH"/>
    <n v="1"/>
    <n v="2017"/>
  </r>
  <r>
    <s v="110"/>
    <d v="2017-01-15T00:00:00"/>
    <x v="2"/>
    <x v="0"/>
    <s v="10828"/>
    <s v="GLNANDA"/>
    <n v="-910576.07"/>
    <n v="-7240925"/>
    <s v="Billed Revenues"/>
    <s v="EXV"/>
    <s v="NONBU"/>
    <s v="G0000110"/>
    <s v="N"/>
    <s v="MACSS Dist Billed Revenue-03"/>
    <s v=""/>
    <x v="0"/>
    <s v="CAD0330116"/>
    <s v="S"/>
    <s v="KY"/>
    <s v="REV"/>
    <s v="974"/>
    <s v="GLBATCH"/>
    <n v="1"/>
    <n v="2017"/>
  </r>
  <r>
    <s v="110"/>
    <d v="2017-01-15T00:00:00"/>
    <x v="2"/>
    <x v="0"/>
    <s v="10828"/>
    <s v="GLNANDA"/>
    <n v="0"/>
    <n v="1792"/>
    <s v="Billed Revenues"/>
    <s v="EXV"/>
    <s v="NONBU"/>
    <s v="G0000110"/>
    <s v="N"/>
    <s v="MACSS Dist Billed Revenue-03"/>
    <s v=""/>
    <x v="0"/>
    <s v="CAD0330116"/>
    <s v="S"/>
    <s v="KY"/>
    <s v="REV"/>
    <s v="974"/>
    <s v="GLBATCH"/>
    <n v="1"/>
    <n v="2017"/>
  </r>
  <r>
    <s v="110"/>
    <d v="2017-01-15T00:00:00"/>
    <x v="0"/>
    <x v="0"/>
    <s v="10828"/>
    <s v="GLNANDA"/>
    <n v="-41885.279999999999"/>
    <n v="-508976"/>
    <s v="Billed Revenues"/>
    <s v="EXV"/>
    <s v="NONBU"/>
    <s v="G0000110"/>
    <s v="N"/>
    <s v="MACSS Dist Billed Revenue-03"/>
    <s v=""/>
    <x v="0"/>
    <s v="CAD0330116"/>
    <s v="S"/>
    <s v="KY"/>
    <s v="REV"/>
    <s v="974"/>
    <s v="GLBATCH"/>
    <n v="1"/>
    <n v="2017"/>
  </r>
  <r>
    <s v="110"/>
    <d v="2017-01-15T00:00:00"/>
    <x v="0"/>
    <x v="0"/>
    <s v="10828"/>
    <s v="GLNANDA"/>
    <n v="0"/>
    <n v="32"/>
    <s v="Billed Revenues"/>
    <s v="EXV"/>
    <s v="NONBU"/>
    <s v="G0000110"/>
    <s v="N"/>
    <s v="MACSS Dist Billed Revenue-03"/>
    <s v=""/>
    <x v="0"/>
    <s v="CAD0330116"/>
    <s v="S"/>
    <s v="KY"/>
    <s v="REV"/>
    <s v="974"/>
    <s v="GLBATCH"/>
    <n v="1"/>
    <n v="2017"/>
  </r>
  <r>
    <s v="110"/>
    <d v="2017-01-15T00:00:00"/>
    <x v="5"/>
    <x v="0"/>
    <s v="10828"/>
    <s v="GLNANDA"/>
    <n v="0"/>
    <n v="221"/>
    <s v="Billed Revenues"/>
    <s v="EXV"/>
    <s v="NONBU"/>
    <s v="G0000110"/>
    <s v="N"/>
    <s v="MACSS Dist Billed Revenue-03"/>
    <s v=""/>
    <x v="0"/>
    <s v="CAD0330116"/>
    <s v="S"/>
    <s v="KY"/>
    <s v="REV"/>
    <s v="974"/>
    <s v="GLBATCH"/>
    <n v="1"/>
    <n v="2017"/>
  </r>
  <r>
    <s v="110"/>
    <d v="2017-01-15T00:00:00"/>
    <x v="5"/>
    <x v="0"/>
    <s v="10828"/>
    <s v="GLNANDA"/>
    <n v="-235985.19"/>
    <n v="-2143630"/>
    <s v="Billed Revenues"/>
    <s v="EXV"/>
    <s v="NONBU"/>
    <s v="G0000110"/>
    <s v="N"/>
    <s v="MACSS Dist Billed Revenue-03"/>
    <s v=""/>
    <x v="0"/>
    <s v="CAD0330116"/>
    <s v="S"/>
    <s v="KY"/>
    <s v="REV"/>
    <s v="974"/>
    <s v="GLBATCH"/>
    <n v="1"/>
    <n v="2017"/>
  </r>
  <r>
    <s v="110"/>
    <d v="2017-01-15T00:00:00"/>
    <x v="7"/>
    <x v="0"/>
    <s v="10828"/>
    <s v="GLNANDA"/>
    <n v="0"/>
    <n v="52"/>
    <s v="Billed Revenues"/>
    <s v="EXV"/>
    <s v="NONBU"/>
    <s v="G0000110"/>
    <s v="N"/>
    <s v="MACSS Dist Billed Revenue-03"/>
    <s v=""/>
    <x v="0"/>
    <s v="CAD0330116"/>
    <s v="S"/>
    <s v="KY"/>
    <s v="REV"/>
    <s v="974"/>
    <s v="GLBATCH"/>
    <n v="1"/>
    <n v="2017"/>
  </r>
  <r>
    <s v="110"/>
    <d v="2017-01-15T00:00:00"/>
    <x v="6"/>
    <x v="0"/>
    <s v="10828"/>
    <s v="GLNANDA"/>
    <n v="-4083.88"/>
    <n v="-27983"/>
    <s v="Billed Revenues"/>
    <s v="EXV"/>
    <s v="NONBU"/>
    <s v="G0000110"/>
    <s v="N"/>
    <s v="MACSS Dist Billed Revenue-03"/>
    <s v=""/>
    <x v="0"/>
    <s v="CAD0330116"/>
    <s v="S"/>
    <s v="KY"/>
    <s v="REV"/>
    <s v="974"/>
    <s v="GLBATCH"/>
    <n v="1"/>
    <n v="2017"/>
  </r>
  <r>
    <s v="110"/>
    <d v="2017-01-15T00:00:00"/>
    <x v="5"/>
    <x v="0"/>
    <s v="10828"/>
    <s v="GLNANDA"/>
    <n v="-61573.39"/>
    <n v="-501858"/>
    <s v="Billed Revenues"/>
    <s v="EXV"/>
    <s v="NONBU"/>
    <s v="G0000110"/>
    <s v="N"/>
    <s v="MACSS Dist Billed Revenue-03"/>
    <s v=""/>
    <x v="0"/>
    <s v="CAD0330117"/>
    <s v="S"/>
    <s v="KY"/>
    <s v="REV"/>
    <s v="974"/>
    <s v="GLBATCH"/>
    <n v="1"/>
    <n v="2017"/>
  </r>
  <r>
    <s v="110"/>
    <d v="2017-01-15T00:00:00"/>
    <x v="5"/>
    <x v="0"/>
    <s v="10828"/>
    <s v="GLNANDA"/>
    <n v="0"/>
    <n v="106"/>
    <s v="Billed Revenues"/>
    <s v="EXV"/>
    <s v="NONBU"/>
    <s v="G0000110"/>
    <s v="N"/>
    <s v="MACSS Dist Billed Revenue-03"/>
    <s v=""/>
    <x v="0"/>
    <s v="CAD0330117"/>
    <s v="S"/>
    <s v="KY"/>
    <s v="REV"/>
    <s v="974"/>
    <s v="GLBATCH"/>
    <n v="1"/>
    <n v="2017"/>
  </r>
  <r>
    <s v="110"/>
    <d v="2017-01-15T00:00:00"/>
    <x v="3"/>
    <x v="0"/>
    <s v="10828"/>
    <s v="GLNANDA"/>
    <n v="-3732.92"/>
    <n v="-25752"/>
    <s v="Billed Revenues"/>
    <s v="EXV"/>
    <s v="NONBU"/>
    <s v="G0000110"/>
    <s v="N"/>
    <s v="MACSS Dist Billed Revenue-03"/>
    <s v=""/>
    <x v="0"/>
    <s v="CAD0330117"/>
    <s v="S"/>
    <s v="KY"/>
    <s v="REV"/>
    <s v="974"/>
    <s v="GLBATCH"/>
    <n v="1"/>
    <n v="2017"/>
  </r>
  <r>
    <s v="110"/>
    <d v="2017-01-15T00:00:00"/>
    <x v="3"/>
    <x v="0"/>
    <s v="10828"/>
    <s v="GLNANDA"/>
    <n v="0"/>
    <n v="9"/>
    <s v="Billed Revenues"/>
    <s v="EXV"/>
    <s v="NONBU"/>
    <s v="G0000110"/>
    <s v="N"/>
    <s v="MACSS Dist Billed Revenue-03"/>
    <s v=""/>
    <x v="0"/>
    <s v="CAD0330117"/>
    <s v="S"/>
    <s v="KY"/>
    <s v="REV"/>
    <s v="974"/>
    <s v="GLBATCH"/>
    <n v="1"/>
    <n v="2017"/>
  </r>
  <r>
    <s v="110"/>
    <d v="2017-01-15T00:00:00"/>
    <x v="7"/>
    <x v="0"/>
    <s v="10828"/>
    <s v="GLNANDA"/>
    <n v="0"/>
    <n v="34"/>
    <s v="Billed Revenues"/>
    <s v="EXV"/>
    <s v="NONBU"/>
    <s v="G0000110"/>
    <s v="N"/>
    <s v="MACSS Dist Billed Revenue-03"/>
    <s v=""/>
    <x v="0"/>
    <s v="CAD0330117"/>
    <s v="S"/>
    <s v="KY"/>
    <s v="REV"/>
    <s v="974"/>
    <s v="GLBATCH"/>
    <n v="1"/>
    <n v="2017"/>
  </r>
  <r>
    <s v="110"/>
    <d v="2017-01-15T00:00:00"/>
    <x v="7"/>
    <x v="0"/>
    <s v="10828"/>
    <s v="GLNANDA"/>
    <n v="-105349.04"/>
    <n v="-895260"/>
    <s v="Billed Revenues"/>
    <s v="EXV"/>
    <s v="NONBU"/>
    <s v="G0000110"/>
    <s v="N"/>
    <s v="MACSS Dist Billed Revenue-03"/>
    <s v=""/>
    <x v="0"/>
    <s v="CAD0330117"/>
    <s v="S"/>
    <s v="KY"/>
    <s v="REV"/>
    <s v="974"/>
    <s v="GLBATCH"/>
    <n v="1"/>
    <n v="2017"/>
  </r>
  <r>
    <s v="110"/>
    <d v="2017-01-15T00:00:00"/>
    <x v="2"/>
    <x v="0"/>
    <s v="10828"/>
    <s v="GLNANDA"/>
    <n v="-522185.84"/>
    <n v="-4098762"/>
    <s v="Billed Revenues"/>
    <s v="EXV"/>
    <s v="NONBU"/>
    <s v="G0000110"/>
    <s v="N"/>
    <s v="MACSS Dist Billed Revenue-03"/>
    <s v=""/>
    <x v="0"/>
    <s v="CAD0330117"/>
    <s v="S"/>
    <s v="KY"/>
    <s v="REV"/>
    <s v="974"/>
    <s v="GLBATCH"/>
    <n v="1"/>
    <n v="2017"/>
  </r>
  <r>
    <s v="110"/>
    <d v="2017-01-15T00:00:00"/>
    <x v="2"/>
    <x v="0"/>
    <s v="10828"/>
    <s v="GLNANDA"/>
    <n v="0"/>
    <n v="1278"/>
    <s v="Billed Revenues"/>
    <s v="EXV"/>
    <s v="NONBU"/>
    <s v="G0000110"/>
    <s v="N"/>
    <s v="MACSS Dist Billed Revenue-03"/>
    <s v=""/>
    <x v="0"/>
    <s v="CAD0330117"/>
    <s v="S"/>
    <s v="KY"/>
    <s v="REV"/>
    <s v="974"/>
    <s v="GLBATCH"/>
    <n v="1"/>
    <n v="2017"/>
  </r>
  <r>
    <s v="110"/>
    <d v="2017-01-15T00:00:00"/>
    <x v="0"/>
    <x v="0"/>
    <s v="10828"/>
    <s v="GLNANDA"/>
    <n v="-39489.32"/>
    <n v="-289513"/>
    <s v="Billed Revenues"/>
    <s v="EXV"/>
    <s v="NONBU"/>
    <s v="G0000110"/>
    <s v="N"/>
    <s v="MACSS Dist Billed Revenue-03"/>
    <s v=""/>
    <x v="0"/>
    <s v="CAD0330117"/>
    <s v="S"/>
    <s v="KY"/>
    <s v="REV"/>
    <s v="974"/>
    <s v="GLBATCH"/>
    <n v="1"/>
    <n v="2017"/>
  </r>
  <r>
    <s v="110"/>
    <d v="2017-01-15T00:00:00"/>
    <x v="0"/>
    <x v="0"/>
    <s v="10828"/>
    <s v="GLNANDA"/>
    <n v="0"/>
    <n v="31"/>
    <s v="Billed Revenues"/>
    <s v="EXV"/>
    <s v="NONBU"/>
    <s v="G0000110"/>
    <s v="N"/>
    <s v="MACSS Dist Billed Revenue-03"/>
    <s v=""/>
    <x v="0"/>
    <s v="CAD0330117"/>
    <s v="S"/>
    <s v="KY"/>
    <s v="REV"/>
    <s v="974"/>
    <s v="GLBATCH"/>
    <n v="1"/>
    <n v="2017"/>
  </r>
  <r>
    <s v="110"/>
    <d v="2017-01-15T00:00:00"/>
    <x v="1"/>
    <x v="0"/>
    <s v="10828"/>
    <s v="GLNANDA"/>
    <n v="-375026.6"/>
    <n v="-3085783"/>
    <s v="Billed Revenues"/>
    <s v="EXV"/>
    <s v="NONBU"/>
    <s v="G0000110"/>
    <s v="N"/>
    <s v="MACSS Dist Billed Revenue-03"/>
    <s v=""/>
    <x v="0"/>
    <s v="CAD0330117"/>
    <s v="S"/>
    <s v="KY"/>
    <s v="REV"/>
    <s v="974"/>
    <s v="GLBATCH"/>
    <n v="1"/>
    <n v="2017"/>
  </r>
  <r>
    <s v="110"/>
    <d v="2017-01-15T00:00:00"/>
    <x v="1"/>
    <x v="0"/>
    <s v="10828"/>
    <s v="GLNANDA"/>
    <n v="0"/>
    <n v="2052"/>
    <s v="Billed Revenues"/>
    <s v="EXV"/>
    <s v="NONBU"/>
    <s v="G0000110"/>
    <s v="N"/>
    <s v="MACSS Dist Billed Revenue-03"/>
    <s v=""/>
    <x v="0"/>
    <s v="CAD0330117"/>
    <s v="S"/>
    <s v="KY"/>
    <s v="REV"/>
    <s v="974"/>
    <s v="GLBATCH"/>
    <n v="1"/>
    <n v="2017"/>
  </r>
  <r>
    <s v="110"/>
    <d v="2017-01-15T00:00:00"/>
    <x v="4"/>
    <x v="0"/>
    <s v="10828"/>
    <s v="GLNANDA"/>
    <n v="-1135984.08"/>
    <n v="-9622077"/>
    <s v="Billed Revenues"/>
    <s v="EXV"/>
    <s v="NONBU"/>
    <s v="G0000110"/>
    <s v="N"/>
    <s v="MACSS Dist Billed Revenue-03"/>
    <s v=""/>
    <x v="0"/>
    <s v="CAD0330117"/>
    <s v="S"/>
    <s v="KY"/>
    <s v="REV"/>
    <s v="974"/>
    <s v="GLBATCH"/>
    <n v="1"/>
    <n v="2017"/>
  </r>
  <r>
    <s v="110"/>
    <d v="2017-01-15T00:00:00"/>
    <x v="4"/>
    <x v="0"/>
    <s v="10828"/>
    <s v="GLNANDA"/>
    <n v="0"/>
    <n v="4369"/>
    <s v="Billed Revenues"/>
    <s v="EXV"/>
    <s v="NONBU"/>
    <s v="G0000110"/>
    <s v="N"/>
    <s v="MACSS Dist Billed Revenue-03"/>
    <s v=""/>
    <x v="0"/>
    <s v="CAD0330117"/>
    <s v="S"/>
    <s v="KY"/>
    <s v="REV"/>
    <s v="974"/>
    <s v="GLBATCH"/>
    <n v="1"/>
    <n v="2017"/>
  </r>
  <r>
    <s v="110"/>
    <d v="2017-01-15T00:00:00"/>
    <x v="6"/>
    <x v="0"/>
    <s v="10828"/>
    <s v="GLNANDA"/>
    <n v="-932.96"/>
    <n v="-4790"/>
    <s v="Billed Revenues"/>
    <s v="EXV"/>
    <s v="NONBU"/>
    <s v="G0000110"/>
    <s v="N"/>
    <s v="MACSS Dist Billed Revenue-03"/>
    <s v=""/>
    <x v="0"/>
    <s v="CAD0330117"/>
    <s v="S"/>
    <s v="KY"/>
    <s v="REV"/>
    <s v="974"/>
    <s v="GLBATCH"/>
    <n v="1"/>
    <n v="2017"/>
  </r>
  <r>
    <s v="110"/>
    <d v="2017-01-15T00:00:00"/>
    <x v="6"/>
    <x v="0"/>
    <s v="10828"/>
    <s v="GLNANDA"/>
    <n v="0"/>
    <n v="17"/>
    <s v="Billed Revenues"/>
    <s v="EXV"/>
    <s v="NONBU"/>
    <s v="G0000110"/>
    <s v="N"/>
    <s v="MACSS Dist Billed Revenue-03"/>
    <s v=""/>
    <x v="0"/>
    <s v="CAD0330117"/>
    <s v="S"/>
    <s v="KY"/>
    <s v="REV"/>
    <s v="974"/>
    <s v="GLBATCH"/>
    <n v="1"/>
    <n v="2017"/>
  </r>
  <r>
    <s v="110"/>
    <d v="2017-01-15T00:00:00"/>
    <x v="1"/>
    <x v="0"/>
    <s v="10828"/>
    <s v="GLNANDA"/>
    <n v="-322583.15999999997"/>
    <n v="-2637884"/>
    <s v="Billed Revenues"/>
    <s v="EXV"/>
    <s v="NONBU"/>
    <s v="G0000110"/>
    <s v="N"/>
    <s v="MACSS Dist Billed Revenue-03"/>
    <s v=""/>
    <x v="0"/>
    <s v="CAD0330118"/>
    <s v="S"/>
    <s v="KY"/>
    <s v="REV"/>
    <s v="974"/>
    <s v="GLBATCH"/>
    <n v="1"/>
    <n v="2017"/>
  </r>
  <r>
    <s v="110"/>
    <d v="2017-01-15T00:00:00"/>
    <x v="7"/>
    <x v="0"/>
    <s v="10828"/>
    <s v="GLNANDA"/>
    <n v="0"/>
    <n v="14"/>
    <s v="Billed Revenues"/>
    <s v="EXV"/>
    <s v="NONBU"/>
    <s v="G0000110"/>
    <s v="N"/>
    <s v="MACSS Dist Billed Revenue-03"/>
    <s v=""/>
    <x v="0"/>
    <s v="CAD0330118"/>
    <s v="S"/>
    <s v="KY"/>
    <s v="REV"/>
    <s v="974"/>
    <s v="GLBATCH"/>
    <n v="1"/>
    <n v="2017"/>
  </r>
  <r>
    <s v="110"/>
    <d v="2017-01-15T00:00:00"/>
    <x v="6"/>
    <x v="0"/>
    <s v="10828"/>
    <s v="GLNANDA"/>
    <n v="0"/>
    <n v="1"/>
    <s v="Billed Revenues"/>
    <s v="EXV"/>
    <s v="NONBU"/>
    <s v="G0000110"/>
    <s v="N"/>
    <s v="MACSS Dist Billed Revenue-03"/>
    <s v=""/>
    <x v="0"/>
    <s v="CAD0330118"/>
    <s v="S"/>
    <s v="KY"/>
    <s v="REV"/>
    <s v="974"/>
    <s v="GLBATCH"/>
    <n v="1"/>
    <n v="2017"/>
  </r>
  <r>
    <s v="110"/>
    <d v="2017-01-15T00:00:00"/>
    <x v="6"/>
    <x v="0"/>
    <s v="10828"/>
    <s v="GLNANDA"/>
    <n v="-84.22"/>
    <n v="-429"/>
    <s v="Billed Revenues"/>
    <s v="EXV"/>
    <s v="NONBU"/>
    <s v="G0000110"/>
    <s v="N"/>
    <s v="MACSS Dist Billed Revenue-03"/>
    <s v=""/>
    <x v="0"/>
    <s v="CAD0330118"/>
    <s v="S"/>
    <s v="KY"/>
    <s v="REV"/>
    <s v="974"/>
    <s v="GLBATCH"/>
    <n v="1"/>
    <n v="2017"/>
  </r>
  <r>
    <s v="110"/>
    <d v="2017-01-15T00:00:00"/>
    <x v="3"/>
    <x v="0"/>
    <s v="10828"/>
    <s v="GLNANDA"/>
    <n v="0"/>
    <n v="7"/>
    <s v="Billed Revenues"/>
    <s v="EXV"/>
    <s v="NONBU"/>
    <s v="G0000110"/>
    <s v="N"/>
    <s v="MACSS Dist Billed Revenue-03"/>
    <s v=""/>
    <x v="0"/>
    <s v="CAD0330118"/>
    <s v="S"/>
    <s v="KY"/>
    <s v="REV"/>
    <s v="974"/>
    <s v="GLBATCH"/>
    <n v="1"/>
    <n v="2017"/>
  </r>
  <r>
    <s v="110"/>
    <d v="2017-01-15T00:00:00"/>
    <x v="3"/>
    <x v="0"/>
    <s v="10828"/>
    <s v="GLNANDA"/>
    <n v="-77800.800000000003"/>
    <n v="-1004050"/>
    <s v="Billed Revenues"/>
    <s v="EXV"/>
    <s v="NONBU"/>
    <s v="G0000110"/>
    <s v="N"/>
    <s v="MACSS Dist Billed Revenue-03"/>
    <s v=""/>
    <x v="0"/>
    <s v="CAD0330118"/>
    <s v="S"/>
    <s v="KY"/>
    <s v="REV"/>
    <s v="974"/>
    <s v="GLBATCH"/>
    <n v="1"/>
    <n v="2017"/>
  </r>
  <r>
    <s v="110"/>
    <d v="2017-01-15T00:00:00"/>
    <x v="2"/>
    <x v="0"/>
    <s v="10828"/>
    <s v="GLNANDA"/>
    <n v="-218985.7"/>
    <n v="-1641707"/>
    <s v="Billed Revenues"/>
    <s v="EXV"/>
    <s v="NONBU"/>
    <s v="G0000110"/>
    <s v="N"/>
    <s v="MACSS Dist Billed Revenue-03"/>
    <s v=""/>
    <x v="0"/>
    <s v="CAD0330118"/>
    <s v="S"/>
    <s v="KY"/>
    <s v="REV"/>
    <s v="974"/>
    <s v="GLBATCH"/>
    <n v="1"/>
    <n v="2017"/>
  </r>
  <r>
    <s v="110"/>
    <d v="2017-01-15T00:00:00"/>
    <x v="2"/>
    <x v="0"/>
    <s v="10828"/>
    <s v="GLNANDA"/>
    <n v="0"/>
    <n v="1030"/>
    <s v="Billed Revenues"/>
    <s v="EXV"/>
    <s v="NONBU"/>
    <s v="G0000110"/>
    <s v="N"/>
    <s v="MACSS Dist Billed Revenue-03"/>
    <s v=""/>
    <x v="0"/>
    <s v="CAD0330118"/>
    <s v="S"/>
    <s v="KY"/>
    <s v="REV"/>
    <s v="974"/>
    <s v="GLBATCH"/>
    <n v="1"/>
    <n v="2017"/>
  </r>
  <r>
    <s v="110"/>
    <d v="2017-01-15T00:00:00"/>
    <x v="7"/>
    <x v="0"/>
    <s v="10828"/>
    <s v="GLNANDA"/>
    <n v="-53061.05"/>
    <n v="-469901"/>
    <s v="Billed Revenues"/>
    <s v="EXV"/>
    <s v="NONBU"/>
    <s v="G0000110"/>
    <s v="N"/>
    <s v="MACSS Dist Billed Revenue-03"/>
    <s v=""/>
    <x v="0"/>
    <s v="CAD0330118"/>
    <s v="S"/>
    <s v="KY"/>
    <s v="REV"/>
    <s v="974"/>
    <s v="GLBATCH"/>
    <n v="1"/>
    <n v="2017"/>
  </r>
  <r>
    <s v="110"/>
    <d v="2017-01-15T00:00:00"/>
    <x v="1"/>
    <x v="0"/>
    <s v="10828"/>
    <s v="GLNANDA"/>
    <n v="0"/>
    <n v="1860"/>
    <s v="Billed Revenues"/>
    <s v="EXV"/>
    <s v="NONBU"/>
    <s v="G0000110"/>
    <s v="N"/>
    <s v="MACSS Dist Billed Revenue-03"/>
    <s v=""/>
    <x v="0"/>
    <s v="CAD0330118"/>
    <s v="S"/>
    <s v="KY"/>
    <s v="REV"/>
    <s v="974"/>
    <s v="GLBATCH"/>
    <n v="1"/>
    <n v="2017"/>
  </r>
  <r>
    <s v="110"/>
    <d v="2017-01-15T00:00:00"/>
    <x v="5"/>
    <x v="0"/>
    <s v="10828"/>
    <s v="GLNANDA"/>
    <n v="0"/>
    <n v="86"/>
    <s v="Billed Revenues"/>
    <s v="EXV"/>
    <s v="NONBU"/>
    <s v="G0000110"/>
    <s v="N"/>
    <s v="MACSS Dist Billed Revenue-03"/>
    <s v=""/>
    <x v="0"/>
    <s v="CAD0330118"/>
    <s v="S"/>
    <s v="KY"/>
    <s v="REV"/>
    <s v="974"/>
    <s v="GLBATCH"/>
    <n v="1"/>
    <n v="2017"/>
  </r>
  <r>
    <s v="110"/>
    <d v="2017-01-15T00:00:00"/>
    <x v="5"/>
    <x v="0"/>
    <s v="10828"/>
    <s v="GLNANDA"/>
    <n v="-55748.17"/>
    <n v="-463184"/>
    <s v="Billed Revenues"/>
    <s v="EXV"/>
    <s v="NONBU"/>
    <s v="G0000110"/>
    <s v="N"/>
    <s v="MACSS Dist Billed Revenue-03"/>
    <s v=""/>
    <x v="0"/>
    <s v="CAD0330118"/>
    <s v="S"/>
    <s v="KY"/>
    <s v="REV"/>
    <s v="974"/>
    <s v="GLBATCH"/>
    <n v="1"/>
    <n v="2017"/>
  </r>
  <r>
    <s v="110"/>
    <d v="2017-01-15T00:00:00"/>
    <x v="0"/>
    <x v="0"/>
    <s v="10828"/>
    <s v="GLNANDA"/>
    <n v="-19897.21"/>
    <n v="-135350"/>
    <s v="Billed Revenues"/>
    <s v="EXV"/>
    <s v="NONBU"/>
    <s v="G0000110"/>
    <s v="N"/>
    <s v="MACSS Dist Billed Revenue-03"/>
    <s v=""/>
    <x v="0"/>
    <s v="CAD0330118"/>
    <s v="S"/>
    <s v="KY"/>
    <s v="REV"/>
    <s v="974"/>
    <s v="GLBATCH"/>
    <n v="1"/>
    <n v="2017"/>
  </r>
  <r>
    <s v="110"/>
    <d v="2017-01-15T00:00:00"/>
    <x v="0"/>
    <x v="0"/>
    <s v="10828"/>
    <s v="GLNANDA"/>
    <n v="0"/>
    <n v="20"/>
    <s v="Billed Revenues"/>
    <s v="EXV"/>
    <s v="NONBU"/>
    <s v="G0000110"/>
    <s v="N"/>
    <s v="MACSS Dist Billed Revenue-03"/>
    <s v=""/>
    <x v="0"/>
    <s v="CAD0330118"/>
    <s v="S"/>
    <s v="KY"/>
    <s v="REV"/>
    <s v="974"/>
    <s v="GLBATCH"/>
    <n v="1"/>
    <n v="2017"/>
  </r>
  <r>
    <s v="110"/>
    <d v="2017-01-15T00:00:00"/>
    <x v="4"/>
    <x v="0"/>
    <s v="10828"/>
    <s v="GLNANDA"/>
    <n v="-1057610.27"/>
    <n v="-8968649"/>
    <s v="Billed Revenues"/>
    <s v="EXV"/>
    <s v="NONBU"/>
    <s v="G0000110"/>
    <s v="N"/>
    <s v="MACSS Dist Billed Revenue-03"/>
    <s v=""/>
    <x v="0"/>
    <s v="CAD0330118"/>
    <s v="S"/>
    <s v="KY"/>
    <s v="REV"/>
    <s v="974"/>
    <s v="GLBATCH"/>
    <n v="1"/>
    <n v="2017"/>
  </r>
  <r>
    <s v="110"/>
    <d v="2017-01-15T00:00:00"/>
    <x v="4"/>
    <x v="0"/>
    <s v="10828"/>
    <s v="GLNANDA"/>
    <n v="0"/>
    <n v="3901"/>
    <s v="Billed Revenues"/>
    <s v="EXV"/>
    <s v="NONBU"/>
    <s v="G0000110"/>
    <s v="N"/>
    <s v="MACSS Dist Billed Revenue-03"/>
    <s v=""/>
    <x v="0"/>
    <s v="CAD0330118"/>
    <s v="S"/>
    <s v="KY"/>
    <s v="REV"/>
    <s v="974"/>
    <s v="GLBATCH"/>
    <n v="1"/>
    <n v="2017"/>
  </r>
  <r>
    <s v="110"/>
    <d v="2017-01-15T00:00:00"/>
    <x v="5"/>
    <x v="0"/>
    <s v="10828"/>
    <s v="GLNANDA"/>
    <n v="0"/>
    <n v="87"/>
    <s v="Billed Revenues"/>
    <s v="EXV"/>
    <s v="NONBU"/>
    <s v="G0000110"/>
    <s v="N"/>
    <s v="MACSS Dist Billed Revenue-03"/>
    <s v=""/>
    <x v="0"/>
    <s v="CAD0330119"/>
    <s v="S"/>
    <s v="KY"/>
    <s v="REV"/>
    <s v="974"/>
    <s v="GLBATCH"/>
    <n v="1"/>
    <n v="2017"/>
  </r>
  <r>
    <s v="110"/>
    <d v="2017-01-15T00:00:00"/>
    <x v="4"/>
    <x v="0"/>
    <s v="10828"/>
    <s v="GLNANDA"/>
    <n v="0"/>
    <n v="3657"/>
    <s v="Billed Revenues"/>
    <s v="EXV"/>
    <s v="NONBU"/>
    <s v="G0000110"/>
    <s v="N"/>
    <s v="MACSS Dist Billed Revenue-03"/>
    <s v=""/>
    <x v="0"/>
    <s v="CAD0330119"/>
    <s v="S"/>
    <s v="KY"/>
    <s v="REV"/>
    <s v="974"/>
    <s v="GLBATCH"/>
    <n v="1"/>
    <n v="2017"/>
  </r>
  <r>
    <s v="110"/>
    <d v="2017-01-15T00:00:00"/>
    <x v="1"/>
    <x v="0"/>
    <s v="10828"/>
    <s v="GLNANDA"/>
    <n v="-458361.09"/>
    <n v="-3744888"/>
    <s v="Billed Revenues"/>
    <s v="EXV"/>
    <s v="NONBU"/>
    <s v="G0000110"/>
    <s v="N"/>
    <s v="MACSS Dist Billed Revenue-03"/>
    <s v=""/>
    <x v="0"/>
    <s v="CAD0330119"/>
    <s v="S"/>
    <s v="KY"/>
    <s v="REV"/>
    <s v="974"/>
    <s v="GLBATCH"/>
    <n v="1"/>
    <n v="2017"/>
  </r>
  <r>
    <s v="110"/>
    <d v="2017-01-15T00:00:00"/>
    <x v="1"/>
    <x v="0"/>
    <s v="10828"/>
    <s v="GLNANDA"/>
    <n v="0"/>
    <n v="2824"/>
    <s v="Billed Revenues"/>
    <s v="EXV"/>
    <s v="NONBU"/>
    <s v="G0000110"/>
    <s v="N"/>
    <s v="MACSS Dist Billed Revenue-03"/>
    <s v=""/>
    <x v="0"/>
    <s v="CAD0330119"/>
    <s v="S"/>
    <s v="KY"/>
    <s v="REV"/>
    <s v="974"/>
    <s v="GLBATCH"/>
    <n v="1"/>
    <n v="2017"/>
  </r>
  <r>
    <s v="110"/>
    <d v="2017-01-15T00:00:00"/>
    <x v="3"/>
    <x v="0"/>
    <s v="10828"/>
    <s v="GLNANDA"/>
    <n v="0"/>
    <n v="11"/>
    <s v="Billed Revenues"/>
    <s v="EXV"/>
    <s v="NONBU"/>
    <s v="G0000110"/>
    <s v="N"/>
    <s v="MACSS Dist Billed Revenue-03"/>
    <s v=""/>
    <x v="0"/>
    <s v="CAD0330119"/>
    <s v="S"/>
    <s v="KY"/>
    <s v="REV"/>
    <s v="974"/>
    <s v="GLBATCH"/>
    <n v="1"/>
    <n v="2017"/>
  </r>
  <r>
    <s v="110"/>
    <d v="2017-01-15T00:00:00"/>
    <x v="3"/>
    <x v="0"/>
    <s v="10828"/>
    <s v="GLNANDA"/>
    <n v="-180012.76"/>
    <n v="-1933792"/>
    <s v="Billed Revenues"/>
    <s v="EXV"/>
    <s v="NONBU"/>
    <s v="G0000110"/>
    <s v="N"/>
    <s v="MACSS Dist Billed Revenue-03"/>
    <s v=""/>
    <x v="0"/>
    <s v="CAD0330119"/>
    <s v="S"/>
    <s v="KY"/>
    <s v="REV"/>
    <s v="974"/>
    <s v="GLBATCH"/>
    <n v="1"/>
    <n v="2017"/>
  </r>
  <r>
    <s v="110"/>
    <d v="2017-01-15T00:00:00"/>
    <x v="2"/>
    <x v="0"/>
    <s v="10828"/>
    <s v="GLNANDA"/>
    <n v="-341656.49"/>
    <n v="-3611499"/>
    <s v="Billed Revenues"/>
    <s v="EXV"/>
    <s v="NONBU"/>
    <s v="G0000110"/>
    <s v="N"/>
    <s v="MACSS Dist Billed Revenue-03"/>
    <s v=""/>
    <x v="0"/>
    <s v="CAD0330119"/>
    <s v="S"/>
    <s v="KY"/>
    <s v="REV"/>
    <s v="974"/>
    <s v="GLBATCH"/>
    <n v="1"/>
    <n v="2017"/>
  </r>
  <r>
    <s v="110"/>
    <d v="2017-01-15T00:00:00"/>
    <x v="2"/>
    <x v="0"/>
    <s v="10828"/>
    <s v="GLNANDA"/>
    <n v="0"/>
    <n v="1000"/>
    <s v="Billed Revenues"/>
    <s v="EXV"/>
    <s v="NONBU"/>
    <s v="G0000110"/>
    <s v="N"/>
    <s v="MACSS Dist Billed Revenue-03"/>
    <s v=""/>
    <x v="0"/>
    <s v="CAD0330119"/>
    <s v="S"/>
    <s v="KY"/>
    <s v="REV"/>
    <s v="974"/>
    <s v="GLBATCH"/>
    <n v="1"/>
    <n v="2017"/>
  </r>
  <r>
    <s v="110"/>
    <d v="2017-01-15T00:00:00"/>
    <x v="7"/>
    <x v="0"/>
    <s v="10828"/>
    <s v="GLNANDA"/>
    <n v="-75493.429999999993"/>
    <n v="-608041"/>
    <s v="Billed Revenues"/>
    <s v="EXV"/>
    <s v="NONBU"/>
    <s v="G0000110"/>
    <s v="N"/>
    <s v="MACSS Dist Billed Revenue-03"/>
    <s v=""/>
    <x v="0"/>
    <s v="CAD0330119"/>
    <s v="S"/>
    <s v="KY"/>
    <s v="REV"/>
    <s v="974"/>
    <s v="GLBATCH"/>
    <n v="1"/>
    <n v="2017"/>
  </r>
  <r>
    <s v="110"/>
    <d v="2017-01-15T00:00:00"/>
    <x v="7"/>
    <x v="0"/>
    <s v="10828"/>
    <s v="GLNANDA"/>
    <n v="0"/>
    <n v="21"/>
    <s v="Billed Revenues"/>
    <s v="EXV"/>
    <s v="NONBU"/>
    <s v="G0000110"/>
    <s v="N"/>
    <s v="MACSS Dist Billed Revenue-03"/>
    <s v=""/>
    <x v="0"/>
    <s v="CAD0330119"/>
    <s v="S"/>
    <s v="KY"/>
    <s v="REV"/>
    <s v="974"/>
    <s v="GLBATCH"/>
    <n v="1"/>
    <n v="2017"/>
  </r>
  <r>
    <s v="110"/>
    <d v="2017-01-15T00:00:00"/>
    <x v="6"/>
    <x v="0"/>
    <s v="10828"/>
    <s v="GLNANDA"/>
    <n v="0"/>
    <n v="7"/>
    <s v="Billed Revenues"/>
    <s v="EXV"/>
    <s v="NONBU"/>
    <s v="G0000110"/>
    <s v="N"/>
    <s v="MACSS Dist Billed Revenue-03"/>
    <s v=""/>
    <x v="0"/>
    <s v="CAD0330119"/>
    <s v="S"/>
    <s v="KY"/>
    <s v="REV"/>
    <s v="974"/>
    <s v="GLBATCH"/>
    <n v="1"/>
    <n v="2017"/>
  </r>
  <r>
    <s v="110"/>
    <d v="2017-01-15T00:00:00"/>
    <x v="6"/>
    <x v="0"/>
    <s v="10828"/>
    <s v="GLNANDA"/>
    <n v="-436.62"/>
    <n v="-2418"/>
    <s v="Billed Revenues"/>
    <s v="EXV"/>
    <s v="NONBU"/>
    <s v="G0000110"/>
    <s v="N"/>
    <s v="MACSS Dist Billed Revenue-03"/>
    <s v=""/>
    <x v="0"/>
    <s v="CAD0330119"/>
    <s v="S"/>
    <s v="KY"/>
    <s v="REV"/>
    <s v="974"/>
    <s v="GLBATCH"/>
    <n v="1"/>
    <n v="2017"/>
  </r>
  <r>
    <s v="110"/>
    <d v="2017-01-15T00:00:00"/>
    <x v="0"/>
    <x v="0"/>
    <s v="10828"/>
    <s v="GLNANDA"/>
    <n v="0"/>
    <n v="46"/>
    <s v="Billed Revenues"/>
    <s v="EXV"/>
    <s v="NONBU"/>
    <s v="G0000110"/>
    <s v="N"/>
    <s v="MACSS Dist Billed Revenue-03"/>
    <s v=""/>
    <x v="0"/>
    <s v="CAD0330119"/>
    <s v="S"/>
    <s v="KY"/>
    <s v="REV"/>
    <s v="974"/>
    <s v="GLBATCH"/>
    <n v="1"/>
    <n v="2017"/>
  </r>
  <r>
    <s v="110"/>
    <d v="2017-01-15T00:00:00"/>
    <x v="0"/>
    <x v="0"/>
    <s v="10828"/>
    <s v="GLNANDA"/>
    <n v="-71337.679999999993"/>
    <n v="-635272"/>
    <s v="Billed Revenues"/>
    <s v="EXV"/>
    <s v="NONBU"/>
    <s v="G0000110"/>
    <s v="N"/>
    <s v="MACSS Dist Billed Revenue-03"/>
    <s v=""/>
    <x v="0"/>
    <s v="CAD0330119"/>
    <s v="S"/>
    <s v="KY"/>
    <s v="REV"/>
    <s v="974"/>
    <s v="GLBATCH"/>
    <n v="1"/>
    <n v="2017"/>
  </r>
  <r>
    <s v="110"/>
    <d v="2017-01-15T00:00:00"/>
    <x v="4"/>
    <x v="0"/>
    <s v="10828"/>
    <s v="GLNANDA"/>
    <n v="-958224.88"/>
    <n v="-8113636"/>
    <s v="Billed Revenues"/>
    <s v="EXV"/>
    <s v="NONBU"/>
    <s v="G0000110"/>
    <s v="N"/>
    <s v="MACSS Dist Billed Revenue-03"/>
    <s v=""/>
    <x v="0"/>
    <s v="CAD0330119"/>
    <s v="S"/>
    <s v="KY"/>
    <s v="REV"/>
    <s v="974"/>
    <s v="GLBATCH"/>
    <n v="1"/>
    <n v="2017"/>
  </r>
  <r>
    <s v="110"/>
    <d v="2017-01-15T00:00:00"/>
    <x v="5"/>
    <x v="0"/>
    <s v="10828"/>
    <s v="GLNANDA"/>
    <n v="-58044.959999999999"/>
    <n v="-495068"/>
    <s v="Billed Revenues"/>
    <s v="EXV"/>
    <s v="NONBU"/>
    <s v="G0000110"/>
    <s v="N"/>
    <s v="MACSS Dist Billed Revenue-03"/>
    <s v=""/>
    <x v="0"/>
    <s v="CAD0330119"/>
    <s v="S"/>
    <s v="KY"/>
    <s v="REV"/>
    <s v="974"/>
    <s v="GLBATCH"/>
    <n v="1"/>
    <n v="2017"/>
  </r>
  <r>
    <s v="110"/>
    <d v="2017-01-15T00:00:00"/>
    <x v="4"/>
    <x v="0"/>
    <s v="10828"/>
    <s v="GLNANDA"/>
    <n v="0"/>
    <n v="4228"/>
    <s v="Billed Revenues"/>
    <s v="EXV"/>
    <s v="NONBU"/>
    <s v="G0000110"/>
    <s v="N"/>
    <s v="MACSS Dist Billed Revenue-03"/>
    <s v=""/>
    <x v="0"/>
    <s v="CAD0330120"/>
    <s v="S"/>
    <s v="KY"/>
    <s v="REV"/>
    <s v="974"/>
    <s v="GLBATCH"/>
    <n v="1"/>
    <n v="2017"/>
  </r>
  <r>
    <s v="110"/>
    <d v="2017-01-15T00:00:00"/>
    <x v="4"/>
    <x v="0"/>
    <s v="10828"/>
    <s v="GLNANDA"/>
    <n v="-1077316.8400000001"/>
    <n v="-9106316"/>
    <s v="Billed Revenues"/>
    <s v="EXV"/>
    <s v="NONBU"/>
    <s v="G0000110"/>
    <s v="N"/>
    <s v="MACSS Dist Billed Revenue-03"/>
    <s v=""/>
    <x v="0"/>
    <s v="CAD0330120"/>
    <s v="S"/>
    <s v="KY"/>
    <s v="REV"/>
    <s v="974"/>
    <s v="GLBATCH"/>
    <n v="1"/>
    <n v="2017"/>
  </r>
  <r>
    <s v="110"/>
    <d v="2017-01-15T00:00:00"/>
    <x v="2"/>
    <x v="0"/>
    <s v="10828"/>
    <s v="GLNANDA"/>
    <n v="0"/>
    <n v="1177"/>
    <s v="Billed Revenues"/>
    <s v="EXV"/>
    <s v="NONBU"/>
    <s v="G0000110"/>
    <s v="N"/>
    <s v="MACSS Dist Billed Revenue-03"/>
    <s v=""/>
    <x v="0"/>
    <s v="CAD0330120"/>
    <s v="S"/>
    <s v="KY"/>
    <s v="REV"/>
    <s v="974"/>
    <s v="GLBATCH"/>
    <n v="1"/>
    <n v="2017"/>
  </r>
  <r>
    <s v="110"/>
    <d v="2017-01-15T00:00:00"/>
    <x v="2"/>
    <x v="0"/>
    <s v="10828"/>
    <s v="GLNANDA"/>
    <n v="-274663.93"/>
    <n v="-2075842"/>
    <s v="Billed Revenues"/>
    <s v="EXV"/>
    <s v="NONBU"/>
    <s v="G0000110"/>
    <s v="N"/>
    <s v="MACSS Dist Billed Revenue-03"/>
    <s v=""/>
    <x v="0"/>
    <s v="CAD0330120"/>
    <s v="S"/>
    <s v="KY"/>
    <s v="REV"/>
    <s v="974"/>
    <s v="GLBATCH"/>
    <n v="1"/>
    <n v="2017"/>
  </r>
  <r>
    <s v="110"/>
    <d v="2017-01-15T00:00:00"/>
    <x v="1"/>
    <x v="0"/>
    <s v="10828"/>
    <s v="GLNANDA"/>
    <n v="0"/>
    <n v="1981"/>
    <s v="Billed Revenues"/>
    <s v="EXV"/>
    <s v="NONBU"/>
    <s v="G0000110"/>
    <s v="N"/>
    <s v="MACSS Dist Billed Revenue-03"/>
    <s v=""/>
    <x v="0"/>
    <s v="CAD0330120"/>
    <s v="S"/>
    <s v="KY"/>
    <s v="REV"/>
    <s v="974"/>
    <s v="GLBATCH"/>
    <n v="1"/>
    <n v="2017"/>
  </r>
  <r>
    <s v="110"/>
    <d v="2017-01-15T00:00:00"/>
    <x v="1"/>
    <x v="0"/>
    <s v="10828"/>
    <s v="GLNANDA"/>
    <n v="-336465.05"/>
    <n v="-2748624"/>
    <s v="Billed Revenues"/>
    <s v="EXV"/>
    <s v="NONBU"/>
    <s v="G0000110"/>
    <s v="N"/>
    <s v="MACSS Dist Billed Revenue-03"/>
    <s v=""/>
    <x v="0"/>
    <s v="CAD0330120"/>
    <s v="S"/>
    <s v="KY"/>
    <s v="REV"/>
    <s v="974"/>
    <s v="GLBATCH"/>
    <n v="1"/>
    <n v="2017"/>
  </r>
  <r>
    <s v="110"/>
    <d v="2017-01-15T00:00:00"/>
    <x v="0"/>
    <x v="0"/>
    <s v="10828"/>
    <s v="GLNANDA"/>
    <n v="0"/>
    <n v="72"/>
    <s v="Billed Revenues"/>
    <s v="EXV"/>
    <s v="NONBU"/>
    <s v="G0000110"/>
    <s v="N"/>
    <s v="MACSS Dist Billed Revenue-03"/>
    <s v=""/>
    <x v="0"/>
    <s v="CAD0330120"/>
    <s v="S"/>
    <s v="KY"/>
    <s v="REV"/>
    <s v="974"/>
    <s v="GLBATCH"/>
    <n v="1"/>
    <n v="2017"/>
  </r>
  <r>
    <s v="110"/>
    <d v="2017-01-15T00:00:00"/>
    <x v="0"/>
    <x v="0"/>
    <s v="10828"/>
    <s v="GLNANDA"/>
    <n v="-47869.22"/>
    <n v="-399445"/>
    <s v="Billed Revenues"/>
    <s v="EXV"/>
    <s v="NONBU"/>
    <s v="G0000110"/>
    <s v="N"/>
    <s v="MACSS Dist Billed Revenue-03"/>
    <s v=""/>
    <x v="0"/>
    <s v="CAD0330120"/>
    <s v="S"/>
    <s v="KY"/>
    <s v="REV"/>
    <s v="974"/>
    <s v="GLBATCH"/>
    <n v="1"/>
    <n v="2017"/>
  </r>
  <r>
    <s v="110"/>
    <d v="2017-01-15T00:00:00"/>
    <x v="3"/>
    <x v="0"/>
    <s v="10828"/>
    <s v="GLNANDA"/>
    <n v="0"/>
    <n v="17"/>
    <s v="Billed Revenues"/>
    <s v="EXV"/>
    <s v="NONBU"/>
    <s v="G0000110"/>
    <s v="N"/>
    <s v="MACSS Dist Billed Revenue-03"/>
    <s v=""/>
    <x v="0"/>
    <s v="CAD0330120"/>
    <s v="S"/>
    <s v="KY"/>
    <s v="REV"/>
    <s v="974"/>
    <s v="GLBATCH"/>
    <n v="1"/>
    <n v="2017"/>
  </r>
  <r>
    <s v="110"/>
    <d v="2017-01-15T00:00:00"/>
    <x v="3"/>
    <x v="0"/>
    <s v="10828"/>
    <s v="GLNANDA"/>
    <n v="-40062.9"/>
    <n v="-325413"/>
    <s v="Billed Revenues"/>
    <s v="EXV"/>
    <s v="NONBU"/>
    <s v="G0000110"/>
    <s v="N"/>
    <s v="MACSS Dist Billed Revenue-03"/>
    <s v=""/>
    <x v="0"/>
    <s v="CAD0330120"/>
    <s v="S"/>
    <s v="KY"/>
    <s v="REV"/>
    <s v="974"/>
    <s v="GLBATCH"/>
    <n v="1"/>
    <n v="2017"/>
  </r>
  <r>
    <s v="110"/>
    <d v="2017-01-15T00:00:00"/>
    <x v="7"/>
    <x v="0"/>
    <s v="10828"/>
    <s v="GLNANDA"/>
    <n v="0"/>
    <n v="18"/>
    <s v="Billed Revenues"/>
    <s v="EXV"/>
    <s v="NONBU"/>
    <s v="G0000110"/>
    <s v="N"/>
    <s v="MACSS Dist Billed Revenue-03"/>
    <s v=""/>
    <x v="0"/>
    <s v="CAD0330120"/>
    <s v="S"/>
    <s v="KY"/>
    <s v="REV"/>
    <s v="974"/>
    <s v="GLBATCH"/>
    <n v="1"/>
    <n v="2017"/>
  </r>
  <r>
    <s v="110"/>
    <d v="2017-01-15T00:00:00"/>
    <x v="7"/>
    <x v="0"/>
    <s v="10828"/>
    <s v="GLNANDA"/>
    <n v="-78404.28"/>
    <n v="-715359"/>
    <s v="Billed Revenues"/>
    <s v="EXV"/>
    <s v="NONBU"/>
    <s v="G0000110"/>
    <s v="N"/>
    <s v="MACSS Dist Billed Revenue-03"/>
    <s v=""/>
    <x v="0"/>
    <s v="CAD0330120"/>
    <s v="S"/>
    <s v="KY"/>
    <s v="REV"/>
    <s v="974"/>
    <s v="GLBATCH"/>
    <n v="1"/>
    <n v="2017"/>
  </r>
  <r>
    <s v="110"/>
    <d v="2017-01-15T00:00:00"/>
    <x v="6"/>
    <x v="0"/>
    <s v="10828"/>
    <s v="GLNANDA"/>
    <n v="0"/>
    <n v="9"/>
    <s v="Billed Revenues"/>
    <s v="EXV"/>
    <s v="NONBU"/>
    <s v="G0000110"/>
    <s v="N"/>
    <s v="MACSS Dist Billed Revenue-03"/>
    <s v=""/>
    <x v="0"/>
    <s v="CAD0330120"/>
    <s v="S"/>
    <s v="KY"/>
    <s v="REV"/>
    <s v="974"/>
    <s v="GLBATCH"/>
    <n v="1"/>
    <n v="2017"/>
  </r>
  <r>
    <s v="110"/>
    <d v="2017-01-15T00:00:00"/>
    <x v="6"/>
    <x v="0"/>
    <s v="10828"/>
    <s v="GLNANDA"/>
    <n v="-2543.4499999999998"/>
    <n v="-19410"/>
    <s v="Billed Revenues"/>
    <s v="EXV"/>
    <s v="NONBU"/>
    <s v="G0000110"/>
    <s v="N"/>
    <s v="MACSS Dist Billed Revenue-03"/>
    <s v=""/>
    <x v="0"/>
    <s v="CAD0330120"/>
    <s v="S"/>
    <s v="KY"/>
    <s v="REV"/>
    <s v="974"/>
    <s v="GLBATCH"/>
    <n v="1"/>
    <n v="2017"/>
  </r>
  <r>
    <s v="110"/>
    <d v="2017-01-15T00:00:00"/>
    <x v="5"/>
    <x v="0"/>
    <s v="10828"/>
    <s v="GLNANDA"/>
    <n v="0"/>
    <n v="96"/>
    <s v="Billed Revenues"/>
    <s v="EXV"/>
    <s v="NONBU"/>
    <s v="G0000110"/>
    <s v="N"/>
    <s v="MACSS Dist Billed Revenue-03"/>
    <s v=""/>
    <x v="0"/>
    <s v="CAD0330120"/>
    <s v="S"/>
    <s v="KY"/>
    <s v="REV"/>
    <s v="974"/>
    <s v="GLBATCH"/>
    <n v="1"/>
    <n v="2017"/>
  </r>
  <r>
    <s v="110"/>
    <d v="2017-01-15T00:00:00"/>
    <x v="5"/>
    <x v="0"/>
    <s v="10828"/>
    <s v="GLNANDA"/>
    <n v="-77743.600000000006"/>
    <n v="-632710"/>
    <s v="Billed Revenues"/>
    <s v="EXV"/>
    <s v="NONBU"/>
    <s v="G0000110"/>
    <s v="N"/>
    <s v="MACSS Dist Billed Revenue-03"/>
    <s v=""/>
    <x v="0"/>
    <s v="CAD0330120"/>
    <s v="S"/>
    <s v="KY"/>
    <s v="REV"/>
    <s v="974"/>
    <s v="GLBATCH"/>
    <n v="1"/>
    <n v="2017"/>
  </r>
  <r>
    <s v="110"/>
    <d v="2017-01-15T00:00:00"/>
    <x v="6"/>
    <x v="0"/>
    <s v="10828"/>
    <s v="GLNANDA"/>
    <n v="0"/>
    <n v="13"/>
    <s v="Billed Revenues"/>
    <s v="EXV"/>
    <s v="NONBU"/>
    <s v="G0000110"/>
    <s v="N"/>
    <s v="MACSS Dist Billed Revenue-03"/>
    <s v=""/>
    <x v="0"/>
    <s v="CAD0330123"/>
    <s v="S"/>
    <s v="KY"/>
    <s v="REV"/>
    <s v="974"/>
    <s v="GLBATCH"/>
    <n v="1"/>
    <n v="2017"/>
  </r>
  <r>
    <s v="110"/>
    <d v="2017-01-15T00:00:00"/>
    <x v="6"/>
    <x v="0"/>
    <s v="10828"/>
    <s v="GLNANDA"/>
    <n v="-759.99"/>
    <n v="-4231"/>
    <s v="Billed Revenues"/>
    <s v="EXV"/>
    <s v="NONBU"/>
    <s v="G0000110"/>
    <s v="N"/>
    <s v="MACSS Dist Billed Revenue-03"/>
    <s v=""/>
    <x v="0"/>
    <s v="CAD0330123"/>
    <s v="S"/>
    <s v="KY"/>
    <s v="REV"/>
    <s v="974"/>
    <s v="GLBATCH"/>
    <n v="1"/>
    <n v="2017"/>
  </r>
  <r>
    <s v="110"/>
    <d v="2017-01-15T00:00:00"/>
    <x v="7"/>
    <x v="0"/>
    <s v="10828"/>
    <s v="GLNANDA"/>
    <n v="-64787.68"/>
    <n v="-529284"/>
    <s v="Billed Revenues"/>
    <s v="EXV"/>
    <s v="NONBU"/>
    <s v="G0000110"/>
    <s v="N"/>
    <s v="MACSS Dist Billed Revenue-03"/>
    <s v=""/>
    <x v="0"/>
    <s v="CAD0330123"/>
    <s v="S"/>
    <s v="KY"/>
    <s v="REV"/>
    <s v="974"/>
    <s v="GLBATCH"/>
    <n v="1"/>
    <n v="2017"/>
  </r>
  <r>
    <s v="110"/>
    <d v="2017-01-15T00:00:00"/>
    <x v="7"/>
    <x v="0"/>
    <s v="10828"/>
    <s v="GLNANDA"/>
    <n v="0"/>
    <n v="31"/>
    <s v="Billed Revenues"/>
    <s v="EXV"/>
    <s v="NONBU"/>
    <s v="G0000110"/>
    <s v="N"/>
    <s v="MACSS Dist Billed Revenue-03"/>
    <s v=""/>
    <x v="0"/>
    <s v="CAD0330123"/>
    <s v="S"/>
    <s v="KY"/>
    <s v="REV"/>
    <s v="974"/>
    <s v="GLBATCH"/>
    <n v="1"/>
    <n v="2017"/>
  </r>
  <r>
    <s v="110"/>
    <d v="2017-01-15T00:00:00"/>
    <x v="5"/>
    <x v="0"/>
    <s v="10828"/>
    <s v="GLNANDA"/>
    <n v="-89536.6"/>
    <n v="-735860"/>
    <s v="Billed Revenues"/>
    <s v="EXV"/>
    <s v="NONBU"/>
    <s v="G0000110"/>
    <s v="N"/>
    <s v="MACSS Dist Billed Revenue-03"/>
    <s v=""/>
    <x v="0"/>
    <s v="CAD0330123"/>
    <s v="S"/>
    <s v="KY"/>
    <s v="REV"/>
    <s v="974"/>
    <s v="GLBATCH"/>
    <n v="1"/>
    <n v="2017"/>
  </r>
  <r>
    <s v="110"/>
    <d v="2017-01-15T00:00:00"/>
    <x v="5"/>
    <x v="0"/>
    <s v="10828"/>
    <s v="GLNANDA"/>
    <n v="0"/>
    <n v="129"/>
    <s v="Billed Revenues"/>
    <s v="EXV"/>
    <s v="NONBU"/>
    <s v="G0000110"/>
    <s v="N"/>
    <s v="MACSS Dist Billed Revenue-03"/>
    <s v=""/>
    <x v="0"/>
    <s v="CAD0330123"/>
    <s v="S"/>
    <s v="KY"/>
    <s v="REV"/>
    <s v="974"/>
    <s v="GLBATCH"/>
    <n v="1"/>
    <n v="2017"/>
  </r>
  <r>
    <s v="110"/>
    <d v="2017-01-15T00:00:00"/>
    <x v="3"/>
    <x v="0"/>
    <s v="10828"/>
    <s v="GLNANDA"/>
    <n v="-8858.64"/>
    <n v="-95104"/>
    <s v="Billed Revenues"/>
    <s v="EXV"/>
    <s v="NONBU"/>
    <s v="G0000110"/>
    <s v="N"/>
    <s v="MACSS Dist Billed Revenue-03"/>
    <s v=""/>
    <x v="0"/>
    <s v="CAD0330123"/>
    <s v="S"/>
    <s v="KY"/>
    <s v="REV"/>
    <s v="974"/>
    <s v="GLBATCH"/>
    <n v="1"/>
    <n v="2017"/>
  </r>
  <r>
    <s v="110"/>
    <d v="2017-01-15T00:00:00"/>
    <x v="3"/>
    <x v="0"/>
    <s v="10828"/>
    <s v="GLNANDA"/>
    <n v="0"/>
    <n v="7"/>
    <s v="Billed Revenues"/>
    <s v="EXV"/>
    <s v="NONBU"/>
    <s v="G0000110"/>
    <s v="N"/>
    <s v="MACSS Dist Billed Revenue-03"/>
    <s v=""/>
    <x v="0"/>
    <s v="CAD0330123"/>
    <s v="S"/>
    <s v="KY"/>
    <s v="REV"/>
    <s v="974"/>
    <s v="GLBATCH"/>
    <n v="1"/>
    <n v="2017"/>
  </r>
  <r>
    <s v="110"/>
    <d v="2017-01-15T00:00:00"/>
    <x v="0"/>
    <x v="0"/>
    <s v="10828"/>
    <s v="GLNANDA"/>
    <n v="-31871.599999999999"/>
    <n v="-271298"/>
    <s v="Billed Revenues"/>
    <s v="EXV"/>
    <s v="NONBU"/>
    <s v="G0000110"/>
    <s v="N"/>
    <s v="MACSS Dist Billed Revenue-03"/>
    <s v=""/>
    <x v="0"/>
    <s v="CAD0330123"/>
    <s v="S"/>
    <s v="KY"/>
    <s v="REV"/>
    <s v="974"/>
    <s v="GLBATCH"/>
    <n v="1"/>
    <n v="2017"/>
  </r>
  <r>
    <s v="110"/>
    <d v="2017-01-15T00:00:00"/>
    <x v="0"/>
    <x v="0"/>
    <s v="10828"/>
    <s v="GLNANDA"/>
    <n v="0"/>
    <n v="43"/>
    <s v="Billed Revenues"/>
    <s v="EXV"/>
    <s v="NONBU"/>
    <s v="G0000110"/>
    <s v="N"/>
    <s v="MACSS Dist Billed Revenue-03"/>
    <s v=""/>
    <x v="0"/>
    <s v="CAD0330123"/>
    <s v="S"/>
    <s v="KY"/>
    <s v="REV"/>
    <s v="974"/>
    <s v="GLBATCH"/>
    <n v="1"/>
    <n v="2017"/>
  </r>
  <r>
    <s v="110"/>
    <d v="2017-01-15T00:00:00"/>
    <x v="1"/>
    <x v="0"/>
    <s v="10828"/>
    <s v="GLNANDA"/>
    <n v="-271077.15000000002"/>
    <n v="-2179834"/>
    <s v="Billed Revenues"/>
    <s v="EXV"/>
    <s v="NONBU"/>
    <s v="G0000110"/>
    <s v="N"/>
    <s v="MACSS Dist Billed Revenue-03"/>
    <s v=""/>
    <x v="0"/>
    <s v="CAD0330123"/>
    <s v="S"/>
    <s v="KY"/>
    <s v="REV"/>
    <s v="974"/>
    <s v="GLBATCH"/>
    <n v="1"/>
    <n v="2017"/>
  </r>
  <r>
    <s v="110"/>
    <d v="2017-01-15T00:00:00"/>
    <x v="1"/>
    <x v="0"/>
    <s v="10828"/>
    <s v="GLNANDA"/>
    <n v="0"/>
    <n v="1835"/>
    <s v="Billed Revenues"/>
    <s v="EXV"/>
    <s v="NONBU"/>
    <s v="G0000110"/>
    <s v="N"/>
    <s v="MACSS Dist Billed Revenue-03"/>
    <s v=""/>
    <x v="0"/>
    <s v="CAD0330123"/>
    <s v="S"/>
    <s v="KY"/>
    <s v="REV"/>
    <s v="974"/>
    <s v="GLBATCH"/>
    <n v="1"/>
    <n v="2017"/>
  </r>
  <r>
    <s v="110"/>
    <d v="2017-01-15T00:00:00"/>
    <x v="2"/>
    <x v="0"/>
    <s v="10828"/>
    <s v="GLNANDA"/>
    <n v="-276136"/>
    <n v="-2089323"/>
    <s v="Billed Revenues"/>
    <s v="EXV"/>
    <s v="NONBU"/>
    <s v="G0000110"/>
    <s v="N"/>
    <s v="MACSS Dist Billed Revenue-03"/>
    <s v=""/>
    <x v="0"/>
    <s v="CAD0330123"/>
    <s v="S"/>
    <s v="KY"/>
    <s v="REV"/>
    <s v="974"/>
    <s v="GLBATCH"/>
    <n v="1"/>
    <n v="2017"/>
  </r>
  <r>
    <s v="110"/>
    <d v="2017-01-15T00:00:00"/>
    <x v="2"/>
    <x v="0"/>
    <s v="10828"/>
    <s v="GLNANDA"/>
    <n v="0"/>
    <n v="868"/>
    <s v="Billed Revenues"/>
    <s v="EXV"/>
    <s v="NONBU"/>
    <s v="G0000110"/>
    <s v="N"/>
    <s v="MACSS Dist Billed Revenue-03"/>
    <s v=""/>
    <x v="0"/>
    <s v="CAD0330123"/>
    <s v="S"/>
    <s v="KY"/>
    <s v="REV"/>
    <s v="974"/>
    <s v="GLBATCH"/>
    <n v="1"/>
    <n v="2017"/>
  </r>
  <r>
    <s v="110"/>
    <d v="2017-01-15T00:00:00"/>
    <x v="4"/>
    <x v="0"/>
    <s v="10828"/>
    <s v="GLNANDA"/>
    <n v="-738470.39"/>
    <n v="-6213877"/>
    <s v="Billed Revenues"/>
    <s v="EXV"/>
    <s v="NONBU"/>
    <s v="G0000110"/>
    <s v="N"/>
    <s v="MACSS Dist Billed Revenue-03"/>
    <s v=""/>
    <x v="0"/>
    <s v="CAD0330123"/>
    <s v="S"/>
    <s v="KY"/>
    <s v="REV"/>
    <s v="974"/>
    <s v="GLBATCH"/>
    <n v="1"/>
    <n v="2017"/>
  </r>
  <r>
    <s v="110"/>
    <d v="2017-01-15T00:00:00"/>
    <x v="4"/>
    <x v="0"/>
    <s v="10828"/>
    <s v="GLNANDA"/>
    <n v="0"/>
    <n v="3016"/>
    <s v="Billed Revenues"/>
    <s v="EXV"/>
    <s v="NONBU"/>
    <s v="G0000110"/>
    <s v="N"/>
    <s v="MACSS Dist Billed Revenue-03"/>
    <s v=""/>
    <x v="0"/>
    <s v="CAD0330123"/>
    <s v="S"/>
    <s v="KY"/>
    <s v="REV"/>
    <s v="974"/>
    <s v="GLBATCH"/>
    <n v="1"/>
    <n v="2017"/>
  </r>
  <r>
    <s v="110"/>
    <d v="2017-01-15T00:00:00"/>
    <x v="7"/>
    <x v="0"/>
    <s v="10828"/>
    <s v="GLNANDA"/>
    <n v="0"/>
    <n v="32"/>
    <s v="Billed Revenues"/>
    <s v="EXV"/>
    <s v="NONBU"/>
    <s v="G0000110"/>
    <s v="N"/>
    <s v="MACSS Dist Billed Revenue-03"/>
    <s v=""/>
    <x v="0"/>
    <s v="CAD0330124"/>
    <s v="S"/>
    <s v="KY"/>
    <s v="REV"/>
    <s v="974"/>
    <s v="GLBATCH"/>
    <n v="1"/>
    <n v="2017"/>
  </r>
  <r>
    <s v="110"/>
    <d v="2017-01-15T00:00:00"/>
    <x v="6"/>
    <x v="0"/>
    <s v="10828"/>
    <s v="GLNANDA"/>
    <n v="0"/>
    <n v="15"/>
    <s v="Billed Revenues"/>
    <s v="EXV"/>
    <s v="NONBU"/>
    <s v="G0000110"/>
    <s v="N"/>
    <s v="MACSS Dist Billed Revenue-03"/>
    <s v=""/>
    <x v="0"/>
    <s v="CAD0330124"/>
    <s v="S"/>
    <s v="KY"/>
    <s v="REV"/>
    <s v="974"/>
    <s v="GLBATCH"/>
    <n v="1"/>
    <n v="2017"/>
  </r>
  <r>
    <s v="110"/>
    <d v="2017-01-15T00:00:00"/>
    <x v="6"/>
    <x v="0"/>
    <s v="10828"/>
    <s v="GLNANDA"/>
    <n v="-1005.92"/>
    <n v="-4012"/>
    <s v="Billed Revenues"/>
    <s v="EXV"/>
    <s v="NONBU"/>
    <s v="G0000110"/>
    <s v="N"/>
    <s v="MACSS Dist Billed Revenue-03"/>
    <s v=""/>
    <x v="0"/>
    <s v="CAD0330124"/>
    <s v="S"/>
    <s v="KY"/>
    <s v="REV"/>
    <s v="974"/>
    <s v="GLBATCH"/>
    <n v="1"/>
    <n v="2017"/>
  </r>
  <r>
    <s v="110"/>
    <d v="2017-01-15T00:00:00"/>
    <x v="5"/>
    <x v="0"/>
    <s v="10828"/>
    <s v="GLNANDA"/>
    <n v="0"/>
    <n v="170"/>
    <s v="Billed Revenues"/>
    <s v="EXV"/>
    <s v="NONBU"/>
    <s v="G0000110"/>
    <s v="N"/>
    <s v="MACSS Dist Billed Revenue-03"/>
    <s v=""/>
    <x v="0"/>
    <s v="CAD0330124"/>
    <s v="S"/>
    <s v="KY"/>
    <s v="REV"/>
    <s v="974"/>
    <s v="GLBATCH"/>
    <n v="1"/>
    <n v="2017"/>
  </r>
  <r>
    <s v="110"/>
    <d v="2017-01-15T00:00:00"/>
    <x v="5"/>
    <x v="0"/>
    <s v="10828"/>
    <s v="GLNANDA"/>
    <n v="-90945.11"/>
    <n v="-720741"/>
    <s v="Billed Revenues"/>
    <s v="EXV"/>
    <s v="NONBU"/>
    <s v="G0000110"/>
    <s v="N"/>
    <s v="MACSS Dist Billed Revenue-03"/>
    <s v=""/>
    <x v="0"/>
    <s v="CAD0330124"/>
    <s v="S"/>
    <s v="KY"/>
    <s v="REV"/>
    <s v="974"/>
    <s v="GLBATCH"/>
    <n v="1"/>
    <n v="2017"/>
  </r>
  <r>
    <s v="110"/>
    <d v="2017-01-15T00:00:00"/>
    <x v="4"/>
    <x v="0"/>
    <s v="10828"/>
    <s v="GLNANDA"/>
    <n v="0"/>
    <n v="4354"/>
    <s v="Billed Revenues"/>
    <s v="EXV"/>
    <s v="NONBU"/>
    <s v="G0000110"/>
    <s v="N"/>
    <s v="MACSS Dist Billed Revenue-03"/>
    <s v=""/>
    <x v="0"/>
    <s v="CAD0330124"/>
    <s v="S"/>
    <s v="KY"/>
    <s v="REV"/>
    <s v="974"/>
    <s v="GLBATCH"/>
    <n v="1"/>
    <n v="2017"/>
  </r>
  <r>
    <s v="110"/>
    <d v="2017-01-15T00:00:00"/>
    <x v="4"/>
    <x v="0"/>
    <s v="10828"/>
    <s v="GLNANDA"/>
    <n v="-1033674.92"/>
    <n v="-8710762"/>
    <s v="Billed Revenues"/>
    <s v="EXV"/>
    <s v="NONBU"/>
    <s v="G0000110"/>
    <s v="N"/>
    <s v="MACSS Dist Billed Revenue-03"/>
    <s v=""/>
    <x v="0"/>
    <s v="CAD0330124"/>
    <s v="S"/>
    <s v="KY"/>
    <s v="REV"/>
    <s v="974"/>
    <s v="GLBATCH"/>
    <n v="1"/>
    <n v="2017"/>
  </r>
  <r>
    <s v="110"/>
    <d v="2017-01-15T00:00:00"/>
    <x v="0"/>
    <x v="0"/>
    <s v="10828"/>
    <s v="GLNANDA"/>
    <n v="-8227.85"/>
    <n v="-50127"/>
    <s v="Billed Revenues"/>
    <s v="EXV"/>
    <s v="NONBU"/>
    <s v="G0000110"/>
    <s v="N"/>
    <s v="MACSS Dist Billed Revenue-03"/>
    <s v=""/>
    <x v="0"/>
    <s v="CAD0330124"/>
    <s v="S"/>
    <s v="KY"/>
    <s v="REV"/>
    <s v="974"/>
    <s v="GLBATCH"/>
    <n v="1"/>
    <n v="2017"/>
  </r>
  <r>
    <s v="110"/>
    <d v="2017-01-15T00:00:00"/>
    <x v="0"/>
    <x v="0"/>
    <s v="10828"/>
    <s v="GLNANDA"/>
    <n v="0"/>
    <n v="88"/>
    <s v="Billed Revenues"/>
    <s v="EXV"/>
    <s v="NONBU"/>
    <s v="G0000110"/>
    <s v="N"/>
    <s v="MACSS Dist Billed Revenue-03"/>
    <s v=""/>
    <x v="0"/>
    <s v="CAD0330124"/>
    <s v="S"/>
    <s v="KY"/>
    <s v="REV"/>
    <s v="974"/>
    <s v="GLBATCH"/>
    <n v="1"/>
    <n v="2017"/>
  </r>
  <r>
    <s v="110"/>
    <d v="2017-01-15T00:00:00"/>
    <x v="3"/>
    <x v="0"/>
    <s v="10828"/>
    <s v="GLNANDA"/>
    <n v="-53604.29"/>
    <n v="-485945"/>
    <s v="Billed Revenues"/>
    <s v="EXV"/>
    <s v="NONBU"/>
    <s v="G0000110"/>
    <s v="N"/>
    <s v="MACSS Dist Billed Revenue-03"/>
    <s v=""/>
    <x v="0"/>
    <s v="CAD0330124"/>
    <s v="S"/>
    <s v="KY"/>
    <s v="REV"/>
    <s v="974"/>
    <s v="GLBATCH"/>
    <n v="1"/>
    <n v="2017"/>
  </r>
  <r>
    <s v="110"/>
    <d v="2017-01-15T00:00:00"/>
    <x v="1"/>
    <x v="0"/>
    <s v="10828"/>
    <s v="GLNANDA"/>
    <n v="-384493.45"/>
    <n v="-3126844"/>
    <s v="Billed Revenues"/>
    <s v="EXV"/>
    <s v="NONBU"/>
    <s v="G0000110"/>
    <s v="N"/>
    <s v="MACSS Dist Billed Revenue-03"/>
    <s v=""/>
    <x v="0"/>
    <s v="CAD0330124"/>
    <s v="S"/>
    <s v="KY"/>
    <s v="REV"/>
    <s v="974"/>
    <s v="GLBATCH"/>
    <n v="1"/>
    <n v="2017"/>
  </r>
  <r>
    <s v="110"/>
    <d v="2017-01-15T00:00:00"/>
    <x v="1"/>
    <x v="0"/>
    <s v="10828"/>
    <s v="GLNANDA"/>
    <n v="0"/>
    <n v="2472"/>
    <s v="Billed Revenues"/>
    <s v="EXV"/>
    <s v="NONBU"/>
    <s v="G0000110"/>
    <s v="N"/>
    <s v="MACSS Dist Billed Revenue-03"/>
    <s v=""/>
    <x v="0"/>
    <s v="CAD0330124"/>
    <s v="S"/>
    <s v="KY"/>
    <s v="REV"/>
    <s v="974"/>
    <s v="GLBATCH"/>
    <n v="1"/>
    <n v="2017"/>
  </r>
  <r>
    <s v="110"/>
    <d v="2017-01-15T00:00:00"/>
    <x v="3"/>
    <x v="0"/>
    <s v="10828"/>
    <s v="GLNANDA"/>
    <n v="0"/>
    <n v="10"/>
    <s v="Billed Revenues"/>
    <s v="EXV"/>
    <s v="NONBU"/>
    <s v="G0000110"/>
    <s v="N"/>
    <s v="MACSS Dist Billed Revenue-03"/>
    <s v=""/>
    <x v="0"/>
    <s v="CAD0330124"/>
    <s v="S"/>
    <s v="KY"/>
    <s v="REV"/>
    <s v="974"/>
    <s v="GLBATCH"/>
    <n v="1"/>
    <n v="2017"/>
  </r>
  <r>
    <s v="110"/>
    <d v="2017-01-15T00:00:00"/>
    <x v="7"/>
    <x v="0"/>
    <s v="10828"/>
    <s v="GLNANDA"/>
    <n v="-89235.86"/>
    <n v="-771189"/>
    <s v="Billed Revenues"/>
    <s v="EXV"/>
    <s v="NONBU"/>
    <s v="G0000110"/>
    <s v="N"/>
    <s v="MACSS Dist Billed Revenue-03"/>
    <s v=""/>
    <x v="0"/>
    <s v="CAD0330124"/>
    <s v="S"/>
    <s v="KY"/>
    <s v="REV"/>
    <s v="974"/>
    <s v="GLBATCH"/>
    <n v="1"/>
    <n v="2017"/>
  </r>
  <r>
    <s v="110"/>
    <d v="2017-01-15T00:00:00"/>
    <x v="2"/>
    <x v="0"/>
    <s v="10828"/>
    <s v="GLNANDA"/>
    <n v="-279724.87"/>
    <n v="-2005783"/>
    <s v="Billed Revenues"/>
    <s v="EXV"/>
    <s v="NONBU"/>
    <s v="G0000110"/>
    <s v="N"/>
    <s v="MACSS Dist Billed Revenue-03"/>
    <s v=""/>
    <x v="0"/>
    <s v="CAD0330124"/>
    <s v="S"/>
    <s v="KY"/>
    <s v="REV"/>
    <s v="974"/>
    <s v="GLBATCH"/>
    <n v="1"/>
    <n v="2017"/>
  </r>
  <r>
    <s v="110"/>
    <d v="2017-01-15T00:00:00"/>
    <x v="2"/>
    <x v="0"/>
    <s v="10828"/>
    <s v="GLNANDA"/>
    <n v="0"/>
    <n v="1298"/>
    <s v="Billed Revenues"/>
    <s v="EXV"/>
    <s v="NONBU"/>
    <s v="G0000110"/>
    <s v="N"/>
    <s v="MACSS Dist Billed Revenue-03"/>
    <s v=""/>
    <x v="0"/>
    <s v="CAD0330124"/>
    <s v="S"/>
    <s v="KY"/>
    <s v="REV"/>
    <s v="974"/>
    <s v="GLBATCH"/>
    <n v="1"/>
    <n v="2017"/>
  </r>
  <r>
    <s v="110"/>
    <d v="2017-01-15T00:00:00"/>
    <x v="5"/>
    <x v="0"/>
    <s v="10828"/>
    <s v="GLNANDA"/>
    <n v="0"/>
    <n v="146"/>
    <s v="Billed Revenues"/>
    <s v="EXV"/>
    <s v="NONBU"/>
    <s v="G0000110"/>
    <s v="N"/>
    <s v="MACSS Dist Billed Revenue-03"/>
    <s v=""/>
    <x v="0"/>
    <s v="CAD0330125"/>
    <s v="S"/>
    <s v="KY"/>
    <s v="REV"/>
    <s v="974"/>
    <s v="GLBATCH"/>
    <n v="1"/>
    <n v="2017"/>
  </r>
  <r>
    <s v="110"/>
    <d v="2017-01-15T00:00:00"/>
    <x v="3"/>
    <x v="0"/>
    <s v="10828"/>
    <s v="GLNANDA"/>
    <n v="-367610.67"/>
    <n v="-4747379"/>
    <s v="Billed Revenues"/>
    <s v="EXV"/>
    <s v="NONBU"/>
    <s v="G0000110"/>
    <s v="N"/>
    <s v="MACSS Dist Billed Revenue-03"/>
    <s v=""/>
    <x v="0"/>
    <s v="CAD0330125"/>
    <s v="S"/>
    <s v="KY"/>
    <s v="REV"/>
    <s v="974"/>
    <s v="GLBATCH"/>
    <n v="1"/>
    <n v="2017"/>
  </r>
  <r>
    <s v="110"/>
    <d v="2017-01-15T00:00:00"/>
    <x v="7"/>
    <x v="0"/>
    <s v="10828"/>
    <s v="GLNANDA"/>
    <n v="0"/>
    <n v="41"/>
    <s v="Billed Revenues"/>
    <s v="EXV"/>
    <s v="NONBU"/>
    <s v="G0000110"/>
    <s v="N"/>
    <s v="MACSS Dist Billed Revenue-03"/>
    <s v=""/>
    <x v="0"/>
    <s v="CAD0330125"/>
    <s v="S"/>
    <s v="KY"/>
    <s v="REV"/>
    <s v="974"/>
    <s v="GLBATCH"/>
    <n v="1"/>
    <n v="2017"/>
  </r>
  <r>
    <s v="110"/>
    <d v="2017-01-15T00:00:00"/>
    <x v="0"/>
    <x v="0"/>
    <s v="10828"/>
    <s v="GLNANDA"/>
    <n v="-17307.64"/>
    <n v="-105177"/>
    <s v="Billed Revenues"/>
    <s v="EXV"/>
    <s v="NONBU"/>
    <s v="G0000110"/>
    <s v="N"/>
    <s v="MACSS Dist Billed Revenue-03"/>
    <s v=""/>
    <x v="0"/>
    <s v="CAD0330125"/>
    <s v="S"/>
    <s v="KY"/>
    <s v="REV"/>
    <s v="974"/>
    <s v="GLBATCH"/>
    <n v="1"/>
    <n v="2017"/>
  </r>
  <r>
    <s v="110"/>
    <d v="2017-01-15T00:00:00"/>
    <x v="1"/>
    <x v="0"/>
    <s v="10828"/>
    <s v="GLNANDA"/>
    <n v="-317779.62"/>
    <n v="-2576199"/>
    <s v="Billed Revenues"/>
    <s v="EXV"/>
    <s v="NONBU"/>
    <s v="G0000110"/>
    <s v="N"/>
    <s v="MACSS Dist Billed Revenue-03"/>
    <s v=""/>
    <x v="0"/>
    <s v="CAD0330125"/>
    <s v="S"/>
    <s v="KY"/>
    <s v="REV"/>
    <s v="974"/>
    <s v="GLBATCH"/>
    <n v="1"/>
    <n v="2017"/>
  </r>
  <r>
    <s v="110"/>
    <d v="2017-01-15T00:00:00"/>
    <x v="1"/>
    <x v="0"/>
    <s v="10828"/>
    <s v="GLNANDA"/>
    <n v="0"/>
    <n v="2086"/>
    <s v="Billed Revenues"/>
    <s v="EXV"/>
    <s v="NONBU"/>
    <s v="G0000110"/>
    <s v="N"/>
    <s v="MACSS Dist Billed Revenue-03"/>
    <s v=""/>
    <x v="0"/>
    <s v="CAD0330125"/>
    <s v="S"/>
    <s v="KY"/>
    <s v="REV"/>
    <s v="974"/>
    <s v="GLBATCH"/>
    <n v="1"/>
    <n v="2017"/>
  </r>
  <r>
    <s v="110"/>
    <d v="2017-01-15T00:00:00"/>
    <x v="3"/>
    <x v="0"/>
    <s v="10828"/>
    <s v="GLNANDA"/>
    <n v="0"/>
    <n v="10"/>
    <s v="Billed Revenues"/>
    <s v="EXV"/>
    <s v="NONBU"/>
    <s v="G0000110"/>
    <s v="N"/>
    <s v="MACSS Dist Billed Revenue-03"/>
    <s v=""/>
    <x v="0"/>
    <s v="CAD0330125"/>
    <s v="S"/>
    <s v="KY"/>
    <s v="REV"/>
    <s v="974"/>
    <s v="GLBATCH"/>
    <n v="1"/>
    <n v="2017"/>
  </r>
  <r>
    <s v="110"/>
    <d v="2017-01-15T00:00:00"/>
    <x v="6"/>
    <x v="0"/>
    <s v="10828"/>
    <s v="GLNANDA"/>
    <n v="0"/>
    <n v="6"/>
    <s v="Billed Revenues"/>
    <s v="EXV"/>
    <s v="NONBU"/>
    <s v="G0000110"/>
    <s v="N"/>
    <s v="MACSS Dist Billed Revenue-03"/>
    <s v=""/>
    <x v="0"/>
    <s v="CAD0330125"/>
    <s v="S"/>
    <s v="KY"/>
    <s v="REV"/>
    <s v="974"/>
    <s v="GLBATCH"/>
    <n v="1"/>
    <n v="2017"/>
  </r>
  <r>
    <s v="110"/>
    <d v="2017-01-15T00:00:00"/>
    <x v="6"/>
    <x v="0"/>
    <s v="10828"/>
    <s v="GLNANDA"/>
    <n v="-412.66"/>
    <n v="-2290"/>
    <s v="Billed Revenues"/>
    <s v="EXV"/>
    <s v="NONBU"/>
    <s v="G0000110"/>
    <s v="N"/>
    <s v="MACSS Dist Billed Revenue-03"/>
    <s v=""/>
    <x v="0"/>
    <s v="CAD0330125"/>
    <s v="S"/>
    <s v="KY"/>
    <s v="REV"/>
    <s v="974"/>
    <s v="GLBATCH"/>
    <n v="1"/>
    <n v="2017"/>
  </r>
  <r>
    <s v="110"/>
    <d v="2017-01-15T00:00:00"/>
    <x v="4"/>
    <x v="0"/>
    <s v="10828"/>
    <s v="GLNANDA"/>
    <n v="0"/>
    <n v="3862"/>
    <s v="Billed Revenues"/>
    <s v="EXV"/>
    <s v="NONBU"/>
    <s v="G0000110"/>
    <s v="N"/>
    <s v="MACSS Dist Billed Revenue-03"/>
    <s v=""/>
    <x v="0"/>
    <s v="CAD0330125"/>
    <s v="S"/>
    <s v="KY"/>
    <s v="REV"/>
    <s v="974"/>
    <s v="GLBATCH"/>
    <n v="1"/>
    <n v="2017"/>
  </r>
  <r>
    <s v="110"/>
    <d v="2017-01-15T00:00:00"/>
    <x v="2"/>
    <x v="0"/>
    <s v="10828"/>
    <s v="GLNANDA"/>
    <n v="-389255.6"/>
    <n v="-2925743"/>
    <s v="Billed Revenues"/>
    <s v="EXV"/>
    <s v="NONBU"/>
    <s v="G0000110"/>
    <s v="N"/>
    <s v="MACSS Dist Billed Revenue-03"/>
    <s v=""/>
    <x v="0"/>
    <s v="CAD0330125"/>
    <s v="S"/>
    <s v="KY"/>
    <s v="REV"/>
    <s v="974"/>
    <s v="GLBATCH"/>
    <n v="1"/>
    <n v="2017"/>
  </r>
  <r>
    <s v="110"/>
    <d v="2017-01-15T00:00:00"/>
    <x v="2"/>
    <x v="0"/>
    <s v="10828"/>
    <s v="GLNANDA"/>
    <n v="0"/>
    <n v="1163"/>
    <s v="Billed Revenues"/>
    <s v="EXV"/>
    <s v="NONBU"/>
    <s v="G0000110"/>
    <s v="N"/>
    <s v="MACSS Dist Billed Revenue-03"/>
    <s v=""/>
    <x v="0"/>
    <s v="CAD0330125"/>
    <s v="S"/>
    <s v="KY"/>
    <s v="REV"/>
    <s v="974"/>
    <s v="GLBATCH"/>
    <n v="1"/>
    <n v="2017"/>
  </r>
  <r>
    <s v="110"/>
    <d v="2017-01-15T00:00:00"/>
    <x v="4"/>
    <x v="0"/>
    <s v="10828"/>
    <s v="GLNANDA"/>
    <n v="-905753.89"/>
    <n v="-7620646"/>
    <s v="Billed Revenues"/>
    <s v="EXV"/>
    <s v="NONBU"/>
    <s v="G0000110"/>
    <s v="N"/>
    <s v="MACSS Dist Billed Revenue-03"/>
    <s v=""/>
    <x v="0"/>
    <s v="CAD0330125"/>
    <s v="S"/>
    <s v="KY"/>
    <s v="REV"/>
    <s v="974"/>
    <s v="GLBATCH"/>
    <n v="1"/>
    <n v="2017"/>
  </r>
  <r>
    <s v="110"/>
    <d v="2017-01-15T00:00:00"/>
    <x v="0"/>
    <x v="0"/>
    <s v="10828"/>
    <s v="GLNANDA"/>
    <n v="0"/>
    <n v="29"/>
    <s v="Billed Revenues"/>
    <s v="EXV"/>
    <s v="NONBU"/>
    <s v="G0000110"/>
    <s v="N"/>
    <s v="MACSS Dist Billed Revenue-03"/>
    <s v=""/>
    <x v="0"/>
    <s v="CAD0330125"/>
    <s v="S"/>
    <s v="KY"/>
    <s v="REV"/>
    <s v="974"/>
    <s v="GLBATCH"/>
    <n v="1"/>
    <n v="2017"/>
  </r>
  <r>
    <s v="110"/>
    <d v="2017-01-15T00:00:00"/>
    <x v="7"/>
    <x v="0"/>
    <s v="10828"/>
    <s v="GLNANDA"/>
    <n v="-116139.92"/>
    <n v="-926664"/>
    <s v="Billed Revenues"/>
    <s v="EXV"/>
    <s v="NONBU"/>
    <s v="G0000110"/>
    <s v="N"/>
    <s v="MACSS Dist Billed Revenue-03"/>
    <s v=""/>
    <x v="0"/>
    <s v="CAD0330125"/>
    <s v="S"/>
    <s v="KY"/>
    <s v="REV"/>
    <s v="974"/>
    <s v="GLBATCH"/>
    <n v="1"/>
    <n v="2017"/>
  </r>
  <r>
    <s v="110"/>
    <d v="2017-01-15T00:00:00"/>
    <x v="5"/>
    <x v="0"/>
    <s v="10828"/>
    <s v="GLNANDA"/>
    <n v="-133538.29999999999"/>
    <n v="-1103720"/>
    <s v="Billed Revenues"/>
    <s v="EXV"/>
    <s v="NONBU"/>
    <s v="G0000110"/>
    <s v="N"/>
    <s v="MACSS Dist Billed Revenue-03"/>
    <s v=""/>
    <x v="0"/>
    <s v="CAD0330125"/>
    <s v="S"/>
    <s v="KY"/>
    <s v="REV"/>
    <s v="974"/>
    <s v="GLBATCH"/>
    <n v="1"/>
    <n v="2017"/>
  </r>
  <r>
    <s v="110"/>
    <d v="2017-01-15T00:00:00"/>
    <x v="6"/>
    <x v="0"/>
    <s v="10828"/>
    <s v="GLNANDA"/>
    <n v="0"/>
    <n v="5"/>
    <s v="Billed Revenues"/>
    <s v="EXV"/>
    <s v="NONBU"/>
    <s v="G0000110"/>
    <s v="N"/>
    <s v="MACSS Dist Billed Revenue-03"/>
    <s v=""/>
    <x v="0"/>
    <s v="CAD0330126"/>
    <s v="S"/>
    <s v="KY"/>
    <s v="REV"/>
    <s v="974"/>
    <s v="GLBATCH"/>
    <n v="1"/>
    <n v="2017"/>
  </r>
  <r>
    <s v="110"/>
    <d v="2017-01-15T00:00:00"/>
    <x v="6"/>
    <x v="0"/>
    <s v="10828"/>
    <s v="GLNANDA"/>
    <n v="-872.11"/>
    <n v="-2350"/>
    <s v="Billed Revenues"/>
    <s v="EXV"/>
    <s v="NONBU"/>
    <s v="G0000110"/>
    <s v="N"/>
    <s v="MACSS Dist Billed Revenue-03"/>
    <s v=""/>
    <x v="0"/>
    <s v="CAD0330126"/>
    <s v="S"/>
    <s v="KY"/>
    <s v="REV"/>
    <s v="974"/>
    <s v="GLBATCH"/>
    <n v="1"/>
    <n v="2017"/>
  </r>
  <r>
    <s v="110"/>
    <d v="2017-01-15T00:00:00"/>
    <x v="5"/>
    <x v="0"/>
    <s v="10828"/>
    <s v="GLNANDA"/>
    <n v="0"/>
    <n v="129"/>
    <s v="Billed Revenues"/>
    <s v="EXV"/>
    <s v="NONBU"/>
    <s v="G0000110"/>
    <s v="N"/>
    <s v="MACSS Dist Billed Revenue-03"/>
    <s v=""/>
    <x v="0"/>
    <s v="CAD0330126"/>
    <s v="S"/>
    <s v="KY"/>
    <s v="REV"/>
    <s v="974"/>
    <s v="GLBATCH"/>
    <n v="1"/>
    <n v="2017"/>
  </r>
  <r>
    <s v="110"/>
    <d v="2017-01-15T00:00:00"/>
    <x v="5"/>
    <x v="0"/>
    <s v="10828"/>
    <s v="GLNANDA"/>
    <n v="-47944.19"/>
    <n v="-364985"/>
    <s v="Billed Revenues"/>
    <s v="EXV"/>
    <s v="NONBU"/>
    <s v="G0000110"/>
    <s v="N"/>
    <s v="MACSS Dist Billed Revenue-03"/>
    <s v=""/>
    <x v="0"/>
    <s v="CAD0330126"/>
    <s v="S"/>
    <s v="KY"/>
    <s v="REV"/>
    <s v="974"/>
    <s v="GLBATCH"/>
    <n v="1"/>
    <n v="2017"/>
  </r>
  <r>
    <s v="110"/>
    <d v="2017-01-15T00:00:00"/>
    <x v="4"/>
    <x v="0"/>
    <s v="10828"/>
    <s v="GLNANDA"/>
    <n v="0"/>
    <n v="4267"/>
    <s v="Billed Revenues"/>
    <s v="EXV"/>
    <s v="NONBU"/>
    <s v="G0000110"/>
    <s v="N"/>
    <s v="MACSS Dist Billed Revenue-03"/>
    <s v=""/>
    <x v="0"/>
    <s v="CAD0330126"/>
    <s v="S"/>
    <s v="KY"/>
    <s v="REV"/>
    <s v="974"/>
    <s v="GLBATCH"/>
    <n v="1"/>
    <n v="2017"/>
  </r>
  <r>
    <s v="110"/>
    <d v="2017-01-15T00:00:00"/>
    <x v="4"/>
    <x v="0"/>
    <s v="10828"/>
    <s v="GLNANDA"/>
    <n v="-920288.85"/>
    <n v="-7693999"/>
    <s v="Billed Revenues"/>
    <s v="EXV"/>
    <s v="NONBU"/>
    <s v="G0000110"/>
    <s v="N"/>
    <s v="MACSS Dist Billed Revenue-03"/>
    <s v=""/>
    <x v="0"/>
    <s v="CAD0330126"/>
    <s v="S"/>
    <s v="KY"/>
    <s v="REV"/>
    <s v="974"/>
    <s v="GLBATCH"/>
    <n v="1"/>
    <n v="2017"/>
  </r>
  <r>
    <s v="110"/>
    <d v="2017-01-15T00:00:00"/>
    <x v="2"/>
    <x v="0"/>
    <s v="10828"/>
    <s v="GLNANDA"/>
    <n v="0"/>
    <n v="1305"/>
    <s v="Billed Revenues"/>
    <s v="EXV"/>
    <s v="NONBU"/>
    <s v="G0000110"/>
    <s v="N"/>
    <s v="MACSS Dist Billed Revenue-03"/>
    <s v=""/>
    <x v="0"/>
    <s v="CAD0330126"/>
    <s v="S"/>
    <s v="KY"/>
    <s v="REV"/>
    <s v="974"/>
    <s v="GLBATCH"/>
    <n v="1"/>
    <n v="2017"/>
  </r>
  <r>
    <s v="110"/>
    <d v="2017-01-15T00:00:00"/>
    <x v="2"/>
    <x v="0"/>
    <s v="10828"/>
    <s v="GLNANDA"/>
    <n v="-313881.39"/>
    <n v="-2363854"/>
    <s v="Billed Revenues"/>
    <s v="EXV"/>
    <s v="NONBU"/>
    <s v="G0000110"/>
    <s v="N"/>
    <s v="MACSS Dist Billed Revenue-03"/>
    <s v=""/>
    <x v="0"/>
    <s v="CAD0330126"/>
    <s v="S"/>
    <s v="KY"/>
    <s v="REV"/>
    <s v="974"/>
    <s v="GLBATCH"/>
    <n v="1"/>
    <n v="2017"/>
  </r>
  <r>
    <s v="110"/>
    <d v="2017-01-15T00:00:00"/>
    <x v="1"/>
    <x v="0"/>
    <s v="10828"/>
    <s v="GLNANDA"/>
    <n v="0"/>
    <n v="2168"/>
    <s v="Billed Revenues"/>
    <s v="EXV"/>
    <s v="NONBU"/>
    <s v="G0000110"/>
    <s v="N"/>
    <s v="MACSS Dist Billed Revenue-03"/>
    <s v=""/>
    <x v="0"/>
    <s v="CAD0330126"/>
    <s v="S"/>
    <s v="KY"/>
    <s v="REV"/>
    <s v="974"/>
    <s v="GLBATCH"/>
    <n v="1"/>
    <n v="2017"/>
  </r>
  <r>
    <s v="110"/>
    <d v="2017-01-15T00:00:00"/>
    <x v="1"/>
    <x v="0"/>
    <s v="10828"/>
    <s v="GLNANDA"/>
    <n v="-312583.73"/>
    <n v="-2513284"/>
    <s v="Billed Revenues"/>
    <s v="EXV"/>
    <s v="NONBU"/>
    <s v="G0000110"/>
    <s v="N"/>
    <s v="MACSS Dist Billed Revenue-03"/>
    <s v=""/>
    <x v="0"/>
    <s v="CAD0330126"/>
    <s v="S"/>
    <s v="KY"/>
    <s v="REV"/>
    <s v="974"/>
    <s v="GLBATCH"/>
    <n v="1"/>
    <n v="2017"/>
  </r>
  <r>
    <s v="110"/>
    <d v="2017-01-15T00:00:00"/>
    <x v="0"/>
    <x v="0"/>
    <s v="10828"/>
    <s v="GLNANDA"/>
    <n v="0"/>
    <n v="44"/>
    <s v="Billed Revenues"/>
    <s v="EXV"/>
    <s v="NONBU"/>
    <s v="G0000110"/>
    <s v="N"/>
    <s v="MACSS Dist Billed Revenue-03"/>
    <s v=""/>
    <x v="0"/>
    <s v="CAD0330126"/>
    <s v="S"/>
    <s v="KY"/>
    <s v="REV"/>
    <s v="974"/>
    <s v="GLBATCH"/>
    <n v="1"/>
    <n v="2017"/>
  </r>
  <r>
    <s v="110"/>
    <d v="2017-01-15T00:00:00"/>
    <x v="0"/>
    <x v="0"/>
    <s v="10828"/>
    <s v="GLNANDA"/>
    <n v="-532304.18000000005"/>
    <n v="-8673571"/>
    <s v="Billed Revenues"/>
    <s v="EXV"/>
    <s v="NONBU"/>
    <s v="G0000110"/>
    <s v="N"/>
    <s v="MACSS Dist Billed Revenue-03"/>
    <s v=""/>
    <x v="0"/>
    <s v="CAD0330126"/>
    <s v="S"/>
    <s v="KY"/>
    <s v="REV"/>
    <s v="974"/>
    <s v="GLBATCH"/>
    <n v="1"/>
    <n v="2017"/>
  </r>
  <r>
    <s v="110"/>
    <d v="2017-01-15T00:00:00"/>
    <x v="3"/>
    <x v="0"/>
    <s v="10828"/>
    <s v="GLNANDA"/>
    <n v="0"/>
    <n v="12"/>
    <s v="Billed Revenues"/>
    <s v="EXV"/>
    <s v="NONBU"/>
    <s v="G0000110"/>
    <s v="N"/>
    <s v="MACSS Dist Billed Revenue-03"/>
    <s v=""/>
    <x v="0"/>
    <s v="CAD0330126"/>
    <s v="S"/>
    <s v="KY"/>
    <s v="REV"/>
    <s v="974"/>
    <s v="GLBATCH"/>
    <n v="1"/>
    <n v="2017"/>
  </r>
  <r>
    <s v="110"/>
    <d v="2017-01-15T00:00:00"/>
    <x v="3"/>
    <x v="0"/>
    <s v="10828"/>
    <s v="GLNANDA"/>
    <n v="-282462.53000000003"/>
    <n v="-4002547"/>
    <s v="Billed Revenues"/>
    <s v="EXV"/>
    <s v="NONBU"/>
    <s v="G0000110"/>
    <s v="N"/>
    <s v="MACSS Dist Billed Revenue-03"/>
    <s v=""/>
    <x v="0"/>
    <s v="CAD0330126"/>
    <s v="S"/>
    <s v="KY"/>
    <s v="REV"/>
    <s v="974"/>
    <s v="GLBATCH"/>
    <n v="1"/>
    <n v="2017"/>
  </r>
  <r>
    <s v="110"/>
    <d v="2017-01-15T00:00:00"/>
    <x v="7"/>
    <x v="0"/>
    <s v="10828"/>
    <s v="GLNANDA"/>
    <n v="0"/>
    <n v="35"/>
    <s v="Billed Revenues"/>
    <s v="EXV"/>
    <s v="NONBU"/>
    <s v="G0000110"/>
    <s v="N"/>
    <s v="MACSS Dist Billed Revenue-03"/>
    <s v=""/>
    <x v="0"/>
    <s v="CAD0330126"/>
    <s v="S"/>
    <s v="KY"/>
    <s v="REV"/>
    <s v="974"/>
    <s v="GLBATCH"/>
    <n v="1"/>
    <n v="2017"/>
  </r>
  <r>
    <s v="110"/>
    <d v="2017-01-15T00:00:00"/>
    <x v="7"/>
    <x v="0"/>
    <s v="10828"/>
    <s v="GLNANDA"/>
    <n v="-67095.69"/>
    <n v="-551999"/>
    <s v="Billed Revenues"/>
    <s v="EXV"/>
    <s v="NONBU"/>
    <s v="G0000110"/>
    <s v="N"/>
    <s v="MACSS Dist Billed Revenue-03"/>
    <s v=""/>
    <x v="0"/>
    <s v="CAD0330126"/>
    <s v="S"/>
    <s v="KY"/>
    <s v="REV"/>
    <s v="974"/>
    <s v="GLBATCH"/>
    <n v="1"/>
    <n v="2017"/>
  </r>
  <r>
    <s v="110"/>
    <d v="2017-01-15T00:00:00"/>
    <x v="6"/>
    <x v="0"/>
    <s v="10828"/>
    <s v="GLNANDA"/>
    <n v="0"/>
    <n v="16"/>
    <s v="Billed Revenues"/>
    <s v="EXV"/>
    <s v="NONBU"/>
    <s v="G0000110"/>
    <s v="N"/>
    <s v="MACSS Dist Billed Revenue-03"/>
    <s v=""/>
    <x v="0"/>
    <s v="CAD0330127"/>
    <s v="S"/>
    <s v="KY"/>
    <s v="REV"/>
    <s v="974"/>
    <s v="GLBATCH"/>
    <n v="1"/>
    <n v="2017"/>
  </r>
  <r>
    <s v="110"/>
    <d v="2017-01-15T00:00:00"/>
    <x v="5"/>
    <x v="0"/>
    <s v="10828"/>
    <s v="GLNANDA"/>
    <n v="-73405.73"/>
    <n v="-561810"/>
    <s v="Billed Revenues"/>
    <s v="EXV"/>
    <s v="NONBU"/>
    <s v="G0000110"/>
    <s v="N"/>
    <s v="MACSS Dist Billed Revenue-03"/>
    <s v=""/>
    <x v="0"/>
    <s v="CAD0330127"/>
    <s v="S"/>
    <s v="KY"/>
    <s v="REV"/>
    <s v="974"/>
    <s v="GLBATCH"/>
    <n v="1"/>
    <n v="2017"/>
  </r>
  <r>
    <s v="110"/>
    <d v="2017-01-15T00:00:00"/>
    <x v="4"/>
    <x v="0"/>
    <s v="10828"/>
    <s v="GLNANDA"/>
    <n v="0"/>
    <n v="3637"/>
    <s v="Billed Revenues"/>
    <s v="EXV"/>
    <s v="NONBU"/>
    <s v="G0000110"/>
    <s v="N"/>
    <s v="MACSS Dist Billed Revenue-03"/>
    <s v=""/>
    <x v="0"/>
    <s v="CAD0330127"/>
    <s v="S"/>
    <s v="KY"/>
    <s v="REV"/>
    <s v="974"/>
    <s v="GLBATCH"/>
    <n v="1"/>
    <n v="2017"/>
  </r>
  <r>
    <s v="110"/>
    <d v="2017-01-15T00:00:00"/>
    <x v="4"/>
    <x v="0"/>
    <s v="10828"/>
    <s v="GLNANDA"/>
    <n v="-684297.25"/>
    <n v="-5657645"/>
    <s v="Billed Revenues"/>
    <s v="EXV"/>
    <s v="NONBU"/>
    <s v="G0000110"/>
    <s v="N"/>
    <s v="MACSS Dist Billed Revenue-03"/>
    <s v=""/>
    <x v="0"/>
    <s v="CAD0330127"/>
    <s v="S"/>
    <s v="KY"/>
    <s v="REV"/>
    <s v="974"/>
    <s v="GLBATCH"/>
    <n v="1"/>
    <n v="2017"/>
  </r>
  <r>
    <s v="110"/>
    <d v="2017-01-15T00:00:00"/>
    <x v="1"/>
    <x v="0"/>
    <s v="10828"/>
    <s v="GLNANDA"/>
    <n v="0"/>
    <n v="2854"/>
    <s v="Billed Revenues"/>
    <s v="EXV"/>
    <s v="NONBU"/>
    <s v="G0000110"/>
    <s v="N"/>
    <s v="MACSS Dist Billed Revenue-03"/>
    <s v=""/>
    <x v="0"/>
    <s v="CAD0330127"/>
    <s v="S"/>
    <s v="KY"/>
    <s v="REV"/>
    <s v="974"/>
    <s v="GLBATCH"/>
    <n v="1"/>
    <n v="2017"/>
  </r>
  <r>
    <s v="110"/>
    <d v="2017-01-15T00:00:00"/>
    <x v="1"/>
    <x v="0"/>
    <s v="10828"/>
    <s v="GLNANDA"/>
    <n v="-355471.08"/>
    <n v="-2821487"/>
    <s v="Billed Revenues"/>
    <s v="EXV"/>
    <s v="NONBU"/>
    <s v="G0000110"/>
    <s v="N"/>
    <s v="MACSS Dist Billed Revenue-03"/>
    <s v=""/>
    <x v="0"/>
    <s v="CAD0330127"/>
    <s v="S"/>
    <s v="KY"/>
    <s v="REV"/>
    <s v="974"/>
    <s v="GLBATCH"/>
    <n v="1"/>
    <n v="2017"/>
  </r>
  <r>
    <s v="110"/>
    <d v="2017-01-15T00:00:00"/>
    <x v="0"/>
    <x v="0"/>
    <s v="10828"/>
    <s v="GLNANDA"/>
    <n v="0"/>
    <n v="53"/>
    <s v="Billed Revenues"/>
    <s v="EXV"/>
    <s v="NONBU"/>
    <s v="G0000110"/>
    <s v="N"/>
    <s v="MACSS Dist Billed Revenue-03"/>
    <s v=""/>
    <x v="0"/>
    <s v="CAD0330127"/>
    <s v="S"/>
    <s v="KY"/>
    <s v="REV"/>
    <s v="974"/>
    <s v="GLBATCH"/>
    <n v="1"/>
    <n v="2017"/>
  </r>
  <r>
    <s v="110"/>
    <d v="2017-01-15T00:00:00"/>
    <x v="0"/>
    <x v="0"/>
    <s v="10828"/>
    <s v="GLNANDA"/>
    <n v="-95420.07"/>
    <n v="-1207336"/>
    <s v="Billed Revenues"/>
    <s v="EXV"/>
    <s v="NONBU"/>
    <s v="G0000110"/>
    <s v="N"/>
    <s v="MACSS Dist Billed Revenue-03"/>
    <s v=""/>
    <x v="0"/>
    <s v="CAD0330127"/>
    <s v="S"/>
    <s v="KY"/>
    <s v="REV"/>
    <s v="974"/>
    <s v="GLBATCH"/>
    <n v="1"/>
    <n v="2017"/>
  </r>
  <r>
    <s v="110"/>
    <d v="2017-01-15T00:00:00"/>
    <x v="2"/>
    <x v="0"/>
    <s v="10828"/>
    <s v="GLNANDA"/>
    <n v="0"/>
    <n v="1405"/>
    <s v="Billed Revenues"/>
    <s v="EXV"/>
    <s v="NONBU"/>
    <s v="G0000110"/>
    <s v="N"/>
    <s v="MACSS Dist Billed Revenue-03"/>
    <s v=""/>
    <x v="0"/>
    <s v="CAD0330127"/>
    <s v="S"/>
    <s v="KY"/>
    <s v="REV"/>
    <s v="974"/>
    <s v="GLBATCH"/>
    <n v="1"/>
    <n v="2017"/>
  </r>
  <r>
    <s v="110"/>
    <d v="2017-01-15T00:00:00"/>
    <x v="2"/>
    <x v="0"/>
    <s v="10828"/>
    <s v="GLNANDA"/>
    <n v="-573351.48"/>
    <n v="-4522298"/>
    <s v="Billed Revenues"/>
    <s v="EXV"/>
    <s v="NONBU"/>
    <s v="G0000110"/>
    <s v="N"/>
    <s v="MACSS Dist Billed Revenue-03"/>
    <s v=""/>
    <x v="0"/>
    <s v="CAD0330127"/>
    <s v="S"/>
    <s v="KY"/>
    <s v="REV"/>
    <s v="974"/>
    <s v="GLBATCH"/>
    <n v="1"/>
    <n v="2017"/>
  </r>
  <r>
    <s v="110"/>
    <d v="2017-01-15T00:00:00"/>
    <x v="7"/>
    <x v="0"/>
    <s v="10828"/>
    <s v="GLNANDA"/>
    <n v="0"/>
    <n v="29"/>
    <s v="Billed Revenues"/>
    <s v="EXV"/>
    <s v="NONBU"/>
    <s v="G0000110"/>
    <s v="N"/>
    <s v="MACSS Dist Billed Revenue-03"/>
    <s v=""/>
    <x v="0"/>
    <s v="CAD0330127"/>
    <s v="S"/>
    <s v="KY"/>
    <s v="REV"/>
    <s v="974"/>
    <s v="GLBATCH"/>
    <n v="1"/>
    <n v="2017"/>
  </r>
  <r>
    <s v="110"/>
    <d v="2017-01-15T00:00:00"/>
    <x v="7"/>
    <x v="0"/>
    <s v="10828"/>
    <s v="GLNANDA"/>
    <n v="-37716.5"/>
    <n v="-305087"/>
    <s v="Billed Revenues"/>
    <s v="EXV"/>
    <s v="NONBU"/>
    <s v="G0000110"/>
    <s v="N"/>
    <s v="MACSS Dist Billed Revenue-03"/>
    <s v=""/>
    <x v="0"/>
    <s v="CAD0330127"/>
    <s v="S"/>
    <s v="KY"/>
    <s v="REV"/>
    <s v="974"/>
    <s v="GLBATCH"/>
    <n v="1"/>
    <n v="2017"/>
  </r>
  <r>
    <s v="110"/>
    <d v="2017-01-15T00:00:00"/>
    <x v="3"/>
    <x v="0"/>
    <s v="10828"/>
    <s v="GLNANDA"/>
    <n v="0"/>
    <n v="25"/>
    <s v="Billed Revenues"/>
    <s v="EXV"/>
    <s v="NONBU"/>
    <s v="G0000110"/>
    <s v="N"/>
    <s v="MACSS Dist Billed Revenue-03"/>
    <s v=""/>
    <x v="0"/>
    <s v="CAD0330127"/>
    <s v="S"/>
    <s v="KY"/>
    <s v="REV"/>
    <s v="974"/>
    <s v="GLBATCH"/>
    <n v="1"/>
    <n v="2017"/>
  </r>
  <r>
    <s v="110"/>
    <d v="2017-01-15T00:00:00"/>
    <x v="3"/>
    <x v="0"/>
    <s v="10828"/>
    <s v="GLNANDA"/>
    <n v="-318999.36"/>
    <n v="-3436306"/>
    <s v="Billed Revenues"/>
    <s v="EXV"/>
    <s v="NONBU"/>
    <s v="G0000110"/>
    <s v="N"/>
    <s v="MACSS Dist Billed Revenue-03"/>
    <s v=""/>
    <x v="0"/>
    <s v="CAD0330127"/>
    <s v="S"/>
    <s v="KY"/>
    <s v="REV"/>
    <s v="974"/>
    <s v="GLBATCH"/>
    <n v="1"/>
    <n v="2017"/>
  </r>
  <r>
    <s v="110"/>
    <d v="2017-01-15T00:00:00"/>
    <x v="5"/>
    <x v="0"/>
    <s v="10828"/>
    <s v="GLNANDA"/>
    <n v="0"/>
    <n v="147"/>
    <s v="Billed Revenues"/>
    <s v="EXV"/>
    <s v="NONBU"/>
    <s v="G0000110"/>
    <s v="N"/>
    <s v="MACSS Dist Billed Revenue-03"/>
    <s v=""/>
    <x v="0"/>
    <s v="CAD0330127"/>
    <s v="S"/>
    <s v="KY"/>
    <s v="REV"/>
    <s v="974"/>
    <s v="GLBATCH"/>
    <n v="1"/>
    <n v="2017"/>
  </r>
  <r>
    <s v="110"/>
    <d v="2017-01-15T00:00:00"/>
    <x v="6"/>
    <x v="0"/>
    <s v="10828"/>
    <s v="GLNANDA"/>
    <n v="-910.25"/>
    <n v="-4758"/>
    <s v="Billed Revenues"/>
    <s v="EXV"/>
    <s v="NONBU"/>
    <s v="G0000110"/>
    <s v="N"/>
    <s v="MACSS Dist Billed Revenue-03"/>
    <s v=""/>
    <x v="0"/>
    <s v="CAD0330127"/>
    <s v="S"/>
    <s v="KY"/>
    <s v="REV"/>
    <s v="974"/>
    <s v="GLBATCH"/>
    <n v="1"/>
    <n v="2017"/>
  </r>
  <r>
    <s v="110"/>
    <d v="2017-01-15T00:00:00"/>
    <x v="2"/>
    <x v="0"/>
    <s v="10828"/>
    <s v="GLNANDA"/>
    <n v="0"/>
    <n v="1161"/>
    <s v="Billed Revenues"/>
    <s v="EXV"/>
    <s v="NONBU"/>
    <s v="G0000110"/>
    <s v="N"/>
    <s v="MACSS Dist Billed Revenue-03"/>
    <s v=""/>
    <x v="0"/>
    <s v="CAD0330130"/>
    <s v="S"/>
    <s v="KY"/>
    <s v="REV"/>
    <s v="974"/>
    <s v="GLBATCH"/>
    <n v="1"/>
    <n v="2017"/>
  </r>
  <r>
    <s v="110"/>
    <d v="2017-01-15T00:00:00"/>
    <x v="0"/>
    <x v="0"/>
    <s v="10828"/>
    <s v="GLNANDA"/>
    <n v="-24012.85"/>
    <n v="-176188"/>
    <s v="Billed Revenues"/>
    <s v="EXV"/>
    <s v="NONBU"/>
    <s v="G0000110"/>
    <s v="N"/>
    <s v="MACSS Dist Billed Revenue-03"/>
    <s v=""/>
    <x v="0"/>
    <s v="CAD0330130"/>
    <s v="S"/>
    <s v="KY"/>
    <s v="REV"/>
    <s v="974"/>
    <s v="GLBATCH"/>
    <n v="1"/>
    <n v="2017"/>
  </r>
  <r>
    <s v="110"/>
    <d v="2017-01-15T00:00:00"/>
    <x v="7"/>
    <x v="0"/>
    <s v="10828"/>
    <s v="GLNANDA"/>
    <n v="0"/>
    <n v="42"/>
    <s v="Billed Revenues"/>
    <s v="EXV"/>
    <s v="NONBU"/>
    <s v="G0000110"/>
    <s v="N"/>
    <s v="MACSS Dist Billed Revenue-03"/>
    <s v=""/>
    <x v="0"/>
    <s v="CAD0330130"/>
    <s v="S"/>
    <s v="KY"/>
    <s v="REV"/>
    <s v="974"/>
    <s v="GLBATCH"/>
    <n v="1"/>
    <n v="2017"/>
  </r>
  <r>
    <s v="110"/>
    <d v="2017-01-15T00:00:00"/>
    <x v="5"/>
    <x v="0"/>
    <s v="10828"/>
    <s v="GLNANDA"/>
    <n v="-100757.93"/>
    <n v="-948254"/>
    <s v="Billed Revenues"/>
    <s v="EXV"/>
    <s v="NONBU"/>
    <s v="G0000110"/>
    <s v="N"/>
    <s v="MACSS Dist Billed Revenue-03"/>
    <s v=""/>
    <x v="0"/>
    <s v="CAD0330130"/>
    <s v="S"/>
    <s v="KY"/>
    <s v="REV"/>
    <s v="974"/>
    <s v="GLBATCH"/>
    <n v="1"/>
    <n v="2017"/>
  </r>
  <r>
    <s v="110"/>
    <d v="2017-01-15T00:00:00"/>
    <x v="4"/>
    <x v="0"/>
    <s v="10828"/>
    <s v="GLNANDA"/>
    <n v="0"/>
    <n v="2953"/>
    <s v="Billed Revenues"/>
    <s v="EXV"/>
    <s v="NONBU"/>
    <s v="G0000110"/>
    <s v="N"/>
    <s v="MACSS Dist Billed Revenue-03"/>
    <s v=""/>
    <x v="0"/>
    <s v="CAD0330130"/>
    <s v="S"/>
    <s v="KY"/>
    <s v="REV"/>
    <s v="974"/>
    <s v="GLBATCH"/>
    <n v="1"/>
    <n v="2017"/>
  </r>
  <r>
    <s v="110"/>
    <d v="2017-01-15T00:00:00"/>
    <x v="4"/>
    <x v="0"/>
    <s v="10828"/>
    <s v="GLNANDA"/>
    <n v="-646831.84"/>
    <n v="-5403797"/>
    <s v="Billed Revenues"/>
    <s v="EXV"/>
    <s v="NONBU"/>
    <s v="G0000110"/>
    <s v="N"/>
    <s v="MACSS Dist Billed Revenue-03"/>
    <s v=""/>
    <x v="0"/>
    <s v="CAD0330130"/>
    <s v="S"/>
    <s v="KY"/>
    <s v="REV"/>
    <s v="974"/>
    <s v="GLBATCH"/>
    <n v="1"/>
    <n v="2017"/>
  </r>
  <r>
    <s v="110"/>
    <d v="2017-01-15T00:00:00"/>
    <x v="5"/>
    <x v="0"/>
    <s v="10828"/>
    <s v="GLNANDA"/>
    <n v="0"/>
    <n v="200"/>
    <s v="Billed Revenues"/>
    <s v="EXV"/>
    <s v="NONBU"/>
    <s v="G0000110"/>
    <s v="N"/>
    <s v="MACSS Dist Billed Revenue-03"/>
    <s v=""/>
    <x v="0"/>
    <s v="CAD0330130"/>
    <s v="S"/>
    <s v="KY"/>
    <s v="REV"/>
    <s v="974"/>
    <s v="GLBATCH"/>
    <n v="1"/>
    <n v="2017"/>
  </r>
  <r>
    <s v="110"/>
    <d v="2017-01-15T00:00:00"/>
    <x v="3"/>
    <x v="0"/>
    <s v="10828"/>
    <s v="GLNANDA"/>
    <n v="-566624.1"/>
    <n v="-6427072"/>
    <s v="Billed Revenues"/>
    <s v="EXV"/>
    <s v="NONBU"/>
    <s v="G0000110"/>
    <s v="N"/>
    <s v="MACSS Dist Billed Revenue-03"/>
    <s v=""/>
    <x v="0"/>
    <s v="CAD0330130"/>
    <s v="S"/>
    <s v="KY"/>
    <s v="REV"/>
    <s v="974"/>
    <s v="GLBATCH"/>
    <n v="1"/>
    <n v="2017"/>
  </r>
  <r>
    <s v="110"/>
    <d v="2017-01-15T00:00:00"/>
    <x v="1"/>
    <x v="0"/>
    <s v="10828"/>
    <s v="GLNANDA"/>
    <n v="0"/>
    <n v="2579"/>
    <s v="Billed Revenues"/>
    <s v="EXV"/>
    <s v="NONBU"/>
    <s v="G0000110"/>
    <s v="N"/>
    <s v="MACSS Dist Billed Revenue-03"/>
    <s v=""/>
    <x v="0"/>
    <s v="CAD0330130"/>
    <s v="S"/>
    <s v="KY"/>
    <s v="REV"/>
    <s v="974"/>
    <s v="GLBATCH"/>
    <n v="1"/>
    <n v="2017"/>
  </r>
  <r>
    <s v="110"/>
    <d v="2017-01-15T00:00:00"/>
    <x v="1"/>
    <x v="0"/>
    <s v="10828"/>
    <s v="GLNANDA"/>
    <n v="-358760.75"/>
    <n v="-2883975"/>
    <s v="Billed Revenues"/>
    <s v="EXV"/>
    <s v="NONBU"/>
    <s v="G0000110"/>
    <s v="N"/>
    <s v="MACSS Dist Billed Revenue-03"/>
    <s v=""/>
    <x v="0"/>
    <s v="CAD0330130"/>
    <s v="S"/>
    <s v="KY"/>
    <s v="REV"/>
    <s v="974"/>
    <s v="GLBATCH"/>
    <n v="1"/>
    <n v="2017"/>
  </r>
  <r>
    <s v="110"/>
    <d v="2017-01-15T00:00:00"/>
    <x v="6"/>
    <x v="0"/>
    <s v="10828"/>
    <s v="GLNANDA"/>
    <n v="-3926.6"/>
    <n v="-28215"/>
    <s v="Billed Revenues"/>
    <s v="EXV"/>
    <s v="NONBU"/>
    <s v="G0000110"/>
    <s v="N"/>
    <s v="MACSS Dist Billed Revenue-03"/>
    <s v=""/>
    <x v="0"/>
    <s v="CAD0330130"/>
    <s v="S"/>
    <s v="KY"/>
    <s v="REV"/>
    <s v="974"/>
    <s v="GLBATCH"/>
    <n v="1"/>
    <n v="2017"/>
  </r>
  <r>
    <s v="110"/>
    <d v="2017-01-15T00:00:00"/>
    <x v="6"/>
    <x v="0"/>
    <s v="10828"/>
    <s v="GLNANDA"/>
    <n v="0"/>
    <n v="20"/>
    <s v="Billed Revenues"/>
    <s v="EXV"/>
    <s v="NONBU"/>
    <s v="G0000110"/>
    <s v="N"/>
    <s v="MACSS Dist Billed Revenue-03"/>
    <s v=""/>
    <x v="0"/>
    <s v="CAD0330130"/>
    <s v="S"/>
    <s v="KY"/>
    <s v="REV"/>
    <s v="974"/>
    <s v="GLBATCH"/>
    <n v="1"/>
    <n v="2017"/>
  </r>
  <r>
    <s v="110"/>
    <d v="2017-01-15T00:00:00"/>
    <x v="3"/>
    <x v="0"/>
    <s v="10828"/>
    <s v="GLNANDA"/>
    <n v="0"/>
    <n v="27"/>
    <s v="Billed Revenues"/>
    <s v="EXV"/>
    <s v="NONBU"/>
    <s v="G0000110"/>
    <s v="N"/>
    <s v="MACSS Dist Billed Revenue-03"/>
    <s v=""/>
    <x v="0"/>
    <s v="CAD0330130"/>
    <s v="S"/>
    <s v="KY"/>
    <s v="REV"/>
    <s v="974"/>
    <s v="GLBATCH"/>
    <n v="1"/>
    <n v="2017"/>
  </r>
  <r>
    <s v="110"/>
    <d v="2017-01-15T00:00:00"/>
    <x v="7"/>
    <x v="0"/>
    <s v="10828"/>
    <s v="GLNANDA"/>
    <n v="-130518.81"/>
    <n v="-1112530"/>
    <s v="Billed Revenues"/>
    <s v="EXV"/>
    <s v="NONBU"/>
    <s v="G0000110"/>
    <s v="N"/>
    <s v="MACSS Dist Billed Revenue-03"/>
    <s v=""/>
    <x v="0"/>
    <s v="CAD0330130"/>
    <s v="S"/>
    <s v="KY"/>
    <s v="REV"/>
    <s v="974"/>
    <s v="GLBATCH"/>
    <n v="1"/>
    <n v="2017"/>
  </r>
  <r>
    <s v="110"/>
    <d v="2017-01-15T00:00:00"/>
    <x v="0"/>
    <x v="0"/>
    <s v="10828"/>
    <s v="GLNANDA"/>
    <n v="0"/>
    <n v="53"/>
    <s v="Billed Revenues"/>
    <s v="EXV"/>
    <s v="NONBU"/>
    <s v="G0000110"/>
    <s v="N"/>
    <s v="MACSS Dist Billed Revenue-03"/>
    <s v=""/>
    <x v="0"/>
    <s v="CAD0330130"/>
    <s v="S"/>
    <s v="KY"/>
    <s v="REV"/>
    <s v="974"/>
    <s v="GLBATCH"/>
    <n v="1"/>
    <n v="2017"/>
  </r>
  <r>
    <s v="110"/>
    <d v="2017-01-15T00:00:00"/>
    <x v="2"/>
    <x v="0"/>
    <s v="10828"/>
    <s v="GLNANDA"/>
    <n v="-516346.09"/>
    <n v="-4059284"/>
    <s v="Billed Revenues"/>
    <s v="EXV"/>
    <s v="NONBU"/>
    <s v="G0000110"/>
    <s v="N"/>
    <s v="MACSS Dist Billed Revenue-03"/>
    <s v=""/>
    <x v="0"/>
    <s v="CAD0330130"/>
    <s v="S"/>
    <s v="KY"/>
    <s v="REV"/>
    <s v="974"/>
    <s v="GLBATCH"/>
    <n v="1"/>
    <n v="2017"/>
  </r>
  <r>
    <s v="110"/>
    <d v="2017-02-15T00:00:00"/>
    <x v="1"/>
    <x v="0"/>
    <s v="10828"/>
    <s v="GLNANDA"/>
    <n v="-336414.51"/>
    <n v="-2786789"/>
    <s v="Billed Revenues"/>
    <s v="EXV"/>
    <s v="NONBU"/>
    <s v="G0000110"/>
    <s v="N"/>
    <s v="MACSS Dist Billed Revenue-03"/>
    <s v=""/>
    <x v="0"/>
    <s v="CAD0330131"/>
    <s v="S"/>
    <s v="KY"/>
    <s v="REV"/>
    <s v="974"/>
    <s v="GLBATCH"/>
    <n v="2"/>
    <n v="2017"/>
  </r>
  <r>
    <s v="110"/>
    <d v="2017-02-15T00:00:00"/>
    <x v="1"/>
    <x v="0"/>
    <s v="10828"/>
    <s v="GLNANDA"/>
    <n v="0"/>
    <n v="2176"/>
    <s v="Billed Revenues"/>
    <s v="EXV"/>
    <s v="NONBU"/>
    <s v="G0000110"/>
    <s v="N"/>
    <s v="MACSS Dist Billed Revenue-03"/>
    <s v=""/>
    <x v="0"/>
    <s v="CAD0330131"/>
    <s v="S"/>
    <s v="KY"/>
    <s v="REV"/>
    <s v="974"/>
    <s v="GLBATCH"/>
    <n v="2"/>
    <n v="2017"/>
  </r>
  <r>
    <s v="110"/>
    <d v="2017-02-15T00:00:00"/>
    <x v="4"/>
    <x v="0"/>
    <s v="10828"/>
    <s v="GLNANDA"/>
    <n v="0"/>
    <n v="4841"/>
    <s v="Billed Revenues"/>
    <s v="EXV"/>
    <s v="NONBU"/>
    <s v="G0000110"/>
    <s v="N"/>
    <s v="MACSS Dist Billed Revenue-03"/>
    <s v=""/>
    <x v="0"/>
    <s v="CAD0330131"/>
    <s v="S"/>
    <s v="KY"/>
    <s v="REV"/>
    <s v="974"/>
    <s v="GLBATCH"/>
    <n v="2"/>
    <n v="2017"/>
  </r>
  <r>
    <s v="110"/>
    <d v="2017-02-15T00:00:00"/>
    <x v="4"/>
    <x v="0"/>
    <s v="10828"/>
    <s v="GLNANDA"/>
    <n v="-1112334.01"/>
    <n v="-9532722"/>
    <s v="Billed Revenues"/>
    <s v="EXV"/>
    <s v="NONBU"/>
    <s v="G0000110"/>
    <s v="N"/>
    <s v="MACSS Dist Billed Revenue-03"/>
    <s v=""/>
    <x v="0"/>
    <s v="CAD0330131"/>
    <s v="S"/>
    <s v="KY"/>
    <s v="REV"/>
    <s v="974"/>
    <s v="GLBATCH"/>
    <n v="2"/>
    <n v="2017"/>
  </r>
  <r>
    <s v="110"/>
    <d v="2017-02-15T00:00:00"/>
    <x v="6"/>
    <x v="0"/>
    <s v="10828"/>
    <s v="GLNANDA"/>
    <n v="-1132.8699999999999"/>
    <n v="-6346"/>
    <s v="Billed Revenues"/>
    <s v="EXV"/>
    <s v="NONBU"/>
    <s v="G0000110"/>
    <s v="N"/>
    <s v="MACSS Dist Billed Revenue-03"/>
    <s v=""/>
    <x v="0"/>
    <s v="CAD0330131"/>
    <s v="S"/>
    <s v="KY"/>
    <s v="REV"/>
    <s v="974"/>
    <s v="GLBATCH"/>
    <n v="2"/>
    <n v="2017"/>
  </r>
  <r>
    <s v="110"/>
    <d v="2017-02-15T00:00:00"/>
    <x v="6"/>
    <x v="0"/>
    <s v="10828"/>
    <s v="GLNANDA"/>
    <n v="0"/>
    <n v="20"/>
    <s v="Billed Revenues"/>
    <s v="EXV"/>
    <s v="NONBU"/>
    <s v="G0000110"/>
    <s v="N"/>
    <s v="MACSS Dist Billed Revenue-03"/>
    <s v=""/>
    <x v="0"/>
    <s v="CAD0330131"/>
    <s v="S"/>
    <s v="KY"/>
    <s v="REV"/>
    <s v="974"/>
    <s v="GLBATCH"/>
    <n v="2"/>
    <n v="2017"/>
  </r>
  <r>
    <s v="110"/>
    <d v="2017-02-15T00:00:00"/>
    <x v="7"/>
    <x v="0"/>
    <s v="10828"/>
    <s v="GLNANDA"/>
    <n v="-75221.490000000005"/>
    <n v="-621197"/>
    <s v="Billed Revenues"/>
    <s v="EXV"/>
    <s v="NONBU"/>
    <s v="G0000110"/>
    <s v="N"/>
    <s v="MACSS Dist Billed Revenue-03"/>
    <s v=""/>
    <x v="0"/>
    <s v="CAD0330131"/>
    <s v="S"/>
    <s v="KY"/>
    <s v="REV"/>
    <s v="974"/>
    <s v="GLBATCH"/>
    <n v="2"/>
    <n v="2017"/>
  </r>
  <r>
    <s v="110"/>
    <d v="2017-02-15T00:00:00"/>
    <x v="7"/>
    <x v="0"/>
    <s v="10828"/>
    <s v="GLNANDA"/>
    <n v="0"/>
    <n v="24"/>
    <s v="Billed Revenues"/>
    <s v="EXV"/>
    <s v="NONBU"/>
    <s v="G0000110"/>
    <s v="N"/>
    <s v="MACSS Dist Billed Revenue-03"/>
    <s v=""/>
    <x v="0"/>
    <s v="CAD0330131"/>
    <s v="S"/>
    <s v="KY"/>
    <s v="REV"/>
    <s v="974"/>
    <s v="GLBATCH"/>
    <n v="2"/>
    <n v="2017"/>
  </r>
  <r>
    <s v="110"/>
    <d v="2017-02-15T00:00:00"/>
    <x v="5"/>
    <x v="0"/>
    <s v="10828"/>
    <s v="GLNANDA"/>
    <n v="-75328.5"/>
    <n v="-593299"/>
    <s v="Billed Revenues"/>
    <s v="EXV"/>
    <s v="NONBU"/>
    <s v="G0000110"/>
    <s v="N"/>
    <s v="MACSS Dist Billed Revenue-03"/>
    <s v=""/>
    <x v="0"/>
    <s v="CAD0330131"/>
    <s v="S"/>
    <s v="KY"/>
    <s v="REV"/>
    <s v="974"/>
    <s v="GLBATCH"/>
    <n v="2"/>
    <n v="2017"/>
  </r>
  <r>
    <s v="110"/>
    <d v="2017-02-15T00:00:00"/>
    <x v="5"/>
    <x v="0"/>
    <s v="10828"/>
    <s v="GLNANDA"/>
    <n v="0"/>
    <n v="141"/>
    <s v="Billed Revenues"/>
    <s v="EXV"/>
    <s v="NONBU"/>
    <s v="G0000110"/>
    <s v="N"/>
    <s v="MACSS Dist Billed Revenue-03"/>
    <s v=""/>
    <x v="0"/>
    <s v="CAD0330131"/>
    <s v="S"/>
    <s v="KY"/>
    <s v="REV"/>
    <s v="974"/>
    <s v="GLBATCH"/>
    <n v="2"/>
    <n v="2017"/>
  </r>
  <r>
    <s v="110"/>
    <d v="2017-02-15T00:00:00"/>
    <x v="0"/>
    <x v="0"/>
    <s v="10828"/>
    <s v="GLNANDA"/>
    <n v="-181645.49"/>
    <n v="-1869324"/>
    <s v="Billed Revenues"/>
    <s v="EXV"/>
    <s v="NONBU"/>
    <s v="G0000110"/>
    <s v="N"/>
    <s v="MACSS Dist Billed Revenue-03"/>
    <s v=""/>
    <x v="0"/>
    <s v="CAD0330131"/>
    <s v="S"/>
    <s v="KY"/>
    <s v="REV"/>
    <s v="974"/>
    <s v="GLBATCH"/>
    <n v="2"/>
    <n v="2017"/>
  </r>
  <r>
    <s v="110"/>
    <d v="2017-02-15T00:00:00"/>
    <x v="0"/>
    <x v="0"/>
    <s v="10828"/>
    <s v="GLNANDA"/>
    <n v="0"/>
    <n v="48"/>
    <s v="Billed Revenues"/>
    <s v="EXV"/>
    <s v="NONBU"/>
    <s v="G0000110"/>
    <s v="N"/>
    <s v="MACSS Dist Billed Revenue-03"/>
    <s v=""/>
    <x v="0"/>
    <s v="CAD0330131"/>
    <s v="S"/>
    <s v="KY"/>
    <s v="REV"/>
    <s v="974"/>
    <s v="GLBATCH"/>
    <n v="2"/>
    <n v="2017"/>
  </r>
  <r>
    <s v="110"/>
    <d v="2017-02-15T00:00:00"/>
    <x v="3"/>
    <x v="0"/>
    <s v="10828"/>
    <s v="GLNANDA"/>
    <n v="-13648.87"/>
    <n v="-118143"/>
    <s v="Billed Revenues"/>
    <s v="EXV"/>
    <s v="NONBU"/>
    <s v="G0000110"/>
    <s v="N"/>
    <s v="MACSS Dist Billed Revenue-03"/>
    <s v=""/>
    <x v="0"/>
    <s v="CAD0330131"/>
    <s v="S"/>
    <s v="KY"/>
    <s v="REV"/>
    <s v="974"/>
    <s v="GLBATCH"/>
    <n v="2"/>
    <n v="2017"/>
  </r>
  <r>
    <s v="110"/>
    <d v="2017-02-15T00:00:00"/>
    <x v="3"/>
    <x v="0"/>
    <s v="10828"/>
    <s v="GLNANDA"/>
    <n v="0"/>
    <n v="11"/>
    <s v="Billed Revenues"/>
    <s v="EXV"/>
    <s v="NONBU"/>
    <s v="G0000110"/>
    <s v="N"/>
    <s v="MACSS Dist Billed Revenue-03"/>
    <s v=""/>
    <x v="0"/>
    <s v="CAD0330131"/>
    <s v="S"/>
    <s v="KY"/>
    <s v="REV"/>
    <s v="974"/>
    <s v="GLBATCH"/>
    <n v="2"/>
    <n v="2017"/>
  </r>
  <r>
    <s v="110"/>
    <d v="2017-02-15T00:00:00"/>
    <x v="2"/>
    <x v="0"/>
    <s v="10828"/>
    <s v="GLNANDA"/>
    <n v="-758243.4"/>
    <n v="-5883801"/>
    <s v="Billed Revenues"/>
    <s v="EXV"/>
    <s v="NONBU"/>
    <s v="G0000110"/>
    <s v="N"/>
    <s v="MACSS Dist Billed Revenue-03"/>
    <s v=""/>
    <x v="0"/>
    <s v="CAD0330131"/>
    <s v="S"/>
    <s v="KY"/>
    <s v="REV"/>
    <s v="974"/>
    <s v="GLBATCH"/>
    <n v="2"/>
    <n v="2017"/>
  </r>
  <r>
    <s v="110"/>
    <d v="2017-02-15T00:00:00"/>
    <x v="2"/>
    <x v="0"/>
    <s v="10828"/>
    <s v="GLNANDA"/>
    <n v="0"/>
    <n v="1726"/>
    <s v="Billed Revenues"/>
    <s v="EXV"/>
    <s v="NONBU"/>
    <s v="G0000110"/>
    <s v="N"/>
    <s v="MACSS Dist Billed Revenue-03"/>
    <s v=""/>
    <x v="0"/>
    <s v="CAD0330131"/>
    <s v="S"/>
    <s v="KY"/>
    <s v="REV"/>
    <s v="974"/>
    <s v="GLBATCH"/>
    <n v="2"/>
    <n v="2017"/>
  </r>
  <r>
    <s v="110"/>
    <d v="2017-01-15T00:00:00"/>
    <x v="6"/>
    <x v="0"/>
    <s v="10828"/>
    <s v="GLNANDA"/>
    <n v="-136172.65"/>
    <n v="-871108"/>
    <s v="Billed Revenues"/>
    <s v="EXV"/>
    <s v="NONBU"/>
    <s v="G0000110"/>
    <s v="N"/>
    <s v="MACSS Dist Billed Revenue-03"/>
    <s v=""/>
    <x v="0"/>
    <s v="CAD0330131"/>
    <s v="S"/>
    <s v="KY"/>
    <s v="REV"/>
    <s v="974"/>
    <s v="GLBATCH"/>
    <n v="1"/>
    <n v="2017"/>
  </r>
  <r>
    <s v="110"/>
    <d v="2017-01-15T00:00:00"/>
    <x v="2"/>
    <x v="0"/>
    <s v="10828"/>
    <s v="GLNANDA"/>
    <n v="-25311.49"/>
    <n v="-192912"/>
    <s v="Billed Revenues"/>
    <s v="EXV"/>
    <s v="NONBU"/>
    <s v="G0000110"/>
    <s v="N"/>
    <s v="MACSS Dist Billed Revenue-03"/>
    <s v=""/>
    <x v="0"/>
    <s v="CAD0330131"/>
    <s v="S"/>
    <s v="KY"/>
    <s v="REV"/>
    <s v="974"/>
    <s v="GLBATCH"/>
    <n v="1"/>
    <n v="2017"/>
  </r>
  <r>
    <s v="110"/>
    <d v="2017-01-15T00:00:00"/>
    <x v="5"/>
    <x v="0"/>
    <s v="10828"/>
    <s v="GLNANDA"/>
    <n v="0"/>
    <n v="6"/>
    <s v="Billed Revenues"/>
    <s v="EXV"/>
    <s v="NONBU"/>
    <s v="G0000110"/>
    <s v="N"/>
    <s v="MACSS Dist Billed Revenue-03"/>
    <s v=""/>
    <x v="0"/>
    <s v="CAD0330131"/>
    <s v="S"/>
    <s v="KY"/>
    <s v="REV"/>
    <s v="974"/>
    <s v="GLBATCH"/>
    <n v="1"/>
    <n v="2017"/>
  </r>
  <r>
    <s v="110"/>
    <d v="2017-01-15T00:00:00"/>
    <x v="6"/>
    <x v="0"/>
    <s v="10828"/>
    <s v="GLNANDA"/>
    <n v="0"/>
    <n v="52"/>
    <s v="Billed Revenues"/>
    <s v="EXV"/>
    <s v="NONBU"/>
    <s v="G0000110"/>
    <s v="N"/>
    <s v="MACSS Dist Billed Revenue-03"/>
    <s v=""/>
    <x v="0"/>
    <s v="CAD0330131"/>
    <s v="S"/>
    <s v="KY"/>
    <s v="REV"/>
    <s v="974"/>
    <s v="GLBATCH"/>
    <n v="1"/>
    <n v="2017"/>
  </r>
  <r>
    <s v="110"/>
    <d v="2017-01-15T00:00:00"/>
    <x v="4"/>
    <x v="0"/>
    <s v="10828"/>
    <s v="GLNANDA"/>
    <n v="-7637.17"/>
    <n v="-63029"/>
    <s v="Billed Revenues"/>
    <s v="EXV"/>
    <s v="NONBU"/>
    <s v="G0000110"/>
    <s v="N"/>
    <s v="MACSS Dist Billed Revenue-03"/>
    <s v=""/>
    <x v="0"/>
    <s v="CAD0330131"/>
    <s v="S"/>
    <s v="KY"/>
    <s v="REV"/>
    <s v="974"/>
    <s v="GLBATCH"/>
    <n v="1"/>
    <n v="2017"/>
  </r>
  <r>
    <s v="110"/>
    <d v="2017-01-15T00:00:00"/>
    <x v="1"/>
    <x v="0"/>
    <s v="10828"/>
    <s v="GLNANDA"/>
    <n v="-5961.62"/>
    <n v="-49641"/>
    <s v="Billed Revenues"/>
    <s v="EXV"/>
    <s v="NONBU"/>
    <s v="G0000110"/>
    <s v="N"/>
    <s v="MACSS Dist Billed Revenue-03"/>
    <s v=""/>
    <x v="0"/>
    <s v="CAD0330131"/>
    <s v="S"/>
    <s v="KY"/>
    <s v="REV"/>
    <s v="974"/>
    <s v="GLBATCH"/>
    <n v="1"/>
    <n v="2017"/>
  </r>
  <r>
    <s v="110"/>
    <d v="2017-01-15T00:00:00"/>
    <x v="0"/>
    <x v="0"/>
    <s v="10828"/>
    <s v="GLNANDA"/>
    <n v="0"/>
    <n v="5"/>
    <s v="Billed Revenues"/>
    <s v="EXV"/>
    <s v="NONBU"/>
    <s v="G0000110"/>
    <s v="N"/>
    <s v="MACSS Dist Billed Revenue-03"/>
    <s v=""/>
    <x v="0"/>
    <s v="CAD0330131"/>
    <s v="S"/>
    <s v="KY"/>
    <s v="REV"/>
    <s v="974"/>
    <s v="GLBATCH"/>
    <n v="1"/>
    <n v="2017"/>
  </r>
  <r>
    <s v="110"/>
    <d v="2017-01-15T00:00:00"/>
    <x v="3"/>
    <x v="0"/>
    <s v="10828"/>
    <s v="GLNANDA"/>
    <n v="-61089.24"/>
    <n v="-480187"/>
    <s v="Billed Revenues"/>
    <s v="EXV"/>
    <s v="NONBU"/>
    <s v="G0000110"/>
    <s v="N"/>
    <s v="MACSS Dist Billed Revenue-03"/>
    <s v=""/>
    <x v="0"/>
    <s v="CAD0330131"/>
    <s v="S"/>
    <s v="KY"/>
    <s v="REV"/>
    <s v="974"/>
    <s v="GLBATCH"/>
    <n v="1"/>
    <n v="2017"/>
  </r>
  <r>
    <s v="110"/>
    <d v="2017-01-15T00:00:00"/>
    <x v="3"/>
    <x v="0"/>
    <s v="10828"/>
    <s v="GLNANDA"/>
    <n v="0"/>
    <n v="5"/>
    <s v="Billed Revenues"/>
    <s v="EXV"/>
    <s v="NONBU"/>
    <s v="G0000110"/>
    <s v="N"/>
    <s v="MACSS Dist Billed Revenue-03"/>
    <s v=""/>
    <x v="0"/>
    <s v="CAD0330131"/>
    <s v="S"/>
    <s v="KY"/>
    <s v="REV"/>
    <s v="974"/>
    <s v="GLBATCH"/>
    <n v="1"/>
    <n v="2017"/>
  </r>
  <r>
    <s v="110"/>
    <d v="2017-01-15T00:00:00"/>
    <x v="0"/>
    <x v="0"/>
    <s v="10828"/>
    <s v="GLNANDA"/>
    <n v="-1742.62"/>
    <n v="-8162"/>
    <s v="Billed Revenues"/>
    <s v="EXV"/>
    <s v="NONBU"/>
    <s v="G0000110"/>
    <s v="N"/>
    <s v="MACSS Dist Billed Revenue-03"/>
    <s v=""/>
    <x v="0"/>
    <s v="CAD0330131"/>
    <s v="S"/>
    <s v="KY"/>
    <s v="REV"/>
    <s v="974"/>
    <s v="GLBATCH"/>
    <n v="1"/>
    <n v="2017"/>
  </r>
  <r>
    <s v="110"/>
    <d v="2017-01-15T00:00:00"/>
    <x v="2"/>
    <x v="0"/>
    <s v="10828"/>
    <s v="GLNANDA"/>
    <n v="0"/>
    <n v="49"/>
    <s v="Billed Revenues"/>
    <s v="EXV"/>
    <s v="NONBU"/>
    <s v="G0000110"/>
    <s v="N"/>
    <s v="MACSS Dist Billed Revenue-03"/>
    <s v=""/>
    <x v="0"/>
    <s v="CAD0330131"/>
    <s v="S"/>
    <s v="KY"/>
    <s v="REV"/>
    <s v="974"/>
    <s v="GLBATCH"/>
    <n v="1"/>
    <n v="2017"/>
  </r>
  <r>
    <s v="110"/>
    <d v="2017-01-15T00:00:00"/>
    <x v="7"/>
    <x v="0"/>
    <s v="10828"/>
    <s v="GLNANDA"/>
    <n v="-198.25"/>
    <n v="-864"/>
    <s v="Billed Revenues"/>
    <s v="EXV"/>
    <s v="NONBU"/>
    <s v="G0000110"/>
    <s v="N"/>
    <s v="MACSS Dist Billed Revenue-03"/>
    <s v=""/>
    <x v="0"/>
    <s v="CAD0330131"/>
    <s v="S"/>
    <s v="KY"/>
    <s v="REV"/>
    <s v="974"/>
    <s v="GLBATCH"/>
    <n v="1"/>
    <n v="2017"/>
  </r>
  <r>
    <s v="110"/>
    <d v="2017-01-15T00:00:00"/>
    <x v="7"/>
    <x v="0"/>
    <s v="10828"/>
    <s v="GLNANDA"/>
    <n v="0"/>
    <n v="4"/>
    <s v="Billed Revenues"/>
    <s v="EXV"/>
    <s v="NONBU"/>
    <s v="G0000110"/>
    <s v="N"/>
    <s v="MACSS Dist Billed Revenue-03"/>
    <s v=""/>
    <x v="0"/>
    <s v="CAD0330131"/>
    <s v="S"/>
    <s v="KY"/>
    <s v="REV"/>
    <s v="974"/>
    <s v="GLBATCH"/>
    <n v="1"/>
    <n v="2017"/>
  </r>
  <r>
    <s v="110"/>
    <d v="2017-01-15T00:00:00"/>
    <x v="1"/>
    <x v="0"/>
    <s v="10828"/>
    <s v="GLNANDA"/>
    <n v="0"/>
    <n v="38"/>
    <s v="Billed Revenues"/>
    <s v="EXV"/>
    <s v="NONBU"/>
    <s v="G0000110"/>
    <s v="N"/>
    <s v="MACSS Dist Billed Revenue-03"/>
    <s v=""/>
    <x v="0"/>
    <s v="CAD0330131"/>
    <s v="S"/>
    <s v="KY"/>
    <s v="REV"/>
    <s v="974"/>
    <s v="GLBATCH"/>
    <n v="1"/>
    <n v="2017"/>
  </r>
  <r>
    <s v="110"/>
    <d v="2017-01-15T00:00:00"/>
    <x v="5"/>
    <x v="0"/>
    <s v="10828"/>
    <s v="GLNANDA"/>
    <n v="-1031.32"/>
    <n v="-8217"/>
    <s v="Billed Revenues"/>
    <s v="EXV"/>
    <s v="NONBU"/>
    <s v="G0000110"/>
    <s v="N"/>
    <s v="MACSS Dist Billed Revenue-03"/>
    <s v=""/>
    <x v="0"/>
    <s v="CAD0330131"/>
    <s v="S"/>
    <s v="KY"/>
    <s v="REV"/>
    <s v="974"/>
    <s v="GLBATCH"/>
    <n v="1"/>
    <n v="2017"/>
  </r>
  <r>
    <s v="110"/>
    <d v="2017-01-15T00:00:00"/>
    <x v="4"/>
    <x v="0"/>
    <s v="10828"/>
    <s v="GLNANDA"/>
    <n v="0"/>
    <n v="55"/>
    <s v="Billed Revenues"/>
    <s v="EXV"/>
    <s v="NONBU"/>
    <s v="G0000110"/>
    <s v="N"/>
    <s v="MACSS Dist Billed Revenue-03"/>
    <s v=""/>
    <x v="0"/>
    <s v="CAD0330131"/>
    <s v="S"/>
    <s v="KY"/>
    <s v="REV"/>
    <s v="974"/>
    <s v="GLBATCH"/>
    <n v="1"/>
    <n v="2017"/>
  </r>
  <r>
    <s v="110"/>
    <d v="2017-02-15T00:00:00"/>
    <x v="1"/>
    <x v="0"/>
    <s v="10828"/>
    <s v="GLNANDA"/>
    <n v="0"/>
    <n v="2805"/>
    <s v="Billed Revenues"/>
    <s v="EXV"/>
    <s v="NONBU"/>
    <s v="G0000110"/>
    <s v="N"/>
    <s v="MACSS Dist Billed Revenue-03"/>
    <s v=""/>
    <x v="0"/>
    <s v="CAD0330201"/>
    <s v="S"/>
    <s v="KY"/>
    <s v="REV"/>
    <s v="974"/>
    <s v="GLBATCH"/>
    <n v="2"/>
    <n v="2017"/>
  </r>
  <r>
    <s v="110"/>
    <d v="2017-02-15T00:00:00"/>
    <x v="3"/>
    <x v="0"/>
    <s v="10828"/>
    <s v="GLNANDA"/>
    <n v="0"/>
    <n v="10"/>
    <s v="Billed Revenues"/>
    <s v="EXV"/>
    <s v="NONBU"/>
    <s v="G0000110"/>
    <s v="N"/>
    <s v="MACSS Dist Billed Revenue-03"/>
    <s v=""/>
    <x v="0"/>
    <s v="CAD0330201"/>
    <s v="S"/>
    <s v="KY"/>
    <s v="REV"/>
    <s v="974"/>
    <s v="GLBATCH"/>
    <n v="2"/>
    <n v="2017"/>
  </r>
  <r>
    <s v="110"/>
    <d v="2017-02-15T00:00:00"/>
    <x v="2"/>
    <x v="0"/>
    <s v="10828"/>
    <s v="GLNANDA"/>
    <n v="-205929.08"/>
    <n v="-1581191"/>
    <s v="Billed Revenues"/>
    <s v="EXV"/>
    <s v="NONBU"/>
    <s v="G0000110"/>
    <s v="N"/>
    <s v="MACSS Dist Billed Revenue-03"/>
    <s v=""/>
    <x v="0"/>
    <s v="CAD0330201"/>
    <s v="S"/>
    <s v="KY"/>
    <s v="REV"/>
    <s v="974"/>
    <s v="GLBATCH"/>
    <n v="2"/>
    <n v="2017"/>
  </r>
  <r>
    <s v="110"/>
    <d v="2017-02-15T00:00:00"/>
    <x v="2"/>
    <x v="0"/>
    <s v="10828"/>
    <s v="GLNANDA"/>
    <n v="0"/>
    <n v="985"/>
    <s v="Billed Revenues"/>
    <s v="EXV"/>
    <s v="NONBU"/>
    <s v="G0000110"/>
    <s v="N"/>
    <s v="MACSS Dist Billed Revenue-03"/>
    <s v=""/>
    <x v="0"/>
    <s v="CAD0330201"/>
    <s v="S"/>
    <s v="KY"/>
    <s v="REV"/>
    <s v="974"/>
    <s v="GLBATCH"/>
    <n v="2"/>
    <n v="2017"/>
  </r>
  <r>
    <s v="110"/>
    <d v="2017-02-15T00:00:00"/>
    <x v="0"/>
    <x v="0"/>
    <s v="10828"/>
    <s v="GLNANDA"/>
    <n v="-135528.22"/>
    <n v="-1805784"/>
    <s v="Billed Revenues"/>
    <s v="EXV"/>
    <s v="NONBU"/>
    <s v="G0000110"/>
    <s v="N"/>
    <s v="MACSS Dist Billed Revenue-03"/>
    <s v=""/>
    <x v="0"/>
    <s v="CAD0330201"/>
    <s v="S"/>
    <s v="KY"/>
    <s v="REV"/>
    <s v="974"/>
    <s v="GLBATCH"/>
    <n v="2"/>
    <n v="2017"/>
  </r>
  <r>
    <s v="110"/>
    <d v="2017-02-15T00:00:00"/>
    <x v="0"/>
    <x v="0"/>
    <s v="10828"/>
    <s v="GLNANDA"/>
    <n v="0"/>
    <n v="73"/>
    <s v="Billed Revenues"/>
    <s v="EXV"/>
    <s v="NONBU"/>
    <s v="G0000110"/>
    <s v="N"/>
    <s v="MACSS Dist Billed Revenue-03"/>
    <s v=""/>
    <x v="0"/>
    <s v="CAD0330201"/>
    <s v="S"/>
    <s v="KY"/>
    <s v="REV"/>
    <s v="974"/>
    <s v="GLBATCH"/>
    <n v="2"/>
    <n v="2017"/>
  </r>
  <r>
    <s v="110"/>
    <d v="2017-02-15T00:00:00"/>
    <x v="4"/>
    <x v="0"/>
    <s v="10828"/>
    <s v="GLNANDA"/>
    <n v="-966085.1"/>
    <n v="-8242333"/>
    <s v="Billed Revenues"/>
    <s v="EXV"/>
    <s v="NONBU"/>
    <s v="G0000110"/>
    <s v="N"/>
    <s v="MACSS Dist Billed Revenue-03"/>
    <s v=""/>
    <x v="0"/>
    <s v="CAD0330201"/>
    <s v="S"/>
    <s v="KY"/>
    <s v="REV"/>
    <s v="974"/>
    <s v="GLBATCH"/>
    <n v="2"/>
    <n v="2017"/>
  </r>
  <r>
    <s v="110"/>
    <d v="2017-02-15T00:00:00"/>
    <x v="4"/>
    <x v="0"/>
    <s v="10828"/>
    <s v="GLNANDA"/>
    <n v="0"/>
    <n v="4471"/>
    <s v="Billed Revenues"/>
    <s v="EXV"/>
    <s v="NONBU"/>
    <s v="G0000110"/>
    <s v="N"/>
    <s v="MACSS Dist Billed Revenue-03"/>
    <s v=""/>
    <x v="0"/>
    <s v="CAD0330201"/>
    <s v="S"/>
    <s v="KY"/>
    <s v="REV"/>
    <s v="974"/>
    <s v="GLBATCH"/>
    <n v="2"/>
    <n v="2017"/>
  </r>
  <r>
    <s v="110"/>
    <d v="2017-02-15T00:00:00"/>
    <x v="1"/>
    <x v="0"/>
    <s v="10828"/>
    <s v="GLNANDA"/>
    <n v="-375016.04"/>
    <n v="-3053569"/>
    <s v="Billed Revenues"/>
    <s v="EXV"/>
    <s v="NONBU"/>
    <s v="G0000110"/>
    <s v="N"/>
    <s v="MACSS Dist Billed Revenue-03"/>
    <s v=""/>
    <x v="0"/>
    <s v="CAD0330201"/>
    <s v="S"/>
    <s v="KY"/>
    <s v="REV"/>
    <s v="974"/>
    <s v="GLBATCH"/>
    <n v="2"/>
    <n v="2017"/>
  </r>
  <r>
    <s v="110"/>
    <d v="2017-02-15T00:00:00"/>
    <x v="3"/>
    <x v="0"/>
    <s v="10828"/>
    <s v="GLNANDA"/>
    <n v="-69975.039999999994"/>
    <n v="-751056"/>
    <s v="Billed Revenues"/>
    <s v="EXV"/>
    <s v="NONBU"/>
    <s v="G0000110"/>
    <s v="N"/>
    <s v="MACSS Dist Billed Revenue-03"/>
    <s v=""/>
    <x v="0"/>
    <s v="CAD0330201"/>
    <s v="S"/>
    <s v="KY"/>
    <s v="REV"/>
    <s v="974"/>
    <s v="GLBATCH"/>
    <n v="2"/>
    <n v="2017"/>
  </r>
  <r>
    <s v="110"/>
    <d v="2017-02-15T00:00:00"/>
    <x v="5"/>
    <x v="0"/>
    <s v="10828"/>
    <s v="GLNANDA"/>
    <n v="-25368.82"/>
    <n v="-195918"/>
    <s v="Billed Revenues"/>
    <s v="EXV"/>
    <s v="NONBU"/>
    <s v="G0000110"/>
    <s v="N"/>
    <s v="MACSS Dist Billed Revenue-03"/>
    <s v=""/>
    <x v="0"/>
    <s v="CAD0330201"/>
    <s v="S"/>
    <s v="KY"/>
    <s v="REV"/>
    <s v="974"/>
    <s v="GLBATCH"/>
    <n v="2"/>
    <n v="2017"/>
  </r>
  <r>
    <s v="110"/>
    <d v="2017-02-15T00:00:00"/>
    <x v="5"/>
    <x v="0"/>
    <s v="10828"/>
    <s v="GLNANDA"/>
    <n v="0"/>
    <n v="68"/>
    <s v="Billed Revenues"/>
    <s v="EXV"/>
    <s v="NONBU"/>
    <s v="G0000110"/>
    <s v="N"/>
    <s v="MACSS Dist Billed Revenue-03"/>
    <s v=""/>
    <x v="0"/>
    <s v="CAD0330201"/>
    <s v="S"/>
    <s v="KY"/>
    <s v="REV"/>
    <s v="974"/>
    <s v="GLBATCH"/>
    <n v="2"/>
    <n v="2017"/>
  </r>
  <r>
    <s v="110"/>
    <d v="2017-02-15T00:00:00"/>
    <x v="6"/>
    <x v="0"/>
    <s v="10828"/>
    <s v="GLNANDA"/>
    <n v="-1168.71"/>
    <n v="-7979"/>
    <s v="Billed Revenues"/>
    <s v="EXV"/>
    <s v="NONBU"/>
    <s v="G0000110"/>
    <s v="N"/>
    <s v="MACSS Dist Billed Revenue-03"/>
    <s v=""/>
    <x v="0"/>
    <s v="CAD0330201"/>
    <s v="S"/>
    <s v="KY"/>
    <s v="REV"/>
    <s v="974"/>
    <s v="GLBATCH"/>
    <n v="2"/>
    <n v="2017"/>
  </r>
  <r>
    <s v="110"/>
    <d v="2017-02-15T00:00:00"/>
    <x v="6"/>
    <x v="0"/>
    <s v="10828"/>
    <s v="GLNANDA"/>
    <n v="0"/>
    <n v="9"/>
    <s v="Billed Revenues"/>
    <s v="EXV"/>
    <s v="NONBU"/>
    <s v="G0000110"/>
    <s v="N"/>
    <s v="MACSS Dist Billed Revenue-03"/>
    <s v=""/>
    <x v="0"/>
    <s v="CAD0330201"/>
    <s v="S"/>
    <s v="KY"/>
    <s v="REV"/>
    <s v="974"/>
    <s v="GLBATCH"/>
    <n v="2"/>
    <n v="2017"/>
  </r>
  <r>
    <s v="110"/>
    <d v="2017-02-15T00:00:00"/>
    <x v="7"/>
    <x v="0"/>
    <s v="10828"/>
    <s v="GLNANDA"/>
    <n v="0"/>
    <n v="16"/>
    <s v="Billed Revenues"/>
    <s v="EXV"/>
    <s v="NONBU"/>
    <s v="G0000110"/>
    <s v="N"/>
    <s v="MACSS Dist Billed Revenue-03"/>
    <s v=""/>
    <x v="0"/>
    <s v="CAD0330201"/>
    <s v="S"/>
    <s v="KY"/>
    <s v="REV"/>
    <s v="974"/>
    <s v="GLBATCH"/>
    <n v="2"/>
    <n v="2017"/>
  </r>
  <r>
    <s v="110"/>
    <d v="2017-02-15T00:00:00"/>
    <x v="7"/>
    <x v="0"/>
    <s v="10828"/>
    <s v="GLNANDA"/>
    <n v="-37283.32"/>
    <n v="-295497"/>
    <s v="Billed Revenues"/>
    <s v="EXV"/>
    <s v="NONBU"/>
    <s v="G0000110"/>
    <s v="N"/>
    <s v="MACSS Dist Billed Revenue-03"/>
    <s v=""/>
    <x v="0"/>
    <s v="CAD0330201"/>
    <s v="S"/>
    <s v="KY"/>
    <s v="REV"/>
    <s v="974"/>
    <s v="GLBATCH"/>
    <n v="2"/>
    <n v="2017"/>
  </r>
  <r>
    <s v="110"/>
    <d v="2017-01-15T00:00:00"/>
    <x v="1"/>
    <x v="0"/>
    <s v="10828"/>
    <s v="GLNANDA"/>
    <n v="85.85"/>
    <n v="1382"/>
    <s v="Billed Revenues"/>
    <s v="EXV"/>
    <s v="NONBU"/>
    <s v="G0000110"/>
    <s v="N"/>
    <s v="MACSS Dist Billed Revenue-03"/>
    <s v=""/>
    <x v="0"/>
    <s v="CAD0330201"/>
    <s v="S"/>
    <s v="KY"/>
    <s v="REV"/>
    <s v="974"/>
    <s v="GLBATCH"/>
    <n v="1"/>
    <n v="2017"/>
  </r>
  <r>
    <s v="110"/>
    <d v="2017-01-15T00:00:00"/>
    <x v="1"/>
    <x v="0"/>
    <s v="10828"/>
    <s v="GLNANDA"/>
    <n v="0"/>
    <n v="6"/>
    <s v="Billed Revenues"/>
    <s v="EXV"/>
    <s v="NONBU"/>
    <s v="G0000110"/>
    <s v="N"/>
    <s v="MACSS Dist Billed Revenue-03"/>
    <s v=""/>
    <x v="0"/>
    <s v="CAD0330201"/>
    <s v="S"/>
    <s v="KY"/>
    <s v="REV"/>
    <s v="974"/>
    <s v="GLBATCH"/>
    <n v="1"/>
    <n v="2017"/>
  </r>
  <r>
    <s v="110"/>
    <d v="2017-01-15T00:00:00"/>
    <x v="4"/>
    <x v="0"/>
    <s v="10828"/>
    <s v="GLNANDA"/>
    <n v="-1015.75"/>
    <n v="-7111"/>
    <s v="Billed Revenues"/>
    <s v="EXV"/>
    <s v="NONBU"/>
    <s v="G0000110"/>
    <s v="N"/>
    <s v="MACSS Dist Billed Revenue-03"/>
    <s v=""/>
    <x v="0"/>
    <s v="CAD0330201"/>
    <s v="S"/>
    <s v="KY"/>
    <s v="REV"/>
    <s v="974"/>
    <s v="GLBATCH"/>
    <n v="1"/>
    <n v="2017"/>
  </r>
  <r>
    <s v="110"/>
    <d v="2017-01-15T00:00:00"/>
    <x v="4"/>
    <x v="0"/>
    <s v="10828"/>
    <s v="GLNANDA"/>
    <n v="0"/>
    <n v="13"/>
    <s v="Billed Revenues"/>
    <s v="EXV"/>
    <s v="NONBU"/>
    <s v="G0000110"/>
    <s v="N"/>
    <s v="MACSS Dist Billed Revenue-03"/>
    <s v=""/>
    <x v="0"/>
    <s v="CAD0330201"/>
    <s v="S"/>
    <s v="KY"/>
    <s v="REV"/>
    <s v="974"/>
    <s v="GLBATCH"/>
    <n v="1"/>
    <n v="2017"/>
  </r>
  <r>
    <s v="110"/>
    <d v="2017-01-15T00:00:00"/>
    <x v="0"/>
    <x v="0"/>
    <s v="10828"/>
    <s v="GLNANDA"/>
    <n v="-5310316.6399999997"/>
    <n v="-93189000"/>
    <s v="Billed Revenues"/>
    <s v="EXV"/>
    <s v="NONBU"/>
    <s v="G0000110"/>
    <s v="N"/>
    <s v="MACSS Dist Billed Revenue-03"/>
    <s v=""/>
    <x v="0"/>
    <s v="CAD0330201"/>
    <s v="S"/>
    <s v="KY"/>
    <s v="REV"/>
    <s v="974"/>
    <s v="GLBATCH"/>
    <n v="1"/>
    <n v="2017"/>
  </r>
  <r>
    <s v="110"/>
    <d v="2017-01-15T00:00:00"/>
    <x v="0"/>
    <x v="0"/>
    <s v="10828"/>
    <s v="GLNANDA"/>
    <n v="0"/>
    <n v="1"/>
    <s v="Billed Revenues"/>
    <s v="EXV"/>
    <s v="NONBU"/>
    <s v="G0000110"/>
    <s v="N"/>
    <s v="MACSS Dist Billed Revenue-03"/>
    <s v=""/>
    <x v="0"/>
    <s v="CAD0330201"/>
    <s v="S"/>
    <s v="KY"/>
    <s v="REV"/>
    <s v="974"/>
    <s v="GLBATCH"/>
    <n v="1"/>
    <n v="2017"/>
  </r>
  <r>
    <s v="110"/>
    <d v="2017-01-15T00:00:00"/>
    <x v="7"/>
    <x v="0"/>
    <s v="10828"/>
    <s v="GLNANDA"/>
    <n v="0"/>
    <n v="1"/>
    <s v="Billed Revenues"/>
    <s v="EXV"/>
    <s v="NONBU"/>
    <s v="G0000110"/>
    <s v="N"/>
    <s v="MACSS Dist Billed Revenue-03"/>
    <s v=""/>
    <x v="0"/>
    <s v="CAD0330201"/>
    <s v="S"/>
    <s v="KY"/>
    <s v="REV"/>
    <s v="974"/>
    <s v="GLBATCH"/>
    <n v="1"/>
    <n v="2017"/>
  </r>
  <r>
    <s v="110"/>
    <d v="2017-01-15T00:00:00"/>
    <x v="5"/>
    <x v="0"/>
    <s v="10828"/>
    <s v="GLNANDA"/>
    <n v="0"/>
    <n v="2"/>
    <s v="Billed Revenues"/>
    <s v="EXV"/>
    <s v="NONBU"/>
    <s v="G0000110"/>
    <s v="N"/>
    <s v="MACSS Dist Billed Revenue-03"/>
    <s v=""/>
    <x v="0"/>
    <s v="CAD0330201"/>
    <s v="S"/>
    <s v="KY"/>
    <s v="REV"/>
    <s v="974"/>
    <s v="GLBATCH"/>
    <n v="1"/>
    <n v="2017"/>
  </r>
  <r>
    <s v="110"/>
    <d v="2017-01-15T00:00:00"/>
    <x v="3"/>
    <x v="0"/>
    <s v="10828"/>
    <s v="GLNANDA"/>
    <n v="-107829.13"/>
    <n v="-1287375"/>
    <s v="Billed Revenues"/>
    <s v="EXV"/>
    <s v="NONBU"/>
    <s v="G0000110"/>
    <s v="N"/>
    <s v="MACSS Dist Billed Revenue-03"/>
    <s v=""/>
    <x v="0"/>
    <s v="CAD0330201"/>
    <s v="S"/>
    <s v="KY"/>
    <s v="REV"/>
    <s v="974"/>
    <s v="GLBATCH"/>
    <n v="1"/>
    <n v="2017"/>
  </r>
  <r>
    <s v="110"/>
    <d v="2017-01-15T00:00:00"/>
    <x v="3"/>
    <x v="0"/>
    <s v="10828"/>
    <s v="GLNANDA"/>
    <n v="0"/>
    <n v="6"/>
    <s v="Billed Revenues"/>
    <s v="EXV"/>
    <s v="NONBU"/>
    <s v="G0000110"/>
    <s v="N"/>
    <s v="MACSS Dist Billed Revenue-03"/>
    <s v=""/>
    <x v="0"/>
    <s v="CAD0330201"/>
    <s v="S"/>
    <s v="KY"/>
    <s v="REV"/>
    <s v="974"/>
    <s v="GLBATCH"/>
    <n v="1"/>
    <n v="2017"/>
  </r>
  <r>
    <s v="110"/>
    <d v="2017-01-15T00:00:00"/>
    <x v="2"/>
    <x v="0"/>
    <s v="10828"/>
    <s v="GLNANDA"/>
    <n v="-61057.49"/>
    <n v="-710547"/>
    <s v="Billed Revenues"/>
    <s v="EXV"/>
    <s v="NONBU"/>
    <s v="G0000110"/>
    <s v="N"/>
    <s v="MACSS Dist Billed Revenue-03"/>
    <s v=""/>
    <x v="0"/>
    <s v="CAD0330201"/>
    <s v="S"/>
    <s v="KY"/>
    <s v="REV"/>
    <s v="974"/>
    <s v="GLBATCH"/>
    <n v="1"/>
    <n v="2017"/>
  </r>
  <r>
    <s v="110"/>
    <d v="2017-01-15T00:00:00"/>
    <x v="2"/>
    <x v="0"/>
    <s v="10828"/>
    <s v="GLNANDA"/>
    <n v="0"/>
    <n v="9"/>
    <s v="Billed Revenues"/>
    <s v="EXV"/>
    <s v="NONBU"/>
    <s v="G0000110"/>
    <s v="N"/>
    <s v="MACSS Dist Billed Revenue-03"/>
    <s v=""/>
    <x v="0"/>
    <s v="CAD0330201"/>
    <s v="S"/>
    <s v="KY"/>
    <s v="REV"/>
    <s v="974"/>
    <s v="GLBATCH"/>
    <n v="1"/>
    <n v="2017"/>
  </r>
  <r>
    <s v="110"/>
    <d v="2017-01-15T00:00:00"/>
    <x v="7"/>
    <x v="0"/>
    <s v="10828"/>
    <s v="GLNANDA"/>
    <n v="-3171.57"/>
    <n v="-26000"/>
    <s v="Billed Revenues"/>
    <s v="EXV"/>
    <s v="NONBU"/>
    <s v="G0000110"/>
    <s v="N"/>
    <s v="MACSS Dist Billed Revenue-03"/>
    <s v=""/>
    <x v="0"/>
    <s v="CAD0330201"/>
    <s v="S"/>
    <s v="KY"/>
    <s v="REV"/>
    <s v="974"/>
    <s v="GLBATCH"/>
    <n v="1"/>
    <n v="2017"/>
  </r>
  <r>
    <s v="110"/>
    <d v="2017-01-15T00:00:00"/>
    <x v="5"/>
    <x v="0"/>
    <s v="10828"/>
    <s v="GLNANDA"/>
    <n v="-10477.709999999999"/>
    <n v="-87640"/>
    <s v="Billed Revenues"/>
    <s v="EXV"/>
    <s v="NONBU"/>
    <s v="G0000110"/>
    <s v="N"/>
    <s v="MACSS Dist Billed Revenue-03"/>
    <s v=""/>
    <x v="0"/>
    <s v="CAD0330201"/>
    <s v="S"/>
    <s v="KY"/>
    <s v="REV"/>
    <s v="974"/>
    <s v="GLBATCH"/>
    <n v="1"/>
    <n v="2017"/>
  </r>
  <r>
    <s v="110"/>
    <d v="2017-02-15T00:00:00"/>
    <x v="7"/>
    <x v="0"/>
    <s v="10828"/>
    <s v="GLNANDA"/>
    <n v="0"/>
    <n v="48"/>
    <s v="Billed Revenues"/>
    <s v="EXV"/>
    <s v="NONBU"/>
    <s v="G0000110"/>
    <s v="N"/>
    <s v="MACSS Dist Billed Revenue-03"/>
    <s v=""/>
    <x v="0"/>
    <s v="CAD0330202"/>
    <s v="S"/>
    <s v="KY"/>
    <s v="REV"/>
    <s v="974"/>
    <s v="GLBATCH"/>
    <n v="2"/>
    <n v="2017"/>
  </r>
  <r>
    <s v="110"/>
    <d v="2017-02-15T00:00:00"/>
    <x v="3"/>
    <x v="0"/>
    <s v="10828"/>
    <s v="GLNANDA"/>
    <n v="-213614.75"/>
    <n v="-2236713"/>
    <s v="Billed Revenues"/>
    <s v="EXV"/>
    <s v="NONBU"/>
    <s v="G0000110"/>
    <s v="N"/>
    <s v="MACSS Dist Billed Revenue-03"/>
    <s v=""/>
    <x v="0"/>
    <s v="CAD0330202"/>
    <s v="S"/>
    <s v="KY"/>
    <s v="REV"/>
    <s v="974"/>
    <s v="GLBATCH"/>
    <n v="2"/>
    <n v="2017"/>
  </r>
  <r>
    <s v="110"/>
    <d v="2017-02-15T00:00:00"/>
    <x v="6"/>
    <x v="0"/>
    <s v="10828"/>
    <s v="GLNANDA"/>
    <n v="0"/>
    <n v="18"/>
    <s v="Billed Revenues"/>
    <s v="EXV"/>
    <s v="NONBU"/>
    <s v="G0000110"/>
    <s v="N"/>
    <s v="MACSS Dist Billed Revenue-03"/>
    <s v=""/>
    <x v="0"/>
    <s v="CAD0330202"/>
    <s v="S"/>
    <s v="KY"/>
    <s v="REV"/>
    <s v="974"/>
    <s v="GLBATCH"/>
    <n v="2"/>
    <n v="2017"/>
  </r>
  <r>
    <s v="110"/>
    <d v="2017-02-15T00:00:00"/>
    <x v="6"/>
    <x v="0"/>
    <s v="10828"/>
    <s v="GLNANDA"/>
    <n v="-2301.0500000000002"/>
    <n v="-16152"/>
    <s v="Billed Revenues"/>
    <s v="EXV"/>
    <s v="NONBU"/>
    <s v="G0000110"/>
    <s v="N"/>
    <s v="MACSS Dist Billed Revenue-03"/>
    <s v=""/>
    <x v="0"/>
    <s v="CAD0330202"/>
    <s v="S"/>
    <s v="KY"/>
    <s v="REV"/>
    <s v="974"/>
    <s v="GLBATCH"/>
    <n v="2"/>
    <n v="2017"/>
  </r>
  <r>
    <s v="110"/>
    <d v="2017-02-15T00:00:00"/>
    <x v="5"/>
    <x v="0"/>
    <s v="10828"/>
    <s v="GLNANDA"/>
    <n v="0"/>
    <n v="59"/>
    <s v="Billed Revenues"/>
    <s v="EXV"/>
    <s v="NONBU"/>
    <s v="G0000110"/>
    <s v="N"/>
    <s v="MACSS Dist Billed Revenue-03"/>
    <s v=""/>
    <x v="0"/>
    <s v="CAD0330202"/>
    <s v="S"/>
    <s v="KY"/>
    <s v="REV"/>
    <s v="974"/>
    <s v="GLBATCH"/>
    <n v="2"/>
    <n v="2017"/>
  </r>
  <r>
    <s v="110"/>
    <d v="2017-02-15T00:00:00"/>
    <x v="5"/>
    <x v="0"/>
    <s v="10828"/>
    <s v="GLNANDA"/>
    <n v="-32439.97"/>
    <n v="-257544"/>
    <s v="Billed Revenues"/>
    <s v="EXV"/>
    <s v="NONBU"/>
    <s v="G0000110"/>
    <s v="N"/>
    <s v="MACSS Dist Billed Revenue-03"/>
    <s v=""/>
    <x v="0"/>
    <s v="CAD0330202"/>
    <s v="S"/>
    <s v="KY"/>
    <s v="REV"/>
    <s v="974"/>
    <s v="GLBATCH"/>
    <n v="2"/>
    <n v="2017"/>
  </r>
  <r>
    <s v="110"/>
    <d v="2017-02-15T00:00:00"/>
    <x v="4"/>
    <x v="0"/>
    <s v="10828"/>
    <s v="GLNANDA"/>
    <n v="0"/>
    <n v="3897"/>
    <s v="Billed Revenues"/>
    <s v="EXV"/>
    <s v="NONBU"/>
    <s v="G0000110"/>
    <s v="N"/>
    <s v="MACSS Dist Billed Revenue-03"/>
    <s v=""/>
    <x v="0"/>
    <s v="CAD0330202"/>
    <s v="S"/>
    <s v="KY"/>
    <s v="REV"/>
    <s v="974"/>
    <s v="GLBATCH"/>
    <n v="2"/>
    <n v="2017"/>
  </r>
  <r>
    <s v="110"/>
    <d v="2017-02-15T00:00:00"/>
    <x v="4"/>
    <x v="0"/>
    <s v="10828"/>
    <s v="GLNANDA"/>
    <n v="-810007.56"/>
    <n v="-6891332"/>
    <s v="Billed Revenues"/>
    <s v="EXV"/>
    <s v="NONBU"/>
    <s v="G0000110"/>
    <s v="N"/>
    <s v="MACSS Dist Billed Revenue-03"/>
    <s v=""/>
    <x v="0"/>
    <s v="CAD0330202"/>
    <s v="S"/>
    <s v="KY"/>
    <s v="REV"/>
    <s v="974"/>
    <s v="GLBATCH"/>
    <n v="2"/>
    <n v="2017"/>
  </r>
  <r>
    <s v="110"/>
    <d v="2017-02-15T00:00:00"/>
    <x v="1"/>
    <x v="0"/>
    <s v="10828"/>
    <s v="GLNANDA"/>
    <n v="0"/>
    <n v="2678"/>
    <s v="Billed Revenues"/>
    <s v="EXV"/>
    <s v="NONBU"/>
    <s v="G0000110"/>
    <s v="N"/>
    <s v="MACSS Dist Billed Revenue-03"/>
    <s v=""/>
    <x v="0"/>
    <s v="CAD0330202"/>
    <s v="S"/>
    <s v="KY"/>
    <s v="REV"/>
    <s v="974"/>
    <s v="GLBATCH"/>
    <n v="2"/>
    <n v="2017"/>
  </r>
  <r>
    <s v="110"/>
    <d v="2017-02-15T00:00:00"/>
    <x v="1"/>
    <x v="0"/>
    <s v="10828"/>
    <s v="GLNANDA"/>
    <n v="-342047.72"/>
    <n v="-2765546"/>
    <s v="Billed Revenues"/>
    <s v="EXV"/>
    <s v="NONBU"/>
    <s v="G0000110"/>
    <s v="N"/>
    <s v="MACSS Dist Billed Revenue-03"/>
    <s v=""/>
    <x v="0"/>
    <s v="CAD0330202"/>
    <s v="S"/>
    <s v="KY"/>
    <s v="REV"/>
    <s v="974"/>
    <s v="GLBATCH"/>
    <n v="2"/>
    <n v="2017"/>
  </r>
  <r>
    <s v="110"/>
    <d v="2017-02-15T00:00:00"/>
    <x v="0"/>
    <x v="0"/>
    <s v="10828"/>
    <s v="GLNANDA"/>
    <n v="0"/>
    <n v="39"/>
    <s v="Billed Revenues"/>
    <s v="EXV"/>
    <s v="NONBU"/>
    <s v="G0000110"/>
    <s v="N"/>
    <s v="MACSS Dist Billed Revenue-03"/>
    <s v=""/>
    <x v="0"/>
    <s v="CAD0330202"/>
    <s v="S"/>
    <s v="KY"/>
    <s v="REV"/>
    <s v="974"/>
    <s v="GLBATCH"/>
    <n v="2"/>
    <n v="2017"/>
  </r>
  <r>
    <s v="110"/>
    <d v="2017-02-15T00:00:00"/>
    <x v="0"/>
    <x v="0"/>
    <s v="10828"/>
    <s v="GLNANDA"/>
    <n v="-1839275.18"/>
    <n v="-29516568"/>
    <s v="Billed Revenues"/>
    <s v="EXV"/>
    <s v="NONBU"/>
    <s v="G0000110"/>
    <s v="N"/>
    <s v="MACSS Dist Billed Revenue-03"/>
    <s v=""/>
    <x v="0"/>
    <s v="CAD0330202"/>
    <s v="S"/>
    <s v="KY"/>
    <s v="REV"/>
    <s v="974"/>
    <s v="GLBATCH"/>
    <n v="2"/>
    <n v="2017"/>
  </r>
  <r>
    <s v="110"/>
    <d v="2017-02-15T00:00:00"/>
    <x v="2"/>
    <x v="0"/>
    <s v="10828"/>
    <s v="GLNANDA"/>
    <n v="0"/>
    <n v="1090"/>
    <s v="Billed Revenues"/>
    <s v="EXV"/>
    <s v="NONBU"/>
    <s v="G0000110"/>
    <s v="N"/>
    <s v="MACSS Dist Billed Revenue-03"/>
    <s v=""/>
    <x v="0"/>
    <s v="CAD0330202"/>
    <s v="S"/>
    <s v="KY"/>
    <s v="REV"/>
    <s v="974"/>
    <s v="GLBATCH"/>
    <n v="2"/>
    <n v="2017"/>
  </r>
  <r>
    <s v="110"/>
    <d v="2017-02-15T00:00:00"/>
    <x v="2"/>
    <x v="0"/>
    <s v="10828"/>
    <s v="GLNANDA"/>
    <n v="-306227.01"/>
    <n v="-2545323"/>
    <s v="Billed Revenues"/>
    <s v="EXV"/>
    <s v="NONBU"/>
    <s v="G0000110"/>
    <s v="N"/>
    <s v="MACSS Dist Billed Revenue-03"/>
    <s v=""/>
    <x v="0"/>
    <s v="CAD0330202"/>
    <s v="S"/>
    <s v="KY"/>
    <s v="REV"/>
    <s v="974"/>
    <s v="GLBATCH"/>
    <n v="2"/>
    <n v="2017"/>
  </r>
  <r>
    <s v="110"/>
    <d v="2017-02-15T00:00:00"/>
    <x v="3"/>
    <x v="0"/>
    <s v="10828"/>
    <s v="GLNANDA"/>
    <n v="0"/>
    <n v="15"/>
    <s v="Billed Revenues"/>
    <s v="EXV"/>
    <s v="NONBU"/>
    <s v="G0000110"/>
    <s v="N"/>
    <s v="MACSS Dist Billed Revenue-03"/>
    <s v=""/>
    <x v="0"/>
    <s v="CAD0330202"/>
    <s v="S"/>
    <s v="KY"/>
    <s v="REV"/>
    <s v="974"/>
    <s v="GLBATCH"/>
    <n v="2"/>
    <n v="2017"/>
  </r>
  <r>
    <s v="110"/>
    <d v="2017-02-15T00:00:00"/>
    <x v="7"/>
    <x v="0"/>
    <s v="10828"/>
    <s v="GLNANDA"/>
    <n v="-98199.94"/>
    <n v="-792919"/>
    <s v="Billed Revenues"/>
    <s v="EXV"/>
    <s v="NONBU"/>
    <s v="G0000110"/>
    <s v="N"/>
    <s v="MACSS Dist Billed Revenue-03"/>
    <s v=""/>
    <x v="0"/>
    <s v="CAD0330202"/>
    <s v="S"/>
    <s v="KY"/>
    <s v="REV"/>
    <s v="974"/>
    <s v="GLBATCH"/>
    <n v="2"/>
    <n v="2017"/>
  </r>
  <r>
    <s v="110"/>
    <d v="2017-02-15T00:00:00"/>
    <x v="0"/>
    <x v="0"/>
    <s v="10828"/>
    <s v="GLNANDA"/>
    <n v="0"/>
    <n v="30"/>
    <s v="Billed Revenues"/>
    <s v="EXV"/>
    <s v="NONBU"/>
    <s v="G0000110"/>
    <s v="N"/>
    <s v="MACSS Dist Billed Revenue-03"/>
    <s v=""/>
    <x v="0"/>
    <s v="CAD0330203"/>
    <s v="S"/>
    <s v="KY"/>
    <s v="REV"/>
    <s v="974"/>
    <s v="GLBATCH"/>
    <n v="2"/>
    <n v="2017"/>
  </r>
  <r>
    <s v="110"/>
    <d v="2017-02-15T00:00:00"/>
    <x v="3"/>
    <x v="0"/>
    <s v="10828"/>
    <s v="GLNANDA"/>
    <n v="-17731.27"/>
    <n v="-123532"/>
    <s v="Billed Revenues"/>
    <s v="EXV"/>
    <s v="NONBU"/>
    <s v="G0000110"/>
    <s v="N"/>
    <s v="MACSS Dist Billed Revenue-03"/>
    <s v=""/>
    <x v="0"/>
    <s v="CAD0330203"/>
    <s v="S"/>
    <s v="KY"/>
    <s v="REV"/>
    <s v="974"/>
    <s v="GLBATCH"/>
    <n v="2"/>
    <n v="2017"/>
  </r>
  <r>
    <s v="110"/>
    <d v="2017-02-15T00:00:00"/>
    <x v="5"/>
    <x v="0"/>
    <s v="10828"/>
    <s v="GLNANDA"/>
    <n v="0"/>
    <n v="161"/>
    <s v="Billed Revenues"/>
    <s v="EXV"/>
    <s v="NONBU"/>
    <s v="G0000110"/>
    <s v="N"/>
    <s v="MACSS Dist Billed Revenue-03"/>
    <s v=""/>
    <x v="0"/>
    <s v="CAD0330203"/>
    <s v="S"/>
    <s v="KY"/>
    <s v="REV"/>
    <s v="974"/>
    <s v="GLBATCH"/>
    <n v="2"/>
    <n v="2017"/>
  </r>
  <r>
    <s v="110"/>
    <d v="2017-02-15T00:00:00"/>
    <x v="5"/>
    <x v="0"/>
    <s v="10828"/>
    <s v="GLNANDA"/>
    <n v="-194449.24"/>
    <n v="-1874805"/>
    <s v="Billed Revenues"/>
    <s v="EXV"/>
    <s v="NONBU"/>
    <s v="G0000110"/>
    <s v="N"/>
    <s v="MACSS Dist Billed Revenue-03"/>
    <s v=""/>
    <x v="0"/>
    <s v="CAD0330203"/>
    <s v="S"/>
    <s v="KY"/>
    <s v="REV"/>
    <s v="974"/>
    <s v="GLBATCH"/>
    <n v="2"/>
    <n v="2017"/>
  </r>
  <r>
    <s v="110"/>
    <d v="2017-02-15T00:00:00"/>
    <x v="7"/>
    <x v="0"/>
    <s v="10828"/>
    <s v="GLNANDA"/>
    <n v="0"/>
    <n v="34"/>
    <s v="Billed Revenues"/>
    <s v="EXV"/>
    <s v="NONBU"/>
    <s v="G0000110"/>
    <s v="N"/>
    <s v="MACSS Dist Billed Revenue-03"/>
    <s v=""/>
    <x v="0"/>
    <s v="CAD0330203"/>
    <s v="S"/>
    <s v="KY"/>
    <s v="REV"/>
    <s v="974"/>
    <s v="GLBATCH"/>
    <n v="2"/>
    <n v="2017"/>
  </r>
  <r>
    <s v="110"/>
    <d v="2017-02-15T00:00:00"/>
    <x v="7"/>
    <x v="0"/>
    <s v="10828"/>
    <s v="GLNANDA"/>
    <n v="-67357.67"/>
    <n v="-540023"/>
    <s v="Billed Revenues"/>
    <s v="EXV"/>
    <s v="NONBU"/>
    <s v="G0000110"/>
    <s v="N"/>
    <s v="MACSS Dist Billed Revenue-03"/>
    <s v=""/>
    <x v="0"/>
    <s v="CAD0330203"/>
    <s v="S"/>
    <s v="KY"/>
    <s v="REV"/>
    <s v="974"/>
    <s v="GLBATCH"/>
    <n v="2"/>
    <n v="2017"/>
  </r>
  <r>
    <s v="110"/>
    <d v="2017-02-15T00:00:00"/>
    <x v="6"/>
    <x v="0"/>
    <s v="10828"/>
    <s v="GLNANDA"/>
    <n v="0"/>
    <n v="20"/>
    <s v="Billed Revenues"/>
    <s v="EXV"/>
    <s v="NONBU"/>
    <s v="G0000110"/>
    <s v="N"/>
    <s v="MACSS Dist Billed Revenue-03"/>
    <s v=""/>
    <x v="0"/>
    <s v="CAD0330203"/>
    <s v="S"/>
    <s v="KY"/>
    <s v="REV"/>
    <s v="974"/>
    <s v="GLBATCH"/>
    <n v="2"/>
    <n v="2017"/>
  </r>
  <r>
    <s v="110"/>
    <d v="2017-02-15T00:00:00"/>
    <x v="6"/>
    <x v="0"/>
    <s v="10828"/>
    <s v="GLNANDA"/>
    <n v="-774.57"/>
    <n v="-1923"/>
    <s v="Billed Revenues"/>
    <s v="EXV"/>
    <s v="NONBU"/>
    <s v="G0000110"/>
    <s v="N"/>
    <s v="MACSS Dist Billed Revenue-03"/>
    <s v=""/>
    <x v="0"/>
    <s v="CAD0330203"/>
    <s v="S"/>
    <s v="KY"/>
    <s v="REV"/>
    <s v="974"/>
    <s v="GLBATCH"/>
    <n v="2"/>
    <n v="2017"/>
  </r>
  <r>
    <s v="110"/>
    <d v="2017-02-15T00:00:00"/>
    <x v="1"/>
    <x v="0"/>
    <s v="10828"/>
    <s v="GLNANDA"/>
    <n v="0"/>
    <n v="3379"/>
    <s v="Billed Revenues"/>
    <s v="EXV"/>
    <s v="NONBU"/>
    <s v="G0000110"/>
    <s v="N"/>
    <s v="MACSS Dist Billed Revenue-03"/>
    <s v=""/>
    <x v="0"/>
    <s v="CAD0330203"/>
    <s v="S"/>
    <s v="KY"/>
    <s v="REV"/>
    <s v="974"/>
    <s v="GLBATCH"/>
    <n v="2"/>
    <n v="2017"/>
  </r>
  <r>
    <s v="110"/>
    <d v="2017-02-15T00:00:00"/>
    <x v="1"/>
    <x v="0"/>
    <s v="10828"/>
    <s v="GLNANDA"/>
    <n v="-419174.55"/>
    <n v="-3409316"/>
    <s v="Billed Revenues"/>
    <s v="EXV"/>
    <s v="NONBU"/>
    <s v="G0000110"/>
    <s v="N"/>
    <s v="MACSS Dist Billed Revenue-03"/>
    <s v=""/>
    <x v="0"/>
    <s v="CAD0330203"/>
    <s v="S"/>
    <s v="KY"/>
    <s v="REV"/>
    <s v="974"/>
    <s v="GLBATCH"/>
    <n v="2"/>
    <n v="2017"/>
  </r>
  <r>
    <s v="110"/>
    <d v="2017-02-15T00:00:00"/>
    <x v="4"/>
    <x v="0"/>
    <s v="10828"/>
    <s v="GLNANDA"/>
    <n v="0"/>
    <n v="3640"/>
    <s v="Billed Revenues"/>
    <s v="EXV"/>
    <s v="NONBU"/>
    <s v="G0000110"/>
    <s v="N"/>
    <s v="MACSS Dist Billed Revenue-03"/>
    <s v=""/>
    <x v="0"/>
    <s v="CAD0330203"/>
    <s v="S"/>
    <s v="KY"/>
    <s v="REV"/>
    <s v="974"/>
    <s v="GLBATCH"/>
    <n v="2"/>
    <n v="2017"/>
  </r>
  <r>
    <s v="110"/>
    <d v="2017-02-15T00:00:00"/>
    <x v="4"/>
    <x v="0"/>
    <s v="10828"/>
    <s v="GLNANDA"/>
    <n v="-734089.95"/>
    <n v="-6248291"/>
    <s v="Billed Revenues"/>
    <s v="EXV"/>
    <s v="NONBU"/>
    <s v="G0000110"/>
    <s v="N"/>
    <s v="MACSS Dist Billed Revenue-03"/>
    <s v=""/>
    <x v="0"/>
    <s v="CAD0330203"/>
    <s v="S"/>
    <s v="KY"/>
    <s v="REV"/>
    <s v="974"/>
    <s v="GLBATCH"/>
    <n v="2"/>
    <n v="2017"/>
  </r>
  <r>
    <s v="110"/>
    <d v="2017-02-15T00:00:00"/>
    <x v="2"/>
    <x v="0"/>
    <s v="10828"/>
    <s v="GLNANDA"/>
    <n v="0"/>
    <n v="1343"/>
    <s v="Billed Revenues"/>
    <s v="EXV"/>
    <s v="NONBU"/>
    <s v="G0000110"/>
    <s v="N"/>
    <s v="MACSS Dist Billed Revenue-03"/>
    <s v=""/>
    <x v="0"/>
    <s v="CAD0330203"/>
    <s v="S"/>
    <s v="KY"/>
    <s v="REV"/>
    <s v="974"/>
    <s v="GLBATCH"/>
    <n v="2"/>
    <n v="2017"/>
  </r>
  <r>
    <s v="110"/>
    <d v="2017-02-15T00:00:00"/>
    <x v="2"/>
    <x v="0"/>
    <s v="10828"/>
    <s v="GLNANDA"/>
    <n v="-799183.63"/>
    <n v="-7142480"/>
    <s v="Billed Revenues"/>
    <s v="EXV"/>
    <s v="NONBU"/>
    <s v="G0000110"/>
    <s v="N"/>
    <s v="MACSS Dist Billed Revenue-03"/>
    <s v=""/>
    <x v="0"/>
    <s v="CAD0330203"/>
    <s v="S"/>
    <s v="KY"/>
    <s v="REV"/>
    <s v="974"/>
    <s v="GLBATCH"/>
    <n v="2"/>
    <n v="2017"/>
  </r>
  <r>
    <s v="110"/>
    <d v="2017-02-15T00:00:00"/>
    <x v="3"/>
    <x v="0"/>
    <s v="10828"/>
    <s v="GLNANDA"/>
    <n v="0"/>
    <n v="10"/>
    <s v="Billed Revenues"/>
    <s v="EXV"/>
    <s v="NONBU"/>
    <s v="G0000110"/>
    <s v="N"/>
    <s v="MACSS Dist Billed Revenue-03"/>
    <s v=""/>
    <x v="0"/>
    <s v="CAD0330203"/>
    <s v="S"/>
    <s v="KY"/>
    <s v="REV"/>
    <s v="974"/>
    <s v="GLBATCH"/>
    <n v="2"/>
    <n v="2017"/>
  </r>
  <r>
    <s v="110"/>
    <d v="2017-02-15T00:00:00"/>
    <x v="0"/>
    <x v="0"/>
    <s v="10828"/>
    <s v="GLNANDA"/>
    <n v="-353829.63"/>
    <n v="-4576679"/>
    <s v="Billed Revenues"/>
    <s v="EXV"/>
    <s v="NONBU"/>
    <s v="G0000110"/>
    <s v="N"/>
    <s v="MACSS Dist Billed Revenue-03"/>
    <s v=""/>
    <x v="0"/>
    <s v="CAD0330203"/>
    <s v="S"/>
    <s v="KY"/>
    <s v="REV"/>
    <s v="974"/>
    <s v="GLBATCH"/>
    <n v="2"/>
    <n v="2017"/>
  </r>
  <r>
    <s v="110"/>
    <d v="2017-02-15T00:00:00"/>
    <x v="0"/>
    <x v="0"/>
    <s v="10828"/>
    <s v="GLNANDA"/>
    <n v="0"/>
    <n v="26"/>
    <s v="Billed Revenues"/>
    <s v="EXV"/>
    <s v="NONBU"/>
    <s v="G0000110"/>
    <s v="N"/>
    <s v="MACSS Dist Billed Revenue-03"/>
    <s v=""/>
    <x v="0"/>
    <s v="CAD0330206"/>
    <s v="S"/>
    <s v="KY"/>
    <s v="REV"/>
    <s v="974"/>
    <s v="GLBATCH"/>
    <n v="2"/>
    <n v="2017"/>
  </r>
  <r>
    <s v="110"/>
    <d v="2017-02-15T00:00:00"/>
    <x v="3"/>
    <x v="0"/>
    <s v="10828"/>
    <s v="GLNANDA"/>
    <n v="-82123.289999999994"/>
    <n v="-889701"/>
    <s v="Billed Revenues"/>
    <s v="EXV"/>
    <s v="NONBU"/>
    <s v="G0000110"/>
    <s v="N"/>
    <s v="MACSS Dist Billed Revenue-03"/>
    <s v=""/>
    <x v="0"/>
    <s v="CAD0330206"/>
    <s v="S"/>
    <s v="KY"/>
    <s v="REV"/>
    <s v="974"/>
    <s v="GLBATCH"/>
    <n v="2"/>
    <n v="2017"/>
  </r>
  <r>
    <s v="110"/>
    <d v="2017-02-15T00:00:00"/>
    <x v="5"/>
    <x v="0"/>
    <s v="10828"/>
    <s v="GLNANDA"/>
    <n v="0"/>
    <n v="226"/>
    <s v="Billed Revenues"/>
    <s v="EXV"/>
    <s v="NONBU"/>
    <s v="G0000110"/>
    <s v="N"/>
    <s v="MACSS Dist Billed Revenue-03"/>
    <s v=""/>
    <x v="0"/>
    <s v="CAD0330206"/>
    <s v="S"/>
    <s v="KY"/>
    <s v="REV"/>
    <s v="974"/>
    <s v="GLBATCH"/>
    <n v="2"/>
    <n v="2017"/>
  </r>
  <r>
    <s v="110"/>
    <d v="2017-02-15T00:00:00"/>
    <x v="5"/>
    <x v="0"/>
    <s v="10828"/>
    <s v="GLNANDA"/>
    <n v="-129097.04"/>
    <n v="-1030133"/>
    <s v="Billed Revenues"/>
    <s v="EXV"/>
    <s v="NONBU"/>
    <s v="G0000110"/>
    <s v="N"/>
    <s v="MACSS Dist Billed Revenue-03"/>
    <s v=""/>
    <x v="0"/>
    <s v="CAD0330206"/>
    <s v="S"/>
    <s v="KY"/>
    <s v="REV"/>
    <s v="974"/>
    <s v="GLBATCH"/>
    <n v="2"/>
    <n v="2017"/>
  </r>
  <r>
    <s v="110"/>
    <d v="2017-02-15T00:00:00"/>
    <x v="7"/>
    <x v="0"/>
    <s v="10828"/>
    <s v="GLNANDA"/>
    <n v="0"/>
    <n v="53"/>
    <s v="Billed Revenues"/>
    <s v="EXV"/>
    <s v="NONBU"/>
    <s v="G0000110"/>
    <s v="N"/>
    <s v="MACSS Dist Billed Revenue-03"/>
    <s v=""/>
    <x v="0"/>
    <s v="CAD0330206"/>
    <s v="S"/>
    <s v="KY"/>
    <s v="REV"/>
    <s v="974"/>
    <s v="GLBATCH"/>
    <n v="2"/>
    <n v="2017"/>
  </r>
  <r>
    <s v="110"/>
    <d v="2017-02-15T00:00:00"/>
    <x v="7"/>
    <x v="0"/>
    <s v="10828"/>
    <s v="GLNANDA"/>
    <n v="-113595.55"/>
    <n v="-935136"/>
    <s v="Billed Revenues"/>
    <s v="EXV"/>
    <s v="NONBU"/>
    <s v="G0000110"/>
    <s v="N"/>
    <s v="MACSS Dist Billed Revenue-03"/>
    <s v=""/>
    <x v="0"/>
    <s v="CAD0330206"/>
    <s v="S"/>
    <s v="KY"/>
    <s v="REV"/>
    <s v="974"/>
    <s v="GLBATCH"/>
    <n v="2"/>
    <n v="2017"/>
  </r>
  <r>
    <s v="110"/>
    <d v="2017-02-15T00:00:00"/>
    <x v="6"/>
    <x v="0"/>
    <s v="10828"/>
    <s v="GLNANDA"/>
    <n v="0"/>
    <n v="18"/>
    <s v="Billed Revenues"/>
    <s v="EXV"/>
    <s v="NONBU"/>
    <s v="G0000110"/>
    <s v="N"/>
    <s v="MACSS Dist Billed Revenue-03"/>
    <s v=""/>
    <x v="0"/>
    <s v="CAD0330206"/>
    <s v="S"/>
    <s v="KY"/>
    <s v="REV"/>
    <s v="974"/>
    <s v="GLBATCH"/>
    <n v="2"/>
    <n v="2017"/>
  </r>
  <r>
    <s v="110"/>
    <d v="2017-02-15T00:00:00"/>
    <x v="6"/>
    <x v="0"/>
    <s v="10828"/>
    <s v="GLNANDA"/>
    <n v="-2584.41"/>
    <n v="-19072"/>
    <s v="Billed Revenues"/>
    <s v="EXV"/>
    <s v="NONBU"/>
    <s v="G0000110"/>
    <s v="N"/>
    <s v="MACSS Dist Billed Revenue-03"/>
    <s v=""/>
    <x v="0"/>
    <s v="CAD0330206"/>
    <s v="S"/>
    <s v="KY"/>
    <s v="REV"/>
    <s v="974"/>
    <s v="GLBATCH"/>
    <n v="2"/>
    <n v="2017"/>
  </r>
  <r>
    <s v="110"/>
    <d v="2017-02-15T00:00:00"/>
    <x v="1"/>
    <x v="0"/>
    <s v="10828"/>
    <s v="GLNANDA"/>
    <n v="0"/>
    <n v="3323"/>
    <s v="Billed Revenues"/>
    <s v="EXV"/>
    <s v="NONBU"/>
    <s v="G0000110"/>
    <s v="N"/>
    <s v="MACSS Dist Billed Revenue-03"/>
    <s v=""/>
    <x v="0"/>
    <s v="CAD0330206"/>
    <s v="S"/>
    <s v="KY"/>
    <s v="REV"/>
    <s v="974"/>
    <s v="GLBATCH"/>
    <n v="2"/>
    <n v="2017"/>
  </r>
  <r>
    <s v="110"/>
    <d v="2017-02-15T00:00:00"/>
    <x v="1"/>
    <x v="0"/>
    <s v="10828"/>
    <s v="GLNANDA"/>
    <n v="-399321.09"/>
    <n v="-3230840"/>
    <s v="Billed Revenues"/>
    <s v="EXV"/>
    <s v="NONBU"/>
    <s v="G0000110"/>
    <s v="N"/>
    <s v="MACSS Dist Billed Revenue-03"/>
    <s v=""/>
    <x v="0"/>
    <s v="CAD0330206"/>
    <s v="S"/>
    <s v="KY"/>
    <s v="REV"/>
    <s v="974"/>
    <s v="GLBATCH"/>
    <n v="2"/>
    <n v="2017"/>
  </r>
  <r>
    <s v="110"/>
    <d v="2017-02-15T00:00:00"/>
    <x v="4"/>
    <x v="0"/>
    <s v="10828"/>
    <s v="GLNANDA"/>
    <n v="0"/>
    <n v="4021"/>
    <s v="Billed Revenues"/>
    <s v="EXV"/>
    <s v="NONBU"/>
    <s v="G0000110"/>
    <s v="N"/>
    <s v="MACSS Dist Billed Revenue-03"/>
    <s v=""/>
    <x v="0"/>
    <s v="CAD0330206"/>
    <s v="S"/>
    <s v="KY"/>
    <s v="REV"/>
    <s v="974"/>
    <s v="GLBATCH"/>
    <n v="2"/>
    <n v="2017"/>
  </r>
  <r>
    <s v="110"/>
    <d v="2017-02-15T00:00:00"/>
    <x v="4"/>
    <x v="0"/>
    <s v="10828"/>
    <s v="GLNANDA"/>
    <n v="-830093.29"/>
    <n v="-7068030"/>
    <s v="Billed Revenues"/>
    <s v="EXV"/>
    <s v="NONBU"/>
    <s v="G0000110"/>
    <s v="N"/>
    <s v="MACSS Dist Billed Revenue-03"/>
    <s v=""/>
    <x v="0"/>
    <s v="CAD0330206"/>
    <s v="S"/>
    <s v="KY"/>
    <s v="REV"/>
    <s v="974"/>
    <s v="GLBATCH"/>
    <n v="2"/>
    <n v="2017"/>
  </r>
  <r>
    <s v="110"/>
    <d v="2017-02-15T00:00:00"/>
    <x v="2"/>
    <x v="0"/>
    <s v="10828"/>
    <s v="GLNANDA"/>
    <n v="0"/>
    <n v="1281"/>
    <s v="Billed Revenues"/>
    <s v="EXV"/>
    <s v="NONBU"/>
    <s v="G0000110"/>
    <s v="N"/>
    <s v="MACSS Dist Billed Revenue-03"/>
    <s v=""/>
    <x v="0"/>
    <s v="CAD0330206"/>
    <s v="S"/>
    <s v="KY"/>
    <s v="REV"/>
    <s v="974"/>
    <s v="GLBATCH"/>
    <n v="2"/>
    <n v="2017"/>
  </r>
  <r>
    <s v="110"/>
    <d v="2017-02-15T00:00:00"/>
    <x v="2"/>
    <x v="0"/>
    <s v="10828"/>
    <s v="GLNANDA"/>
    <n v="-455743.19"/>
    <n v="-3576483"/>
    <s v="Billed Revenues"/>
    <s v="EXV"/>
    <s v="NONBU"/>
    <s v="G0000110"/>
    <s v="N"/>
    <s v="MACSS Dist Billed Revenue-03"/>
    <s v=""/>
    <x v="0"/>
    <s v="CAD0330206"/>
    <s v="S"/>
    <s v="KY"/>
    <s v="REV"/>
    <s v="974"/>
    <s v="GLBATCH"/>
    <n v="2"/>
    <n v="2017"/>
  </r>
  <r>
    <s v="110"/>
    <d v="2017-02-15T00:00:00"/>
    <x v="3"/>
    <x v="0"/>
    <s v="10828"/>
    <s v="GLNANDA"/>
    <n v="0"/>
    <n v="8"/>
    <s v="Billed Revenues"/>
    <s v="EXV"/>
    <s v="NONBU"/>
    <s v="G0000110"/>
    <s v="N"/>
    <s v="MACSS Dist Billed Revenue-03"/>
    <s v=""/>
    <x v="0"/>
    <s v="CAD0330206"/>
    <s v="S"/>
    <s v="KY"/>
    <s v="REV"/>
    <s v="974"/>
    <s v="GLBATCH"/>
    <n v="2"/>
    <n v="2017"/>
  </r>
  <r>
    <s v="110"/>
    <d v="2017-02-15T00:00:00"/>
    <x v="0"/>
    <x v="0"/>
    <s v="10828"/>
    <s v="GLNANDA"/>
    <n v="-321374.49"/>
    <n v="-4249497"/>
    <s v="Billed Revenues"/>
    <s v="EXV"/>
    <s v="NONBU"/>
    <s v="G0000110"/>
    <s v="N"/>
    <s v="MACSS Dist Billed Revenue-03"/>
    <s v=""/>
    <x v="0"/>
    <s v="CAD0330206"/>
    <s v="S"/>
    <s v="KY"/>
    <s v="REV"/>
    <s v="974"/>
    <s v="GLBATCH"/>
    <n v="2"/>
    <n v="2017"/>
  </r>
  <r>
    <s v="110"/>
    <d v="2017-02-15T00:00:00"/>
    <x v="0"/>
    <x v="0"/>
    <s v="10828"/>
    <s v="GLNANDA"/>
    <n v="0"/>
    <n v="39"/>
    <s v="Billed Revenues"/>
    <s v="EXV"/>
    <s v="NONBU"/>
    <s v="G0000110"/>
    <s v="N"/>
    <s v="MACSS Dist Billed Revenue-03"/>
    <s v=""/>
    <x v="0"/>
    <s v="CAD0330207"/>
    <s v="S"/>
    <s v="KY"/>
    <s v="REV"/>
    <s v="974"/>
    <s v="GLBATCH"/>
    <n v="2"/>
    <n v="2017"/>
  </r>
  <r>
    <s v="110"/>
    <d v="2017-02-15T00:00:00"/>
    <x v="0"/>
    <x v="0"/>
    <s v="10828"/>
    <s v="GLNANDA"/>
    <n v="-222134.01"/>
    <n v="-3227897"/>
    <s v="Billed Revenues"/>
    <s v="EXV"/>
    <s v="NONBU"/>
    <s v="G0000110"/>
    <s v="N"/>
    <s v="MACSS Dist Billed Revenue-03"/>
    <s v=""/>
    <x v="0"/>
    <s v="CAD0330207"/>
    <s v="S"/>
    <s v="KY"/>
    <s v="REV"/>
    <s v="974"/>
    <s v="GLBATCH"/>
    <n v="2"/>
    <n v="2017"/>
  </r>
  <r>
    <s v="110"/>
    <d v="2017-02-15T00:00:00"/>
    <x v="7"/>
    <x v="0"/>
    <s v="10828"/>
    <s v="GLNANDA"/>
    <n v="0"/>
    <n v="34"/>
    <s v="Billed Revenues"/>
    <s v="EXV"/>
    <s v="NONBU"/>
    <s v="G0000110"/>
    <s v="N"/>
    <s v="MACSS Dist Billed Revenue-03"/>
    <s v=""/>
    <x v="0"/>
    <s v="CAD0330207"/>
    <s v="S"/>
    <s v="KY"/>
    <s v="REV"/>
    <s v="974"/>
    <s v="GLBATCH"/>
    <n v="2"/>
    <n v="2017"/>
  </r>
  <r>
    <s v="110"/>
    <d v="2017-02-15T00:00:00"/>
    <x v="7"/>
    <x v="0"/>
    <s v="10828"/>
    <s v="GLNANDA"/>
    <n v="-91669.6"/>
    <n v="-775985"/>
    <s v="Billed Revenues"/>
    <s v="EXV"/>
    <s v="NONBU"/>
    <s v="G0000110"/>
    <s v="N"/>
    <s v="MACSS Dist Billed Revenue-03"/>
    <s v=""/>
    <x v="0"/>
    <s v="CAD0330207"/>
    <s v="S"/>
    <s v="KY"/>
    <s v="REV"/>
    <s v="974"/>
    <s v="GLBATCH"/>
    <n v="2"/>
    <n v="2017"/>
  </r>
  <r>
    <s v="110"/>
    <d v="2017-02-15T00:00:00"/>
    <x v="3"/>
    <x v="0"/>
    <s v="10828"/>
    <s v="GLNANDA"/>
    <n v="0"/>
    <n v="6"/>
    <s v="Billed Revenues"/>
    <s v="EXV"/>
    <s v="NONBU"/>
    <s v="G0000110"/>
    <s v="N"/>
    <s v="MACSS Dist Billed Revenue-03"/>
    <s v=""/>
    <x v="0"/>
    <s v="CAD0330207"/>
    <s v="S"/>
    <s v="KY"/>
    <s v="REV"/>
    <s v="974"/>
    <s v="GLBATCH"/>
    <n v="2"/>
    <n v="2017"/>
  </r>
  <r>
    <s v="110"/>
    <d v="2017-02-15T00:00:00"/>
    <x v="3"/>
    <x v="0"/>
    <s v="10828"/>
    <s v="GLNANDA"/>
    <n v="-65415.48"/>
    <n v="-782438"/>
    <s v="Billed Revenues"/>
    <s v="EXV"/>
    <s v="NONBU"/>
    <s v="G0000110"/>
    <s v="N"/>
    <s v="MACSS Dist Billed Revenue-03"/>
    <s v=""/>
    <x v="0"/>
    <s v="CAD0330207"/>
    <s v="S"/>
    <s v="KY"/>
    <s v="REV"/>
    <s v="974"/>
    <s v="GLBATCH"/>
    <n v="2"/>
    <n v="2017"/>
  </r>
  <r>
    <s v="110"/>
    <d v="2017-02-15T00:00:00"/>
    <x v="6"/>
    <x v="0"/>
    <s v="10828"/>
    <s v="GLNANDA"/>
    <n v="0"/>
    <n v="23"/>
    <s v="Billed Revenues"/>
    <s v="EXV"/>
    <s v="NONBU"/>
    <s v="G0000110"/>
    <s v="N"/>
    <s v="MACSS Dist Billed Revenue-03"/>
    <s v=""/>
    <x v="0"/>
    <s v="CAD0330207"/>
    <s v="S"/>
    <s v="KY"/>
    <s v="REV"/>
    <s v="974"/>
    <s v="GLBATCH"/>
    <n v="2"/>
    <n v="2017"/>
  </r>
  <r>
    <s v="110"/>
    <d v="2017-02-15T00:00:00"/>
    <x v="6"/>
    <x v="0"/>
    <s v="10828"/>
    <s v="GLNANDA"/>
    <n v="-1287.04"/>
    <n v="-5792"/>
    <s v="Billed Revenues"/>
    <s v="EXV"/>
    <s v="NONBU"/>
    <s v="G0000110"/>
    <s v="N"/>
    <s v="MACSS Dist Billed Revenue-03"/>
    <s v=""/>
    <x v="0"/>
    <s v="CAD0330207"/>
    <s v="S"/>
    <s v="KY"/>
    <s v="REV"/>
    <s v="974"/>
    <s v="GLBATCH"/>
    <n v="2"/>
    <n v="2017"/>
  </r>
  <r>
    <s v="110"/>
    <d v="2017-02-15T00:00:00"/>
    <x v="5"/>
    <x v="0"/>
    <s v="10828"/>
    <s v="GLNANDA"/>
    <n v="0"/>
    <n v="134"/>
    <s v="Billed Revenues"/>
    <s v="EXV"/>
    <s v="NONBU"/>
    <s v="G0000110"/>
    <s v="N"/>
    <s v="MACSS Dist Billed Revenue-03"/>
    <s v=""/>
    <x v="0"/>
    <s v="CAD0330207"/>
    <s v="S"/>
    <s v="KY"/>
    <s v="REV"/>
    <s v="974"/>
    <s v="GLBATCH"/>
    <n v="2"/>
    <n v="2017"/>
  </r>
  <r>
    <s v="110"/>
    <d v="2017-02-15T00:00:00"/>
    <x v="5"/>
    <x v="0"/>
    <s v="10828"/>
    <s v="GLNANDA"/>
    <n v="-80560.47"/>
    <n v="-641087"/>
    <s v="Billed Revenues"/>
    <s v="EXV"/>
    <s v="NONBU"/>
    <s v="G0000110"/>
    <s v="N"/>
    <s v="MACSS Dist Billed Revenue-03"/>
    <s v=""/>
    <x v="0"/>
    <s v="CAD0330207"/>
    <s v="S"/>
    <s v="KY"/>
    <s v="REV"/>
    <s v="974"/>
    <s v="GLBATCH"/>
    <n v="2"/>
    <n v="2017"/>
  </r>
  <r>
    <s v="110"/>
    <d v="2017-02-15T00:00:00"/>
    <x v="4"/>
    <x v="0"/>
    <s v="10828"/>
    <s v="GLNANDA"/>
    <n v="0"/>
    <n v="3941"/>
    <s v="Billed Revenues"/>
    <s v="EXV"/>
    <s v="NONBU"/>
    <s v="G0000110"/>
    <s v="N"/>
    <s v="MACSS Dist Billed Revenue-03"/>
    <s v=""/>
    <x v="0"/>
    <s v="CAD0330207"/>
    <s v="S"/>
    <s v="KY"/>
    <s v="REV"/>
    <s v="974"/>
    <s v="GLBATCH"/>
    <n v="2"/>
    <n v="2017"/>
  </r>
  <r>
    <s v="110"/>
    <d v="2017-02-15T00:00:00"/>
    <x v="4"/>
    <x v="0"/>
    <s v="10828"/>
    <s v="GLNANDA"/>
    <n v="-841442.12"/>
    <n v="-7180213"/>
    <s v="Billed Revenues"/>
    <s v="EXV"/>
    <s v="NONBU"/>
    <s v="G0000110"/>
    <s v="N"/>
    <s v="MACSS Dist Billed Revenue-03"/>
    <s v=""/>
    <x v="0"/>
    <s v="CAD0330207"/>
    <s v="S"/>
    <s v="KY"/>
    <s v="REV"/>
    <s v="974"/>
    <s v="GLBATCH"/>
    <n v="2"/>
    <n v="2017"/>
  </r>
  <r>
    <s v="110"/>
    <d v="2017-02-15T00:00:00"/>
    <x v="1"/>
    <x v="0"/>
    <s v="10828"/>
    <s v="GLNANDA"/>
    <n v="0"/>
    <n v="2964"/>
    <s v="Billed Revenues"/>
    <s v="EXV"/>
    <s v="NONBU"/>
    <s v="G0000110"/>
    <s v="N"/>
    <s v="MACSS Dist Billed Revenue-03"/>
    <s v=""/>
    <x v="0"/>
    <s v="CAD0330207"/>
    <s v="S"/>
    <s v="KY"/>
    <s v="REV"/>
    <s v="974"/>
    <s v="GLBATCH"/>
    <n v="2"/>
    <n v="2017"/>
  </r>
  <r>
    <s v="110"/>
    <d v="2017-02-15T00:00:00"/>
    <x v="1"/>
    <x v="0"/>
    <s v="10828"/>
    <s v="GLNANDA"/>
    <n v="-386624.27"/>
    <n v="-3144461"/>
    <s v="Billed Revenues"/>
    <s v="EXV"/>
    <s v="NONBU"/>
    <s v="G0000110"/>
    <s v="N"/>
    <s v="MACSS Dist Billed Revenue-03"/>
    <s v=""/>
    <x v="0"/>
    <s v="CAD0330207"/>
    <s v="S"/>
    <s v="KY"/>
    <s v="REV"/>
    <s v="974"/>
    <s v="GLBATCH"/>
    <n v="2"/>
    <n v="2017"/>
  </r>
  <r>
    <s v="110"/>
    <d v="2017-02-15T00:00:00"/>
    <x v="2"/>
    <x v="0"/>
    <s v="10828"/>
    <s v="GLNANDA"/>
    <n v="0"/>
    <n v="1245"/>
    <s v="Billed Revenues"/>
    <s v="EXV"/>
    <s v="NONBU"/>
    <s v="G0000110"/>
    <s v="N"/>
    <s v="MACSS Dist Billed Revenue-03"/>
    <s v=""/>
    <x v="0"/>
    <s v="CAD0330207"/>
    <s v="S"/>
    <s v="KY"/>
    <s v="REV"/>
    <s v="974"/>
    <s v="GLBATCH"/>
    <n v="2"/>
    <n v="2017"/>
  </r>
  <r>
    <s v="110"/>
    <d v="2017-02-15T00:00:00"/>
    <x v="2"/>
    <x v="0"/>
    <s v="10828"/>
    <s v="GLNANDA"/>
    <n v="-506869.38"/>
    <n v="-3983338"/>
    <s v="Billed Revenues"/>
    <s v="EXV"/>
    <s v="NONBU"/>
    <s v="G0000110"/>
    <s v="N"/>
    <s v="MACSS Dist Billed Revenue-03"/>
    <s v=""/>
    <x v="0"/>
    <s v="CAD0330207"/>
    <s v="S"/>
    <s v="KY"/>
    <s v="REV"/>
    <s v="974"/>
    <s v="GLBATCH"/>
    <n v="2"/>
    <n v="2017"/>
  </r>
  <r>
    <s v="110"/>
    <d v="2017-02-15T00:00:00"/>
    <x v="3"/>
    <x v="0"/>
    <s v="10828"/>
    <s v="GLNANDA"/>
    <n v="0"/>
    <n v="4"/>
    <s v="Billed Revenues"/>
    <s v="EXV"/>
    <s v="NONBU"/>
    <s v="G0000110"/>
    <s v="N"/>
    <s v="MACSS Dist Billed Revenue-03"/>
    <s v=""/>
    <x v="0"/>
    <s v="CAD0330208"/>
    <s v="S"/>
    <s v="KY"/>
    <s v="REV"/>
    <s v="974"/>
    <s v="GLBATCH"/>
    <n v="2"/>
    <n v="2017"/>
  </r>
  <r>
    <s v="110"/>
    <d v="2017-02-15T00:00:00"/>
    <x v="3"/>
    <x v="0"/>
    <s v="10828"/>
    <s v="GLNANDA"/>
    <n v="-8236.67"/>
    <n v="-60176"/>
    <s v="Billed Revenues"/>
    <s v="EXV"/>
    <s v="NONBU"/>
    <s v="G0000110"/>
    <s v="N"/>
    <s v="MACSS Dist Billed Revenue-03"/>
    <s v=""/>
    <x v="0"/>
    <s v="CAD0330208"/>
    <s v="S"/>
    <s v="KY"/>
    <s v="REV"/>
    <s v="974"/>
    <s v="GLBATCH"/>
    <n v="2"/>
    <n v="2017"/>
  </r>
  <r>
    <s v="110"/>
    <d v="2017-02-15T00:00:00"/>
    <x v="1"/>
    <x v="0"/>
    <s v="10828"/>
    <s v="GLNANDA"/>
    <n v="-290219.40999999997"/>
    <n v="-2305215"/>
    <s v="Billed Revenues"/>
    <s v="EXV"/>
    <s v="NONBU"/>
    <s v="G0000110"/>
    <s v="N"/>
    <s v="MACSS Dist Billed Revenue-03"/>
    <s v=""/>
    <x v="0"/>
    <s v="CAD0330208"/>
    <s v="S"/>
    <s v="KY"/>
    <s v="REV"/>
    <s v="974"/>
    <s v="GLBATCH"/>
    <n v="2"/>
    <n v="2017"/>
  </r>
  <r>
    <s v="110"/>
    <d v="2017-02-15T00:00:00"/>
    <x v="1"/>
    <x v="0"/>
    <s v="10828"/>
    <s v="GLNANDA"/>
    <n v="0"/>
    <n v="2613"/>
    <s v="Billed Revenues"/>
    <s v="EXV"/>
    <s v="NONBU"/>
    <s v="G0000110"/>
    <s v="N"/>
    <s v="MACSS Dist Billed Revenue-03"/>
    <s v=""/>
    <x v="0"/>
    <s v="CAD0330208"/>
    <s v="S"/>
    <s v="KY"/>
    <s v="REV"/>
    <s v="974"/>
    <s v="GLBATCH"/>
    <n v="2"/>
    <n v="2017"/>
  </r>
  <r>
    <s v="110"/>
    <d v="2017-02-15T00:00:00"/>
    <x v="2"/>
    <x v="0"/>
    <s v="10828"/>
    <s v="GLNANDA"/>
    <n v="-351287.09"/>
    <n v="-2939876"/>
    <s v="Billed Revenues"/>
    <s v="EXV"/>
    <s v="NONBU"/>
    <s v="G0000110"/>
    <s v="N"/>
    <s v="MACSS Dist Billed Revenue-03"/>
    <s v=""/>
    <x v="0"/>
    <s v="CAD0330208"/>
    <s v="S"/>
    <s v="KY"/>
    <s v="REV"/>
    <s v="974"/>
    <s v="GLBATCH"/>
    <n v="2"/>
    <n v="2017"/>
  </r>
  <r>
    <s v="110"/>
    <d v="2017-02-15T00:00:00"/>
    <x v="2"/>
    <x v="0"/>
    <s v="10828"/>
    <s v="GLNANDA"/>
    <n v="0"/>
    <n v="1049"/>
    <s v="Billed Revenues"/>
    <s v="EXV"/>
    <s v="NONBU"/>
    <s v="G0000110"/>
    <s v="N"/>
    <s v="MACSS Dist Billed Revenue-03"/>
    <s v=""/>
    <x v="0"/>
    <s v="CAD0330208"/>
    <s v="S"/>
    <s v="KY"/>
    <s v="REV"/>
    <s v="974"/>
    <s v="GLBATCH"/>
    <n v="2"/>
    <n v="2017"/>
  </r>
  <r>
    <s v="110"/>
    <d v="2017-02-15T00:00:00"/>
    <x v="4"/>
    <x v="0"/>
    <s v="10828"/>
    <s v="GLNANDA"/>
    <n v="-737458.23"/>
    <n v="-6233429"/>
    <s v="Billed Revenues"/>
    <s v="EXV"/>
    <s v="NONBU"/>
    <s v="G0000110"/>
    <s v="N"/>
    <s v="MACSS Dist Billed Revenue-03"/>
    <s v=""/>
    <x v="0"/>
    <s v="CAD0330208"/>
    <s v="S"/>
    <s v="KY"/>
    <s v="REV"/>
    <s v="974"/>
    <s v="GLBATCH"/>
    <n v="2"/>
    <n v="2017"/>
  </r>
  <r>
    <s v="110"/>
    <d v="2017-02-15T00:00:00"/>
    <x v="4"/>
    <x v="0"/>
    <s v="10828"/>
    <s v="GLNANDA"/>
    <n v="0"/>
    <n v="3803"/>
    <s v="Billed Revenues"/>
    <s v="EXV"/>
    <s v="NONBU"/>
    <s v="G0000110"/>
    <s v="N"/>
    <s v="MACSS Dist Billed Revenue-03"/>
    <s v=""/>
    <x v="0"/>
    <s v="CAD0330208"/>
    <s v="S"/>
    <s v="KY"/>
    <s v="REV"/>
    <s v="974"/>
    <s v="GLBATCH"/>
    <n v="2"/>
    <n v="2017"/>
  </r>
  <r>
    <s v="110"/>
    <d v="2017-02-15T00:00:00"/>
    <x v="6"/>
    <x v="0"/>
    <s v="10828"/>
    <s v="GLNANDA"/>
    <n v="-1536.22"/>
    <n v="-8958"/>
    <s v="Billed Revenues"/>
    <s v="EXV"/>
    <s v="NONBU"/>
    <s v="G0000110"/>
    <s v="N"/>
    <s v="MACSS Dist Billed Revenue-03"/>
    <s v=""/>
    <x v="0"/>
    <s v="CAD0330208"/>
    <s v="S"/>
    <s v="KY"/>
    <s v="REV"/>
    <s v="974"/>
    <s v="GLBATCH"/>
    <n v="2"/>
    <n v="2017"/>
  </r>
  <r>
    <s v="110"/>
    <d v="2017-02-15T00:00:00"/>
    <x v="6"/>
    <x v="0"/>
    <s v="10828"/>
    <s v="GLNANDA"/>
    <n v="0"/>
    <n v="18"/>
    <s v="Billed Revenues"/>
    <s v="EXV"/>
    <s v="NONBU"/>
    <s v="G0000110"/>
    <s v="N"/>
    <s v="MACSS Dist Billed Revenue-03"/>
    <s v=""/>
    <x v="0"/>
    <s v="CAD0330208"/>
    <s v="S"/>
    <s v="KY"/>
    <s v="REV"/>
    <s v="974"/>
    <s v="GLBATCH"/>
    <n v="2"/>
    <n v="2017"/>
  </r>
  <r>
    <s v="110"/>
    <d v="2017-02-15T00:00:00"/>
    <x v="7"/>
    <x v="0"/>
    <s v="10828"/>
    <s v="GLNANDA"/>
    <n v="-95869.7"/>
    <n v="-775534"/>
    <s v="Billed Revenues"/>
    <s v="EXV"/>
    <s v="NONBU"/>
    <s v="G0000110"/>
    <s v="N"/>
    <s v="MACSS Dist Billed Revenue-03"/>
    <s v=""/>
    <x v="0"/>
    <s v="CAD0330208"/>
    <s v="S"/>
    <s v="KY"/>
    <s v="REV"/>
    <s v="974"/>
    <s v="GLBATCH"/>
    <n v="2"/>
    <n v="2017"/>
  </r>
  <r>
    <s v="110"/>
    <d v="2017-02-15T00:00:00"/>
    <x v="7"/>
    <x v="0"/>
    <s v="10828"/>
    <s v="GLNANDA"/>
    <n v="0"/>
    <n v="32"/>
    <s v="Billed Revenues"/>
    <s v="EXV"/>
    <s v="NONBU"/>
    <s v="G0000110"/>
    <s v="N"/>
    <s v="MACSS Dist Billed Revenue-03"/>
    <s v=""/>
    <x v="0"/>
    <s v="CAD0330208"/>
    <s v="S"/>
    <s v="KY"/>
    <s v="REV"/>
    <s v="974"/>
    <s v="GLBATCH"/>
    <n v="2"/>
    <n v="2017"/>
  </r>
  <r>
    <s v="110"/>
    <d v="2017-02-15T00:00:00"/>
    <x v="5"/>
    <x v="0"/>
    <s v="10828"/>
    <s v="GLNANDA"/>
    <n v="-58486.12"/>
    <n v="-467574"/>
    <s v="Billed Revenues"/>
    <s v="EXV"/>
    <s v="NONBU"/>
    <s v="G0000110"/>
    <s v="N"/>
    <s v="MACSS Dist Billed Revenue-03"/>
    <s v=""/>
    <x v="0"/>
    <s v="CAD0330208"/>
    <s v="S"/>
    <s v="KY"/>
    <s v="REV"/>
    <s v="974"/>
    <s v="GLBATCH"/>
    <n v="2"/>
    <n v="2017"/>
  </r>
  <r>
    <s v="110"/>
    <d v="2017-02-15T00:00:00"/>
    <x v="5"/>
    <x v="0"/>
    <s v="10828"/>
    <s v="GLNANDA"/>
    <n v="0"/>
    <n v="106"/>
    <s v="Billed Revenues"/>
    <s v="EXV"/>
    <s v="NONBU"/>
    <s v="G0000110"/>
    <s v="N"/>
    <s v="MACSS Dist Billed Revenue-03"/>
    <s v=""/>
    <x v="0"/>
    <s v="CAD0330208"/>
    <s v="S"/>
    <s v="KY"/>
    <s v="REV"/>
    <s v="974"/>
    <s v="GLBATCH"/>
    <n v="2"/>
    <n v="2017"/>
  </r>
  <r>
    <s v="110"/>
    <d v="2017-02-15T00:00:00"/>
    <x v="0"/>
    <x v="0"/>
    <s v="10828"/>
    <s v="GLNANDA"/>
    <n v="-110197.75"/>
    <n v="-1357610"/>
    <s v="Billed Revenues"/>
    <s v="EXV"/>
    <s v="NONBU"/>
    <s v="G0000110"/>
    <s v="N"/>
    <s v="MACSS Dist Billed Revenue-03"/>
    <s v=""/>
    <x v="0"/>
    <s v="CAD0330208"/>
    <s v="S"/>
    <s v="KY"/>
    <s v="REV"/>
    <s v="974"/>
    <s v="GLBATCH"/>
    <n v="2"/>
    <n v="2017"/>
  </r>
  <r>
    <s v="110"/>
    <d v="2017-02-15T00:00:00"/>
    <x v="0"/>
    <x v="0"/>
    <s v="10828"/>
    <s v="GLNANDA"/>
    <n v="0"/>
    <n v="33"/>
    <s v="Billed Revenues"/>
    <s v="EXV"/>
    <s v="NONBU"/>
    <s v="G0000110"/>
    <s v="N"/>
    <s v="MACSS Dist Billed Revenue-03"/>
    <s v=""/>
    <x v="0"/>
    <s v="CAD0330208"/>
    <s v="S"/>
    <s v="KY"/>
    <s v="REV"/>
    <s v="974"/>
    <s v="GLBATCH"/>
    <n v="2"/>
    <n v="2017"/>
  </r>
  <r>
    <s v="110"/>
    <d v="2017-02-15T00:00:00"/>
    <x v="4"/>
    <x v="0"/>
    <s v="10828"/>
    <s v="GLNANDA"/>
    <n v="0"/>
    <n v="4715"/>
    <s v="Billed Revenues"/>
    <s v="EXV"/>
    <s v="NONBU"/>
    <s v="G0000110"/>
    <s v="N"/>
    <s v="MACSS Dist Billed Revenue-03"/>
    <s v=""/>
    <x v="0"/>
    <s v="CAD0330209"/>
    <s v="S"/>
    <s v="KY"/>
    <s v="REV"/>
    <s v="974"/>
    <s v="GLBATCH"/>
    <n v="2"/>
    <n v="2017"/>
  </r>
  <r>
    <s v="110"/>
    <d v="2017-02-15T00:00:00"/>
    <x v="1"/>
    <x v="0"/>
    <s v="10828"/>
    <s v="GLNANDA"/>
    <n v="0"/>
    <n v="2336"/>
    <s v="Billed Revenues"/>
    <s v="EXV"/>
    <s v="NONBU"/>
    <s v="G0000110"/>
    <s v="N"/>
    <s v="MACSS Dist Billed Revenue-03"/>
    <s v=""/>
    <x v="0"/>
    <s v="CAD0330209"/>
    <s v="S"/>
    <s v="KY"/>
    <s v="REV"/>
    <s v="974"/>
    <s v="GLBATCH"/>
    <n v="2"/>
    <n v="2017"/>
  </r>
  <r>
    <s v="110"/>
    <d v="2017-02-15T00:00:00"/>
    <x v="7"/>
    <x v="0"/>
    <s v="10828"/>
    <s v="GLNANDA"/>
    <n v="0"/>
    <n v="46"/>
    <s v="Billed Revenues"/>
    <s v="EXV"/>
    <s v="NONBU"/>
    <s v="G0000110"/>
    <s v="N"/>
    <s v="MACSS Dist Billed Revenue-03"/>
    <s v=""/>
    <x v="0"/>
    <s v="CAD0330209"/>
    <s v="S"/>
    <s v="KY"/>
    <s v="REV"/>
    <s v="974"/>
    <s v="GLBATCH"/>
    <n v="2"/>
    <n v="2017"/>
  </r>
  <r>
    <s v="110"/>
    <d v="2017-02-15T00:00:00"/>
    <x v="2"/>
    <x v="0"/>
    <s v="10828"/>
    <s v="GLNANDA"/>
    <n v="-792985.55"/>
    <n v="-7045376"/>
    <s v="Billed Revenues"/>
    <s v="EXV"/>
    <s v="NONBU"/>
    <s v="G0000110"/>
    <s v="N"/>
    <s v="MACSS Dist Billed Revenue-03"/>
    <s v=""/>
    <x v="0"/>
    <s v="CAD0330209"/>
    <s v="S"/>
    <s v="KY"/>
    <s v="REV"/>
    <s v="974"/>
    <s v="GLBATCH"/>
    <n v="2"/>
    <n v="2017"/>
  </r>
  <r>
    <s v="110"/>
    <d v="2017-02-15T00:00:00"/>
    <x v="2"/>
    <x v="0"/>
    <s v="10828"/>
    <s v="GLNANDA"/>
    <n v="0"/>
    <n v="1502"/>
    <s v="Billed Revenues"/>
    <s v="EXV"/>
    <s v="NONBU"/>
    <s v="G0000110"/>
    <s v="N"/>
    <s v="MACSS Dist Billed Revenue-03"/>
    <s v=""/>
    <x v="0"/>
    <s v="CAD0330209"/>
    <s v="S"/>
    <s v="KY"/>
    <s v="REV"/>
    <s v="974"/>
    <s v="GLBATCH"/>
    <n v="2"/>
    <n v="2017"/>
  </r>
  <r>
    <s v="110"/>
    <d v="2017-02-15T00:00:00"/>
    <x v="5"/>
    <x v="0"/>
    <s v="10828"/>
    <s v="GLNANDA"/>
    <n v="-80129.48"/>
    <n v="-651631"/>
    <s v="Billed Revenues"/>
    <s v="EXV"/>
    <s v="NONBU"/>
    <s v="G0000110"/>
    <s v="N"/>
    <s v="MACSS Dist Billed Revenue-03"/>
    <s v=""/>
    <x v="0"/>
    <s v="CAD0330209"/>
    <s v="S"/>
    <s v="KY"/>
    <s v="REV"/>
    <s v="974"/>
    <s v="GLBATCH"/>
    <n v="2"/>
    <n v="2017"/>
  </r>
  <r>
    <s v="110"/>
    <d v="2017-02-15T00:00:00"/>
    <x v="5"/>
    <x v="0"/>
    <s v="10828"/>
    <s v="GLNANDA"/>
    <n v="0"/>
    <n v="127"/>
    <s v="Billed Revenues"/>
    <s v="EXV"/>
    <s v="NONBU"/>
    <s v="G0000110"/>
    <s v="N"/>
    <s v="MACSS Dist Billed Revenue-03"/>
    <s v=""/>
    <x v="0"/>
    <s v="CAD0330209"/>
    <s v="S"/>
    <s v="KY"/>
    <s v="REV"/>
    <s v="974"/>
    <s v="GLBATCH"/>
    <n v="2"/>
    <n v="2017"/>
  </r>
  <r>
    <s v="110"/>
    <d v="2017-02-15T00:00:00"/>
    <x v="1"/>
    <x v="0"/>
    <s v="10828"/>
    <s v="GLNANDA"/>
    <n v="-274380.81"/>
    <n v="-2197677"/>
    <s v="Billed Revenues"/>
    <s v="EXV"/>
    <s v="NONBU"/>
    <s v="G0000110"/>
    <s v="N"/>
    <s v="MACSS Dist Billed Revenue-03"/>
    <s v=""/>
    <x v="0"/>
    <s v="CAD0330209"/>
    <s v="S"/>
    <s v="KY"/>
    <s v="REV"/>
    <s v="974"/>
    <s v="GLBATCH"/>
    <n v="2"/>
    <n v="2017"/>
  </r>
  <r>
    <s v="110"/>
    <d v="2017-02-15T00:00:00"/>
    <x v="6"/>
    <x v="0"/>
    <s v="10828"/>
    <s v="GLNANDA"/>
    <n v="-635.52"/>
    <n v="-2421"/>
    <s v="Billed Revenues"/>
    <s v="EXV"/>
    <s v="NONBU"/>
    <s v="G0000110"/>
    <s v="N"/>
    <s v="MACSS Dist Billed Revenue-03"/>
    <s v=""/>
    <x v="0"/>
    <s v="CAD0330209"/>
    <s v="S"/>
    <s v="KY"/>
    <s v="REV"/>
    <s v="974"/>
    <s v="GLBATCH"/>
    <n v="2"/>
    <n v="2017"/>
  </r>
  <r>
    <s v="110"/>
    <d v="2017-02-15T00:00:00"/>
    <x v="0"/>
    <x v="0"/>
    <s v="10828"/>
    <s v="GLNANDA"/>
    <n v="-8589.51"/>
    <n v="-64529"/>
    <s v="Billed Revenues"/>
    <s v="EXV"/>
    <s v="NONBU"/>
    <s v="G0000110"/>
    <s v="N"/>
    <s v="MACSS Dist Billed Revenue-03"/>
    <s v=""/>
    <x v="0"/>
    <s v="CAD0330209"/>
    <s v="S"/>
    <s v="KY"/>
    <s v="REV"/>
    <s v="974"/>
    <s v="GLBATCH"/>
    <n v="2"/>
    <n v="2017"/>
  </r>
  <r>
    <s v="110"/>
    <d v="2017-02-15T00:00:00"/>
    <x v="0"/>
    <x v="0"/>
    <s v="10828"/>
    <s v="GLNANDA"/>
    <n v="0"/>
    <n v="20"/>
    <s v="Billed Revenues"/>
    <s v="EXV"/>
    <s v="NONBU"/>
    <s v="G0000110"/>
    <s v="N"/>
    <s v="MACSS Dist Billed Revenue-03"/>
    <s v=""/>
    <x v="0"/>
    <s v="CAD0330209"/>
    <s v="S"/>
    <s v="KY"/>
    <s v="REV"/>
    <s v="974"/>
    <s v="GLBATCH"/>
    <n v="2"/>
    <n v="2017"/>
  </r>
  <r>
    <s v="110"/>
    <d v="2017-02-15T00:00:00"/>
    <x v="6"/>
    <x v="0"/>
    <s v="10828"/>
    <s v="GLNANDA"/>
    <n v="0"/>
    <n v="14"/>
    <s v="Billed Revenues"/>
    <s v="EXV"/>
    <s v="NONBU"/>
    <s v="G0000110"/>
    <s v="N"/>
    <s v="MACSS Dist Billed Revenue-03"/>
    <s v=""/>
    <x v="0"/>
    <s v="CAD0330209"/>
    <s v="S"/>
    <s v="KY"/>
    <s v="REV"/>
    <s v="974"/>
    <s v="GLBATCH"/>
    <n v="2"/>
    <n v="2017"/>
  </r>
  <r>
    <s v="110"/>
    <d v="2017-02-15T00:00:00"/>
    <x v="4"/>
    <x v="0"/>
    <s v="10828"/>
    <s v="GLNANDA"/>
    <n v="-868834.18"/>
    <n v="-7337371"/>
    <s v="Billed Revenues"/>
    <s v="EXV"/>
    <s v="NONBU"/>
    <s v="G0000110"/>
    <s v="N"/>
    <s v="MACSS Dist Billed Revenue-03"/>
    <s v=""/>
    <x v="0"/>
    <s v="CAD0330209"/>
    <s v="S"/>
    <s v="KY"/>
    <s v="REV"/>
    <s v="974"/>
    <s v="GLBATCH"/>
    <n v="2"/>
    <n v="2017"/>
  </r>
  <r>
    <s v="110"/>
    <d v="2017-02-15T00:00:00"/>
    <x v="3"/>
    <x v="0"/>
    <s v="10828"/>
    <s v="GLNANDA"/>
    <n v="-163484.94"/>
    <n v="-1576357"/>
    <s v="Billed Revenues"/>
    <s v="EXV"/>
    <s v="NONBU"/>
    <s v="G0000110"/>
    <s v="N"/>
    <s v="MACSS Dist Billed Revenue-03"/>
    <s v=""/>
    <x v="0"/>
    <s v="CAD0330209"/>
    <s v="S"/>
    <s v="KY"/>
    <s v="REV"/>
    <s v="974"/>
    <s v="GLBATCH"/>
    <n v="2"/>
    <n v="2017"/>
  </r>
  <r>
    <s v="110"/>
    <d v="2017-02-15T00:00:00"/>
    <x v="3"/>
    <x v="0"/>
    <s v="10828"/>
    <s v="GLNANDA"/>
    <n v="0"/>
    <n v="24"/>
    <s v="Billed Revenues"/>
    <s v="EXV"/>
    <s v="NONBU"/>
    <s v="G0000110"/>
    <s v="N"/>
    <s v="MACSS Dist Billed Revenue-03"/>
    <s v=""/>
    <x v="0"/>
    <s v="CAD0330209"/>
    <s v="S"/>
    <s v="KY"/>
    <s v="REV"/>
    <s v="974"/>
    <s v="GLBATCH"/>
    <n v="2"/>
    <n v="2017"/>
  </r>
  <r>
    <s v="110"/>
    <d v="2017-02-15T00:00:00"/>
    <x v="7"/>
    <x v="0"/>
    <s v="10828"/>
    <s v="GLNANDA"/>
    <n v="-71909.98"/>
    <n v="-570214"/>
    <s v="Billed Revenues"/>
    <s v="EXV"/>
    <s v="NONBU"/>
    <s v="G0000110"/>
    <s v="N"/>
    <s v="MACSS Dist Billed Revenue-03"/>
    <s v=""/>
    <x v="0"/>
    <s v="CAD0330209"/>
    <s v="S"/>
    <s v="KY"/>
    <s v="REV"/>
    <s v="974"/>
    <s v="GLBATCH"/>
    <n v="2"/>
    <n v="2017"/>
  </r>
  <r>
    <s v="110"/>
    <d v="2017-02-15T00:00:00"/>
    <x v="7"/>
    <x v="0"/>
    <s v="10828"/>
    <s v="GLNANDA"/>
    <n v="-107602.46"/>
    <n v="-913758"/>
    <s v="Billed Revenues"/>
    <s v="EXV"/>
    <s v="NONBU"/>
    <s v="G0000110"/>
    <s v="N"/>
    <s v="MACSS Dist Billed Revenue-03"/>
    <s v=""/>
    <x v="0"/>
    <s v="CAD0330210"/>
    <s v="S"/>
    <s v="KY"/>
    <s v="REV"/>
    <s v="974"/>
    <s v="GLBATCH"/>
    <n v="2"/>
    <n v="2017"/>
  </r>
  <r>
    <s v="110"/>
    <d v="2017-02-15T00:00:00"/>
    <x v="2"/>
    <x v="0"/>
    <s v="10828"/>
    <s v="GLNANDA"/>
    <n v="-480543.14"/>
    <n v="-3630286"/>
    <s v="Billed Revenues"/>
    <s v="EXV"/>
    <s v="NONBU"/>
    <s v="G0000110"/>
    <s v="N"/>
    <s v="MACSS Dist Billed Revenue-03"/>
    <s v=""/>
    <x v="0"/>
    <s v="CAD0330210"/>
    <s v="S"/>
    <s v="KY"/>
    <s v="REV"/>
    <s v="974"/>
    <s v="GLBATCH"/>
    <n v="2"/>
    <n v="2017"/>
  </r>
  <r>
    <s v="110"/>
    <d v="2017-02-15T00:00:00"/>
    <x v="1"/>
    <x v="0"/>
    <s v="10828"/>
    <s v="GLNANDA"/>
    <n v="-233825.25"/>
    <n v="-1879206"/>
    <s v="Billed Revenues"/>
    <s v="EXV"/>
    <s v="NONBU"/>
    <s v="G0000110"/>
    <s v="N"/>
    <s v="MACSS Dist Billed Revenue-03"/>
    <s v=""/>
    <x v="0"/>
    <s v="CAD0330210"/>
    <s v="S"/>
    <s v="KY"/>
    <s v="REV"/>
    <s v="974"/>
    <s v="GLBATCH"/>
    <n v="2"/>
    <n v="2017"/>
  </r>
  <r>
    <s v="110"/>
    <d v="2017-02-15T00:00:00"/>
    <x v="3"/>
    <x v="0"/>
    <s v="10828"/>
    <s v="GLNANDA"/>
    <n v="0"/>
    <n v="18"/>
    <s v="Billed Revenues"/>
    <s v="EXV"/>
    <s v="NONBU"/>
    <s v="G0000110"/>
    <s v="N"/>
    <s v="MACSS Dist Billed Revenue-03"/>
    <s v=""/>
    <x v="0"/>
    <s v="CAD0330210"/>
    <s v="S"/>
    <s v="KY"/>
    <s v="REV"/>
    <s v="974"/>
    <s v="GLBATCH"/>
    <n v="2"/>
    <n v="2017"/>
  </r>
  <r>
    <s v="110"/>
    <d v="2017-02-15T00:00:00"/>
    <x v="3"/>
    <x v="0"/>
    <s v="10828"/>
    <s v="GLNANDA"/>
    <n v="-313265.59999999998"/>
    <n v="-4395637"/>
    <s v="Billed Revenues"/>
    <s v="EXV"/>
    <s v="NONBU"/>
    <s v="G0000110"/>
    <s v="N"/>
    <s v="MACSS Dist Billed Revenue-03"/>
    <s v=""/>
    <x v="0"/>
    <s v="CAD0330210"/>
    <s v="S"/>
    <s v="KY"/>
    <s v="REV"/>
    <s v="974"/>
    <s v="GLBATCH"/>
    <n v="2"/>
    <n v="2017"/>
  </r>
  <r>
    <s v="110"/>
    <d v="2017-02-15T00:00:00"/>
    <x v="0"/>
    <x v="0"/>
    <s v="10828"/>
    <s v="GLNANDA"/>
    <n v="0"/>
    <n v="52"/>
    <s v="Billed Revenues"/>
    <s v="EXV"/>
    <s v="NONBU"/>
    <s v="G0000110"/>
    <s v="N"/>
    <s v="MACSS Dist Billed Revenue-03"/>
    <s v=""/>
    <x v="0"/>
    <s v="CAD0330210"/>
    <s v="S"/>
    <s v="KY"/>
    <s v="REV"/>
    <s v="974"/>
    <s v="GLBATCH"/>
    <n v="2"/>
    <n v="2017"/>
  </r>
  <r>
    <s v="110"/>
    <d v="2017-02-15T00:00:00"/>
    <x v="0"/>
    <x v="0"/>
    <s v="10828"/>
    <s v="GLNANDA"/>
    <n v="-234505.88"/>
    <n v="-1531437"/>
    <s v="Billed Revenues"/>
    <s v="EXV"/>
    <s v="NONBU"/>
    <s v="G0000110"/>
    <s v="N"/>
    <s v="MACSS Dist Billed Revenue-03"/>
    <s v=""/>
    <x v="0"/>
    <s v="CAD0330210"/>
    <s v="S"/>
    <s v="KY"/>
    <s v="REV"/>
    <s v="974"/>
    <s v="GLBATCH"/>
    <n v="2"/>
    <n v="2017"/>
  </r>
  <r>
    <s v="110"/>
    <d v="2017-02-15T00:00:00"/>
    <x v="5"/>
    <x v="0"/>
    <s v="10828"/>
    <s v="GLNANDA"/>
    <n v="-132931.68"/>
    <n v="-1110017"/>
    <s v="Billed Revenues"/>
    <s v="EXV"/>
    <s v="NONBU"/>
    <s v="G0000110"/>
    <s v="N"/>
    <s v="MACSS Dist Billed Revenue-03"/>
    <s v=""/>
    <x v="0"/>
    <s v="CAD0330210"/>
    <s v="S"/>
    <s v="KY"/>
    <s v="REV"/>
    <s v="974"/>
    <s v="GLBATCH"/>
    <n v="2"/>
    <n v="2017"/>
  </r>
  <r>
    <s v="110"/>
    <d v="2017-02-15T00:00:00"/>
    <x v="7"/>
    <x v="0"/>
    <s v="10828"/>
    <s v="GLNANDA"/>
    <n v="0"/>
    <n v="37"/>
    <s v="Billed Revenues"/>
    <s v="EXV"/>
    <s v="NONBU"/>
    <s v="G0000110"/>
    <s v="N"/>
    <s v="MACSS Dist Billed Revenue-03"/>
    <s v=""/>
    <x v="0"/>
    <s v="CAD0330210"/>
    <s v="S"/>
    <s v="KY"/>
    <s v="REV"/>
    <s v="974"/>
    <s v="GLBATCH"/>
    <n v="2"/>
    <n v="2017"/>
  </r>
  <r>
    <s v="110"/>
    <d v="2017-02-15T00:00:00"/>
    <x v="6"/>
    <x v="0"/>
    <s v="10828"/>
    <s v="GLNANDA"/>
    <n v="-5093.53"/>
    <n v="-39154"/>
    <s v="Billed Revenues"/>
    <s v="EXV"/>
    <s v="NONBU"/>
    <s v="G0000110"/>
    <s v="N"/>
    <s v="MACSS Dist Billed Revenue-03"/>
    <s v=""/>
    <x v="0"/>
    <s v="CAD0330210"/>
    <s v="S"/>
    <s v="KY"/>
    <s v="REV"/>
    <s v="974"/>
    <s v="GLBATCH"/>
    <n v="2"/>
    <n v="2017"/>
  </r>
  <r>
    <s v="110"/>
    <d v="2017-02-15T00:00:00"/>
    <x v="6"/>
    <x v="0"/>
    <s v="10828"/>
    <s v="GLNANDA"/>
    <n v="0"/>
    <n v="16"/>
    <s v="Billed Revenues"/>
    <s v="EXV"/>
    <s v="NONBU"/>
    <s v="G0000110"/>
    <s v="N"/>
    <s v="MACSS Dist Billed Revenue-03"/>
    <s v=""/>
    <x v="0"/>
    <s v="CAD0330210"/>
    <s v="S"/>
    <s v="KY"/>
    <s v="REV"/>
    <s v="974"/>
    <s v="GLBATCH"/>
    <n v="2"/>
    <n v="2017"/>
  </r>
  <r>
    <s v="110"/>
    <d v="2017-02-15T00:00:00"/>
    <x v="2"/>
    <x v="0"/>
    <s v="10828"/>
    <s v="GLNANDA"/>
    <n v="0"/>
    <n v="1473"/>
    <s v="Billed Revenues"/>
    <s v="EXV"/>
    <s v="NONBU"/>
    <s v="G0000110"/>
    <s v="N"/>
    <s v="MACSS Dist Billed Revenue-03"/>
    <s v=""/>
    <x v="0"/>
    <s v="CAD0330210"/>
    <s v="S"/>
    <s v="KY"/>
    <s v="REV"/>
    <s v="974"/>
    <s v="GLBATCH"/>
    <n v="2"/>
    <n v="2017"/>
  </r>
  <r>
    <s v="110"/>
    <d v="2017-02-15T00:00:00"/>
    <x v="4"/>
    <x v="0"/>
    <s v="10828"/>
    <s v="GLNANDA"/>
    <n v="-699306.33"/>
    <n v="-5906109"/>
    <s v="Billed Revenues"/>
    <s v="EXV"/>
    <s v="NONBU"/>
    <s v="G0000110"/>
    <s v="N"/>
    <s v="MACSS Dist Billed Revenue-03"/>
    <s v=""/>
    <x v="0"/>
    <s v="CAD0330210"/>
    <s v="S"/>
    <s v="KY"/>
    <s v="REV"/>
    <s v="974"/>
    <s v="GLBATCH"/>
    <n v="2"/>
    <n v="2017"/>
  </r>
  <r>
    <s v="110"/>
    <d v="2017-02-15T00:00:00"/>
    <x v="4"/>
    <x v="0"/>
    <s v="10828"/>
    <s v="GLNANDA"/>
    <n v="0"/>
    <n v="3694"/>
    <s v="Billed Revenues"/>
    <s v="EXV"/>
    <s v="NONBU"/>
    <s v="G0000110"/>
    <s v="N"/>
    <s v="MACSS Dist Billed Revenue-03"/>
    <s v=""/>
    <x v="0"/>
    <s v="CAD0330210"/>
    <s v="S"/>
    <s v="KY"/>
    <s v="REV"/>
    <s v="974"/>
    <s v="GLBATCH"/>
    <n v="2"/>
    <n v="2017"/>
  </r>
  <r>
    <s v="110"/>
    <d v="2017-02-15T00:00:00"/>
    <x v="1"/>
    <x v="0"/>
    <s v="10828"/>
    <s v="GLNANDA"/>
    <n v="0"/>
    <n v="1872"/>
    <s v="Billed Revenues"/>
    <s v="EXV"/>
    <s v="NONBU"/>
    <s v="G0000110"/>
    <s v="N"/>
    <s v="MACSS Dist Billed Revenue-03"/>
    <s v=""/>
    <x v="0"/>
    <s v="CAD0330210"/>
    <s v="S"/>
    <s v="KY"/>
    <s v="REV"/>
    <s v="974"/>
    <s v="GLBATCH"/>
    <n v="2"/>
    <n v="2017"/>
  </r>
  <r>
    <s v="110"/>
    <d v="2017-02-15T00:00:00"/>
    <x v="5"/>
    <x v="0"/>
    <s v="10828"/>
    <s v="GLNANDA"/>
    <n v="0"/>
    <n v="180"/>
    <s v="Billed Revenues"/>
    <s v="EXV"/>
    <s v="NONBU"/>
    <s v="G0000110"/>
    <s v="N"/>
    <s v="MACSS Dist Billed Revenue-03"/>
    <s v=""/>
    <x v="0"/>
    <s v="CAD0330210"/>
    <s v="S"/>
    <s v="KY"/>
    <s v="REV"/>
    <s v="974"/>
    <s v="GLBATCH"/>
    <n v="2"/>
    <n v="2017"/>
  </r>
  <r>
    <s v="110"/>
    <d v="2017-02-15T00:00:00"/>
    <x v="7"/>
    <x v="0"/>
    <s v="10828"/>
    <s v="GLNANDA"/>
    <n v="-79575.64"/>
    <n v="-663171"/>
    <s v="Billed Revenues"/>
    <s v="EXV"/>
    <s v="NONBU"/>
    <s v="G0000110"/>
    <s v="N"/>
    <s v="MACSS Dist Billed Revenue-03"/>
    <s v=""/>
    <x v="0"/>
    <s v="CAD0330213"/>
    <s v="S"/>
    <s v="KY"/>
    <s v="REV"/>
    <s v="974"/>
    <s v="GLBATCH"/>
    <n v="2"/>
    <n v="2017"/>
  </r>
  <r>
    <s v="110"/>
    <d v="2017-02-15T00:00:00"/>
    <x v="1"/>
    <x v="0"/>
    <s v="10828"/>
    <s v="GLNANDA"/>
    <n v="0"/>
    <n v="2574"/>
    <s v="Billed Revenues"/>
    <s v="EXV"/>
    <s v="NONBU"/>
    <s v="G0000110"/>
    <s v="N"/>
    <s v="MACSS Dist Billed Revenue-03"/>
    <s v=""/>
    <x v="0"/>
    <s v="CAD0330213"/>
    <s v="S"/>
    <s v="KY"/>
    <s v="REV"/>
    <s v="974"/>
    <s v="GLBATCH"/>
    <n v="2"/>
    <n v="2017"/>
  </r>
  <r>
    <s v="110"/>
    <d v="2017-02-15T00:00:00"/>
    <x v="2"/>
    <x v="0"/>
    <s v="10828"/>
    <s v="GLNANDA"/>
    <n v="-549693.67000000004"/>
    <n v="-4242086"/>
    <s v="Billed Revenues"/>
    <s v="EXV"/>
    <s v="NONBU"/>
    <s v="G0000110"/>
    <s v="N"/>
    <s v="MACSS Dist Billed Revenue-03"/>
    <s v=""/>
    <x v="0"/>
    <s v="CAD0330213"/>
    <s v="S"/>
    <s v="KY"/>
    <s v="REV"/>
    <s v="974"/>
    <s v="GLBATCH"/>
    <n v="2"/>
    <n v="2017"/>
  </r>
  <r>
    <s v="110"/>
    <d v="2017-02-15T00:00:00"/>
    <x v="2"/>
    <x v="0"/>
    <s v="10828"/>
    <s v="GLNANDA"/>
    <n v="0"/>
    <n v="1328"/>
    <s v="Billed Revenues"/>
    <s v="EXV"/>
    <s v="NONBU"/>
    <s v="G0000110"/>
    <s v="N"/>
    <s v="MACSS Dist Billed Revenue-03"/>
    <s v=""/>
    <x v="0"/>
    <s v="CAD0330213"/>
    <s v="S"/>
    <s v="KY"/>
    <s v="REV"/>
    <s v="974"/>
    <s v="GLBATCH"/>
    <n v="2"/>
    <n v="2017"/>
  </r>
  <r>
    <s v="110"/>
    <d v="2017-02-15T00:00:00"/>
    <x v="4"/>
    <x v="0"/>
    <s v="10828"/>
    <s v="GLNANDA"/>
    <n v="0"/>
    <n v="4584"/>
    <s v="Billed Revenues"/>
    <s v="EXV"/>
    <s v="NONBU"/>
    <s v="G0000110"/>
    <s v="N"/>
    <s v="MACSS Dist Billed Revenue-03"/>
    <s v=""/>
    <x v="0"/>
    <s v="CAD0330213"/>
    <s v="S"/>
    <s v="KY"/>
    <s v="REV"/>
    <s v="974"/>
    <s v="GLBATCH"/>
    <n v="2"/>
    <n v="2017"/>
  </r>
  <r>
    <s v="110"/>
    <d v="2017-02-15T00:00:00"/>
    <x v="6"/>
    <x v="0"/>
    <s v="10828"/>
    <s v="GLNANDA"/>
    <n v="0"/>
    <n v="19"/>
    <s v="Billed Revenues"/>
    <s v="EXV"/>
    <s v="NONBU"/>
    <s v="G0000110"/>
    <s v="N"/>
    <s v="MACSS Dist Billed Revenue-03"/>
    <s v=""/>
    <x v="0"/>
    <s v="CAD0330213"/>
    <s v="S"/>
    <s v="KY"/>
    <s v="REV"/>
    <s v="974"/>
    <s v="GLBATCH"/>
    <n v="2"/>
    <n v="2017"/>
  </r>
  <r>
    <s v="110"/>
    <d v="2017-02-15T00:00:00"/>
    <x v="6"/>
    <x v="0"/>
    <s v="10828"/>
    <s v="GLNANDA"/>
    <n v="-1444.75"/>
    <n v="-8104"/>
    <s v="Billed Revenues"/>
    <s v="EXV"/>
    <s v="NONBU"/>
    <s v="G0000110"/>
    <s v="N"/>
    <s v="MACSS Dist Billed Revenue-03"/>
    <s v=""/>
    <x v="0"/>
    <s v="CAD0330213"/>
    <s v="S"/>
    <s v="KY"/>
    <s v="REV"/>
    <s v="974"/>
    <s v="GLBATCH"/>
    <n v="2"/>
    <n v="2017"/>
  </r>
  <r>
    <s v="110"/>
    <d v="2017-02-15T00:00:00"/>
    <x v="4"/>
    <x v="0"/>
    <s v="10828"/>
    <s v="GLNANDA"/>
    <n v="-821902.37"/>
    <n v="-6922395"/>
    <s v="Billed Revenues"/>
    <s v="EXV"/>
    <s v="NONBU"/>
    <s v="G0000110"/>
    <s v="N"/>
    <s v="MACSS Dist Billed Revenue-03"/>
    <s v=""/>
    <x v="0"/>
    <s v="CAD0330213"/>
    <s v="S"/>
    <s v="KY"/>
    <s v="REV"/>
    <s v="974"/>
    <s v="GLBATCH"/>
    <n v="2"/>
    <n v="2017"/>
  </r>
  <r>
    <s v="110"/>
    <d v="2017-02-15T00:00:00"/>
    <x v="1"/>
    <x v="0"/>
    <s v="10828"/>
    <s v="GLNANDA"/>
    <n v="-333618.45"/>
    <n v="-2706507"/>
    <s v="Billed Revenues"/>
    <s v="EXV"/>
    <s v="NONBU"/>
    <s v="G0000110"/>
    <s v="N"/>
    <s v="MACSS Dist Billed Revenue-03"/>
    <s v=""/>
    <x v="0"/>
    <s v="CAD0330213"/>
    <s v="S"/>
    <s v="KY"/>
    <s v="REV"/>
    <s v="974"/>
    <s v="GLBATCH"/>
    <n v="2"/>
    <n v="2017"/>
  </r>
  <r>
    <s v="110"/>
    <d v="2017-02-15T00:00:00"/>
    <x v="7"/>
    <x v="0"/>
    <s v="10828"/>
    <s v="GLNANDA"/>
    <n v="0"/>
    <n v="38"/>
    <s v="Billed Revenues"/>
    <s v="EXV"/>
    <s v="NONBU"/>
    <s v="G0000110"/>
    <s v="N"/>
    <s v="MACSS Dist Billed Revenue-03"/>
    <s v=""/>
    <x v="0"/>
    <s v="CAD0330213"/>
    <s v="S"/>
    <s v="KY"/>
    <s v="REV"/>
    <s v="974"/>
    <s v="GLBATCH"/>
    <n v="2"/>
    <n v="2017"/>
  </r>
  <r>
    <s v="110"/>
    <d v="2017-02-15T00:00:00"/>
    <x v="5"/>
    <x v="0"/>
    <s v="10828"/>
    <s v="GLNANDA"/>
    <n v="0"/>
    <n v="192"/>
    <s v="Billed Revenues"/>
    <s v="EXV"/>
    <s v="NONBU"/>
    <s v="G0000110"/>
    <s v="N"/>
    <s v="MACSS Dist Billed Revenue-03"/>
    <s v=""/>
    <x v="0"/>
    <s v="CAD0330213"/>
    <s v="S"/>
    <s v="KY"/>
    <s v="REV"/>
    <s v="974"/>
    <s v="GLBATCH"/>
    <n v="2"/>
    <n v="2017"/>
  </r>
  <r>
    <s v="110"/>
    <d v="2017-02-15T00:00:00"/>
    <x v="5"/>
    <x v="0"/>
    <s v="10828"/>
    <s v="GLNANDA"/>
    <n v="-160769.35"/>
    <n v="-1418561"/>
    <s v="Billed Revenues"/>
    <s v="EXV"/>
    <s v="NONBU"/>
    <s v="G0000110"/>
    <s v="N"/>
    <s v="MACSS Dist Billed Revenue-03"/>
    <s v=""/>
    <x v="0"/>
    <s v="CAD0330213"/>
    <s v="S"/>
    <s v="KY"/>
    <s v="REV"/>
    <s v="974"/>
    <s v="GLBATCH"/>
    <n v="2"/>
    <n v="2017"/>
  </r>
  <r>
    <s v="110"/>
    <d v="2017-02-15T00:00:00"/>
    <x v="0"/>
    <x v="0"/>
    <s v="10828"/>
    <s v="GLNANDA"/>
    <n v="-1152932.94"/>
    <n v="-19792446"/>
    <s v="Billed Revenues"/>
    <s v="EXV"/>
    <s v="NONBU"/>
    <s v="G0000110"/>
    <s v="N"/>
    <s v="MACSS Dist Billed Revenue-03"/>
    <s v=""/>
    <x v="0"/>
    <s v="CAD0330213"/>
    <s v="S"/>
    <s v="KY"/>
    <s v="REV"/>
    <s v="974"/>
    <s v="GLBATCH"/>
    <n v="2"/>
    <n v="2017"/>
  </r>
  <r>
    <s v="110"/>
    <d v="2017-02-15T00:00:00"/>
    <x v="0"/>
    <x v="0"/>
    <s v="10828"/>
    <s v="GLNANDA"/>
    <n v="0"/>
    <n v="22"/>
    <s v="Billed Revenues"/>
    <s v="EXV"/>
    <s v="NONBU"/>
    <s v="G0000110"/>
    <s v="N"/>
    <s v="MACSS Dist Billed Revenue-03"/>
    <s v=""/>
    <x v="0"/>
    <s v="CAD0330213"/>
    <s v="S"/>
    <s v="KY"/>
    <s v="REV"/>
    <s v="974"/>
    <s v="GLBATCH"/>
    <n v="2"/>
    <n v="2017"/>
  </r>
  <r>
    <s v="110"/>
    <d v="2017-02-15T00:00:00"/>
    <x v="3"/>
    <x v="0"/>
    <s v="10828"/>
    <s v="GLNANDA"/>
    <n v="-39501.49"/>
    <n v="-342300"/>
    <s v="Billed Revenues"/>
    <s v="EXV"/>
    <s v="NONBU"/>
    <s v="G0000110"/>
    <s v="N"/>
    <s v="MACSS Dist Billed Revenue-03"/>
    <s v=""/>
    <x v="0"/>
    <s v="CAD0330213"/>
    <s v="S"/>
    <s v="KY"/>
    <s v="REV"/>
    <s v="974"/>
    <s v="GLBATCH"/>
    <n v="2"/>
    <n v="2017"/>
  </r>
  <r>
    <s v="110"/>
    <d v="2017-02-15T00:00:00"/>
    <x v="3"/>
    <x v="0"/>
    <s v="10828"/>
    <s v="GLNANDA"/>
    <n v="0"/>
    <n v="2"/>
    <s v="Billed Revenues"/>
    <s v="EXV"/>
    <s v="NONBU"/>
    <s v="G0000110"/>
    <s v="N"/>
    <s v="MACSS Dist Billed Revenue-03"/>
    <s v=""/>
    <x v="0"/>
    <s v="CAD0330213"/>
    <s v="S"/>
    <s v="KY"/>
    <s v="REV"/>
    <s v="974"/>
    <s v="GLBATCH"/>
    <n v="2"/>
    <n v="2017"/>
  </r>
  <r>
    <s v="110"/>
    <d v="2017-02-15T00:00:00"/>
    <x v="2"/>
    <x v="0"/>
    <s v="10828"/>
    <s v="GLNANDA"/>
    <n v="-802496.08"/>
    <n v="-6460055"/>
    <s v="Billed Revenues"/>
    <s v="EXV"/>
    <s v="NONBU"/>
    <s v="G0000110"/>
    <s v="N"/>
    <s v="MACSS Dist Billed Revenue-03"/>
    <s v=""/>
    <x v="0"/>
    <s v="CAD0330214"/>
    <s v="S"/>
    <s v="KY"/>
    <s v="REV"/>
    <s v="974"/>
    <s v="GLBATCH"/>
    <n v="2"/>
    <n v="2017"/>
  </r>
  <r>
    <s v="110"/>
    <d v="2017-02-15T00:00:00"/>
    <x v="1"/>
    <x v="0"/>
    <s v="10828"/>
    <s v="GLNANDA"/>
    <n v="-298769.31"/>
    <n v="-2425117"/>
    <s v="Billed Revenues"/>
    <s v="EXV"/>
    <s v="NONBU"/>
    <s v="G0000110"/>
    <s v="N"/>
    <s v="MACSS Dist Billed Revenue-03"/>
    <s v=""/>
    <x v="0"/>
    <s v="CAD0330214"/>
    <s v="S"/>
    <s v="KY"/>
    <s v="REV"/>
    <s v="974"/>
    <s v="GLBATCH"/>
    <n v="2"/>
    <n v="2017"/>
  </r>
  <r>
    <s v="110"/>
    <d v="2017-02-15T00:00:00"/>
    <x v="5"/>
    <x v="0"/>
    <s v="10828"/>
    <s v="GLNANDA"/>
    <n v="0"/>
    <n v="223"/>
    <s v="Billed Revenues"/>
    <s v="EXV"/>
    <s v="NONBU"/>
    <s v="G0000110"/>
    <s v="N"/>
    <s v="MACSS Dist Billed Revenue-03"/>
    <s v=""/>
    <x v="0"/>
    <s v="CAD0330214"/>
    <s v="S"/>
    <s v="KY"/>
    <s v="REV"/>
    <s v="974"/>
    <s v="GLBATCH"/>
    <n v="2"/>
    <n v="2017"/>
  </r>
  <r>
    <s v="110"/>
    <d v="2017-02-15T00:00:00"/>
    <x v="5"/>
    <x v="0"/>
    <s v="10828"/>
    <s v="GLNANDA"/>
    <n v="-153759.18"/>
    <n v="-1263387"/>
    <s v="Billed Revenues"/>
    <s v="EXV"/>
    <s v="NONBU"/>
    <s v="G0000110"/>
    <s v="N"/>
    <s v="MACSS Dist Billed Revenue-03"/>
    <s v=""/>
    <x v="0"/>
    <s v="CAD0330214"/>
    <s v="S"/>
    <s v="KY"/>
    <s v="REV"/>
    <s v="974"/>
    <s v="GLBATCH"/>
    <n v="2"/>
    <n v="2017"/>
  </r>
  <r>
    <s v="110"/>
    <d v="2017-02-15T00:00:00"/>
    <x v="0"/>
    <x v="0"/>
    <s v="10828"/>
    <s v="GLNANDA"/>
    <n v="0"/>
    <n v="32"/>
    <s v="Billed Revenues"/>
    <s v="EXV"/>
    <s v="NONBU"/>
    <s v="G0000110"/>
    <s v="N"/>
    <s v="MACSS Dist Billed Revenue-03"/>
    <s v=""/>
    <x v="0"/>
    <s v="CAD0330214"/>
    <s v="S"/>
    <s v="KY"/>
    <s v="REV"/>
    <s v="974"/>
    <s v="GLBATCH"/>
    <n v="2"/>
    <n v="2017"/>
  </r>
  <r>
    <s v="110"/>
    <d v="2017-02-15T00:00:00"/>
    <x v="0"/>
    <x v="0"/>
    <s v="10828"/>
    <s v="GLNANDA"/>
    <n v="-42233.4"/>
    <n v="-564953"/>
    <s v="Billed Revenues"/>
    <s v="EXV"/>
    <s v="NONBU"/>
    <s v="G0000110"/>
    <s v="N"/>
    <s v="MACSS Dist Billed Revenue-03"/>
    <s v=""/>
    <x v="0"/>
    <s v="CAD0330214"/>
    <s v="S"/>
    <s v="KY"/>
    <s v="REV"/>
    <s v="974"/>
    <s v="GLBATCH"/>
    <n v="2"/>
    <n v="2017"/>
  </r>
  <r>
    <s v="110"/>
    <d v="2017-02-15T00:00:00"/>
    <x v="7"/>
    <x v="0"/>
    <s v="10828"/>
    <s v="GLNANDA"/>
    <n v="0"/>
    <n v="48"/>
    <s v="Billed Revenues"/>
    <s v="EXV"/>
    <s v="NONBU"/>
    <s v="G0000110"/>
    <s v="N"/>
    <s v="MACSS Dist Billed Revenue-03"/>
    <s v=""/>
    <x v="0"/>
    <s v="CAD0330214"/>
    <s v="S"/>
    <s v="KY"/>
    <s v="REV"/>
    <s v="974"/>
    <s v="GLBATCH"/>
    <n v="2"/>
    <n v="2017"/>
  </r>
  <r>
    <s v="110"/>
    <d v="2017-02-15T00:00:00"/>
    <x v="7"/>
    <x v="0"/>
    <s v="10828"/>
    <s v="GLNANDA"/>
    <n v="-127073.51"/>
    <n v="-1075287"/>
    <s v="Billed Revenues"/>
    <s v="EXV"/>
    <s v="NONBU"/>
    <s v="G0000110"/>
    <s v="N"/>
    <s v="MACSS Dist Billed Revenue-03"/>
    <s v=""/>
    <x v="0"/>
    <s v="CAD0330214"/>
    <s v="S"/>
    <s v="KY"/>
    <s v="REV"/>
    <s v="974"/>
    <s v="GLBATCH"/>
    <n v="2"/>
    <n v="2017"/>
  </r>
  <r>
    <s v="110"/>
    <d v="2017-02-15T00:00:00"/>
    <x v="4"/>
    <x v="0"/>
    <s v="10828"/>
    <s v="GLNANDA"/>
    <n v="-936751.19"/>
    <n v="-7937160"/>
    <s v="Billed Revenues"/>
    <s v="EXV"/>
    <s v="NONBU"/>
    <s v="G0000110"/>
    <s v="N"/>
    <s v="MACSS Dist Billed Revenue-03"/>
    <s v=""/>
    <x v="0"/>
    <s v="CAD0330214"/>
    <s v="S"/>
    <s v="KY"/>
    <s v="REV"/>
    <s v="974"/>
    <s v="GLBATCH"/>
    <n v="2"/>
    <n v="2017"/>
  </r>
  <r>
    <s v="110"/>
    <d v="2017-02-15T00:00:00"/>
    <x v="4"/>
    <x v="0"/>
    <s v="10828"/>
    <s v="GLNANDA"/>
    <n v="0"/>
    <n v="4984"/>
    <s v="Billed Revenues"/>
    <s v="EXV"/>
    <s v="NONBU"/>
    <s v="G0000110"/>
    <s v="N"/>
    <s v="MACSS Dist Billed Revenue-03"/>
    <s v=""/>
    <x v="0"/>
    <s v="CAD0330214"/>
    <s v="S"/>
    <s v="KY"/>
    <s v="REV"/>
    <s v="974"/>
    <s v="GLBATCH"/>
    <n v="2"/>
    <n v="2017"/>
  </r>
  <r>
    <s v="110"/>
    <d v="2017-02-15T00:00:00"/>
    <x v="3"/>
    <x v="0"/>
    <s v="10828"/>
    <s v="GLNANDA"/>
    <n v="-4699.74"/>
    <n v="-36657"/>
    <s v="Billed Revenues"/>
    <s v="EXV"/>
    <s v="NONBU"/>
    <s v="G0000110"/>
    <s v="N"/>
    <s v="MACSS Dist Billed Revenue-03"/>
    <s v=""/>
    <x v="0"/>
    <s v="CAD0330214"/>
    <s v="S"/>
    <s v="KY"/>
    <s v="REV"/>
    <s v="974"/>
    <s v="GLBATCH"/>
    <n v="2"/>
    <n v="2017"/>
  </r>
  <r>
    <s v="110"/>
    <d v="2017-02-15T00:00:00"/>
    <x v="3"/>
    <x v="0"/>
    <s v="10828"/>
    <s v="GLNANDA"/>
    <n v="0"/>
    <n v="5"/>
    <s v="Billed Revenues"/>
    <s v="EXV"/>
    <s v="NONBU"/>
    <s v="G0000110"/>
    <s v="N"/>
    <s v="MACSS Dist Billed Revenue-03"/>
    <s v=""/>
    <x v="0"/>
    <s v="CAD0330214"/>
    <s v="S"/>
    <s v="KY"/>
    <s v="REV"/>
    <s v="974"/>
    <s v="GLBATCH"/>
    <n v="2"/>
    <n v="2017"/>
  </r>
  <r>
    <s v="110"/>
    <d v="2017-02-15T00:00:00"/>
    <x v="6"/>
    <x v="0"/>
    <s v="10828"/>
    <s v="GLNANDA"/>
    <n v="-3834.68"/>
    <n v="-25558"/>
    <s v="Billed Revenues"/>
    <s v="EXV"/>
    <s v="NONBU"/>
    <s v="G0000110"/>
    <s v="N"/>
    <s v="MACSS Dist Billed Revenue-03"/>
    <s v=""/>
    <x v="0"/>
    <s v="CAD0330214"/>
    <s v="S"/>
    <s v="KY"/>
    <s v="REV"/>
    <s v="974"/>
    <s v="GLBATCH"/>
    <n v="2"/>
    <n v="2017"/>
  </r>
  <r>
    <s v="110"/>
    <d v="2017-02-15T00:00:00"/>
    <x v="6"/>
    <x v="0"/>
    <s v="10828"/>
    <s v="GLNANDA"/>
    <n v="0"/>
    <n v="11"/>
    <s v="Billed Revenues"/>
    <s v="EXV"/>
    <s v="NONBU"/>
    <s v="G0000110"/>
    <s v="N"/>
    <s v="MACSS Dist Billed Revenue-03"/>
    <s v=""/>
    <x v="0"/>
    <s v="CAD0330214"/>
    <s v="S"/>
    <s v="KY"/>
    <s v="REV"/>
    <s v="974"/>
    <s v="GLBATCH"/>
    <n v="2"/>
    <n v="2017"/>
  </r>
  <r>
    <s v="110"/>
    <d v="2017-02-15T00:00:00"/>
    <x v="1"/>
    <x v="0"/>
    <s v="10828"/>
    <s v="GLNANDA"/>
    <n v="0"/>
    <n v="2265"/>
    <s v="Billed Revenues"/>
    <s v="EXV"/>
    <s v="NONBU"/>
    <s v="G0000110"/>
    <s v="N"/>
    <s v="MACSS Dist Billed Revenue-03"/>
    <s v=""/>
    <x v="0"/>
    <s v="CAD0330214"/>
    <s v="S"/>
    <s v="KY"/>
    <s v="REV"/>
    <s v="974"/>
    <s v="GLBATCH"/>
    <n v="2"/>
    <n v="2017"/>
  </r>
  <r>
    <s v="110"/>
    <d v="2017-02-15T00:00:00"/>
    <x v="2"/>
    <x v="0"/>
    <s v="10828"/>
    <s v="GLNANDA"/>
    <n v="0"/>
    <n v="1798"/>
    <s v="Billed Revenues"/>
    <s v="EXV"/>
    <s v="NONBU"/>
    <s v="G0000110"/>
    <s v="N"/>
    <s v="MACSS Dist Billed Revenue-03"/>
    <s v=""/>
    <x v="0"/>
    <s v="CAD0330214"/>
    <s v="S"/>
    <s v="KY"/>
    <s v="REV"/>
    <s v="974"/>
    <s v="GLBATCH"/>
    <n v="2"/>
    <n v="2017"/>
  </r>
  <r>
    <s v="110"/>
    <d v="2017-02-15T00:00:00"/>
    <x v="5"/>
    <x v="0"/>
    <s v="10828"/>
    <s v="GLNANDA"/>
    <n v="0"/>
    <n v="99"/>
    <s v="Billed Revenues"/>
    <s v="EXV"/>
    <s v="NONBU"/>
    <s v="G0000110"/>
    <s v="N"/>
    <s v="MACSS Dist Billed Revenue-03"/>
    <s v=""/>
    <x v="0"/>
    <s v="CAD0330215"/>
    <s v="S"/>
    <s v="KY"/>
    <s v="REV"/>
    <s v="974"/>
    <s v="GLBATCH"/>
    <n v="2"/>
    <n v="2017"/>
  </r>
  <r>
    <s v="110"/>
    <d v="2017-02-15T00:00:00"/>
    <x v="6"/>
    <x v="0"/>
    <s v="10828"/>
    <s v="GLNANDA"/>
    <n v="-827.21"/>
    <n v="-3910"/>
    <s v="Billed Revenues"/>
    <s v="EXV"/>
    <s v="NONBU"/>
    <s v="G0000110"/>
    <s v="N"/>
    <s v="MACSS Dist Billed Revenue-03"/>
    <s v=""/>
    <x v="0"/>
    <s v="CAD0330215"/>
    <s v="S"/>
    <s v="KY"/>
    <s v="REV"/>
    <s v="974"/>
    <s v="GLBATCH"/>
    <n v="2"/>
    <n v="2017"/>
  </r>
  <r>
    <s v="110"/>
    <d v="2017-02-15T00:00:00"/>
    <x v="6"/>
    <x v="0"/>
    <s v="10828"/>
    <s v="GLNANDA"/>
    <n v="0"/>
    <n v="17"/>
    <s v="Billed Revenues"/>
    <s v="EXV"/>
    <s v="NONBU"/>
    <s v="G0000110"/>
    <s v="N"/>
    <s v="MACSS Dist Billed Revenue-03"/>
    <s v=""/>
    <x v="0"/>
    <s v="CAD0330215"/>
    <s v="S"/>
    <s v="KY"/>
    <s v="REV"/>
    <s v="974"/>
    <s v="GLBATCH"/>
    <n v="2"/>
    <n v="2017"/>
  </r>
  <r>
    <s v="110"/>
    <d v="2017-02-15T00:00:00"/>
    <x v="7"/>
    <x v="0"/>
    <s v="10828"/>
    <s v="GLNANDA"/>
    <n v="-110793.72"/>
    <n v="-1010251"/>
    <s v="Billed Revenues"/>
    <s v="EXV"/>
    <s v="NONBU"/>
    <s v="G0000110"/>
    <s v="N"/>
    <s v="MACSS Dist Billed Revenue-03"/>
    <s v=""/>
    <x v="0"/>
    <s v="CAD0330215"/>
    <s v="S"/>
    <s v="KY"/>
    <s v="REV"/>
    <s v="974"/>
    <s v="GLBATCH"/>
    <n v="2"/>
    <n v="2017"/>
  </r>
  <r>
    <s v="110"/>
    <d v="2017-02-15T00:00:00"/>
    <x v="7"/>
    <x v="0"/>
    <s v="10828"/>
    <s v="GLNANDA"/>
    <n v="0"/>
    <n v="34"/>
    <s v="Billed Revenues"/>
    <s v="EXV"/>
    <s v="NONBU"/>
    <s v="G0000110"/>
    <s v="N"/>
    <s v="MACSS Dist Billed Revenue-03"/>
    <s v=""/>
    <x v="0"/>
    <s v="CAD0330215"/>
    <s v="S"/>
    <s v="KY"/>
    <s v="REV"/>
    <s v="974"/>
    <s v="GLBATCH"/>
    <n v="2"/>
    <n v="2017"/>
  </r>
  <r>
    <s v="110"/>
    <d v="2017-02-15T00:00:00"/>
    <x v="0"/>
    <x v="0"/>
    <s v="10828"/>
    <s v="GLNANDA"/>
    <n v="-34597.03"/>
    <n v="-251493"/>
    <s v="Billed Revenues"/>
    <s v="EXV"/>
    <s v="NONBU"/>
    <s v="G0000110"/>
    <s v="N"/>
    <s v="MACSS Dist Billed Revenue-03"/>
    <s v=""/>
    <x v="0"/>
    <s v="CAD0330215"/>
    <s v="S"/>
    <s v="KY"/>
    <s v="REV"/>
    <s v="974"/>
    <s v="GLBATCH"/>
    <n v="2"/>
    <n v="2017"/>
  </r>
  <r>
    <s v="110"/>
    <d v="2017-02-15T00:00:00"/>
    <x v="0"/>
    <x v="0"/>
    <s v="10828"/>
    <s v="GLNANDA"/>
    <n v="0"/>
    <n v="28"/>
    <s v="Billed Revenues"/>
    <s v="EXV"/>
    <s v="NONBU"/>
    <s v="G0000110"/>
    <s v="N"/>
    <s v="MACSS Dist Billed Revenue-03"/>
    <s v=""/>
    <x v="0"/>
    <s v="CAD0330215"/>
    <s v="S"/>
    <s v="KY"/>
    <s v="REV"/>
    <s v="974"/>
    <s v="GLBATCH"/>
    <n v="2"/>
    <n v="2017"/>
  </r>
  <r>
    <s v="110"/>
    <d v="2017-02-15T00:00:00"/>
    <x v="5"/>
    <x v="0"/>
    <s v="10828"/>
    <s v="GLNANDA"/>
    <n v="-49261.46"/>
    <n v="-388086"/>
    <s v="Billed Revenues"/>
    <s v="EXV"/>
    <s v="NONBU"/>
    <s v="G0000110"/>
    <s v="N"/>
    <s v="MACSS Dist Billed Revenue-03"/>
    <s v=""/>
    <x v="0"/>
    <s v="CAD0330215"/>
    <s v="S"/>
    <s v="KY"/>
    <s v="REV"/>
    <s v="974"/>
    <s v="GLBATCH"/>
    <n v="2"/>
    <n v="2017"/>
  </r>
  <r>
    <s v="110"/>
    <d v="2017-02-15T00:00:00"/>
    <x v="3"/>
    <x v="0"/>
    <s v="10828"/>
    <s v="GLNANDA"/>
    <n v="0"/>
    <n v="9"/>
    <s v="Billed Revenues"/>
    <s v="EXV"/>
    <s v="NONBU"/>
    <s v="G0000110"/>
    <s v="N"/>
    <s v="MACSS Dist Billed Revenue-03"/>
    <s v=""/>
    <x v="0"/>
    <s v="CAD0330215"/>
    <s v="S"/>
    <s v="KY"/>
    <s v="REV"/>
    <s v="974"/>
    <s v="GLBATCH"/>
    <n v="2"/>
    <n v="2017"/>
  </r>
  <r>
    <s v="110"/>
    <d v="2017-02-15T00:00:00"/>
    <x v="2"/>
    <x v="0"/>
    <s v="10828"/>
    <s v="GLNANDA"/>
    <n v="-581591.06999999995"/>
    <n v="-5406308"/>
    <s v="Billed Revenues"/>
    <s v="EXV"/>
    <s v="NONBU"/>
    <s v="G0000110"/>
    <s v="N"/>
    <s v="MACSS Dist Billed Revenue-03"/>
    <s v=""/>
    <x v="0"/>
    <s v="CAD0330215"/>
    <s v="S"/>
    <s v="KY"/>
    <s v="REV"/>
    <s v="974"/>
    <s v="GLBATCH"/>
    <n v="2"/>
    <n v="2017"/>
  </r>
  <r>
    <s v="110"/>
    <d v="2017-02-15T00:00:00"/>
    <x v="2"/>
    <x v="0"/>
    <s v="10828"/>
    <s v="GLNANDA"/>
    <n v="0"/>
    <n v="1311"/>
    <s v="Billed Revenues"/>
    <s v="EXV"/>
    <s v="NONBU"/>
    <s v="G0000110"/>
    <s v="N"/>
    <s v="MACSS Dist Billed Revenue-03"/>
    <s v=""/>
    <x v="0"/>
    <s v="CAD0330215"/>
    <s v="S"/>
    <s v="KY"/>
    <s v="REV"/>
    <s v="974"/>
    <s v="GLBATCH"/>
    <n v="2"/>
    <n v="2017"/>
  </r>
  <r>
    <s v="110"/>
    <d v="2017-02-15T00:00:00"/>
    <x v="1"/>
    <x v="0"/>
    <s v="10828"/>
    <s v="GLNANDA"/>
    <n v="-276452.15000000002"/>
    <n v="-2239444"/>
    <s v="Billed Revenues"/>
    <s v="EXV"/>
    <s v="NONBU"/>
    <s v="G0000110"/>
    <s v="N"/>
    <s v="MACSS Dist Billed Revenue-03"/>
    <s v=""/>
    <x v="0"/>
    <s v="CAD0330215"/>
    <s v="S"/>
    <s v="KY"/>
    <s v="REV"/>
    <s v="974"/>
    <s v="GLBATCH"/>
    <n v="2"/>
    <n v="2017"/>
  </r>
  <r>
    <s v="110"/>
    <d v="2017-02-15T00:00:00"/>
    <x v="1"/>
    <x v="0"/>
    <s v="10828"/>
    <s v="GLNANDA"/>
    <n v="0"/>
    <n v="2089"/>
    <s v="Billed Revenues"/>
    <s v="EXV"/>
    <s v="NONBU"/>
    <s v="G0000110"/>
    <s v="N"/>
    <s v="MACSS Dist Billed Revenue-03"/>
    <s v=""/>
    <x v="0"/>
    <s v="CAD0330215"/>
    <s v="S"/>
    <s v="KY"/>
    <s v="REV"/>
    <s v="974"/>
    <s v="GLBATCH"/>
    <n v="2"/>
    <n v="2017"/>
  </r>
  <r>
    <s v="110"/>
    <d v="2017-02-15T00:00:00"/>
    <x v="4"/>
    <x v="0"/>
    <s v="10828"/>
    <s v="GLNANDA"/>
    <n v="-817488.7"/>
    <n v="-6893569"/>
    <s v="Billed Revenues"/>
    <s v="EXV"/>
    <s v="NONBU"/>
    <s v="G0000110"/>
    <s v="N"/>
    <s v="MACSS Dist Billed Revenue-03"/>
    <s v=""/>
    <x v="0"/>
    <s v="CAD0330215"/>
    <s v="S"/>
    <s v="KY"/>
    <s v="REV"/>
    <s v="974"/>
    <s v="GLBATCH"/>
    <n v="2"/>
    <n v="2017"/>
  </r>
  <r>
    <s v="110"/>
    <d v="2017-02-15T00:00:00"/>
    <x v="4"/>
    <x v="0"/>
    <s v="10828"/>
    <s v="GLNANDA"/>
    <n v="0"/>
    <n v="4432"/>
    <s v="Billed Revenues"/>
    <s v="EXV"/>
    <s v="NONBU"/>
    <s v="G0000110"/>
    <s v="N"/>
    <s v="MACSS Dist Billed Revenue-03"/>
    <s v=""/>
    <x v="0"/>
    <s v="CAD0330215"/>
    <s v="S"/>
    <s v="KY"/>
    <s v="REV"/>
    <s v="974"/>
    <s v="GLBATCH"/>
    <n v="2"/>
    <n v="2017"/>
  </r>
  <r>
    <s v="110"/>
    <d v="2017-02-15T00:00:00"/>
    <x v="3"/>
    <x v="0"/>
    <s v="10828"/>
    <s v="GLNANDA"/>
    <n v="-85070.58"/>
    <n v="-1112945"/>
    <s v="Billed Revenues"/>
    <s v="EXV"/>
    <s v="NONBU"/>
    <s v="G0000110"/>
    <s v="N"/>
    <s v="MACSS Dist Billed Revenue-03"/>
    <s v=""/>
    <x v="0"/>
    <s v="CAD0330215"/>
    <s v="S"/>
    <s v="KY"/>
    <s v="REV"/>
    <s v="974"/>
    <s v="GLBATCH"/>
    <n v="2"/>
    <n v="2017"/>
  </r>
  <r>
    <s v="110"/>
    <d v="2017-02-15T00:00:00"/>
    <x v="1"/>
    <x v="0"/>
    <s v="10828"/>
    <s v="GLNANDA"/>
    <n v="0"/>
    <n v="2329"/>
    <s v="Billed Revenues"/>
    <s v="EXV"/>
    <s v="NONBU"/>
    <s v="G0000110"/>
    <s v="N"/>
    <s v="MACSS Dist Billed Revenue-03"/>
    <s v=""/>
    <x v="0"/>
    <s v="CAD0330216"/>
    <s v="S"/>
    <s v="KY"/>
    <s v="REV"/>
    <s v="974"/>
    <s v="GLBATCH"/>
    <n v="2"/>
    <n v="2017"/>
  </r>
  <r>
    <s v="110"/>
    <d v="2017-02-15T00:00:00"/>
    <x v="1"/>
    <x v="0"/>
    <s v="10828"/>
    <s v="GLNANDA"/>
    <n v="-282425.77"/>
    <n v="-2267274"/>
    <s v="Billed Revenues"/>
    <s v="EXV"/>
    <s v="NONBU"/>
    <s v="G0000110"/>
    <s v="N"/>
    <s v="MACSS Dist Billed Revenue-03"/>
    <s v=""/>
    <x v="0"/>
    <s v="CAD0330216"/>
    <s v="S"/>
    <s v="KY"/>
    <s v="REV"/>
    <s v="974"/>
    <s v="GLBATCH"/>
    <n v="2"/>
    <n v="2017"/>
  </r>
  <r>
    <s v="110"/>
    <d v="2017-02-15T00:00:00"/>
    <x v="4"/>
    <x v="0"/>
    <s v="10828"/>
    <s v="GLNANDA"/>
    <n v="0"/>
    <n v="3980"/>
    <s v="Billed Revenues"/>
    <s v="EXV"/>
    <s v="NONBU"/>
    <s v="G0000110"/>
    <s v="N"/>
    <s v="MACSS Dist Billed Revenue-03"/>
    <s v=""/>
    <x v="0"/>
    <s v="CAD0330216"/>
    <s v="S"/>
    <s v="KY"/>
    <s v="REV"/>
    <s v="974"/>
    <s v="GLBATCH"/>
    <n v="2"/>
    <n v="2017"/>
  </r>
  <r>
    <s v="110"/>
    <d v="2017-02-15T00:00:00"/>
    <x v="4"/>
    <x v="0"/>
    <s v="10828"/>
    <s v="GLNANDA"/>
    <n v="-782719.2"/>
    <n v="-6621531"/>
    <s v="Billed Revenues"/>
    <s v="EXV"/>
    <s v="NONBU"/>
    <s v="G0000110"/>
    <s v="N"/>
    <s v="MACSS Dist Billed Revenue-03"/>
    <s v=""/>
    <x v="0"/>
    <s v="CAD0330216"/>
    <s v="S"/>
    <s v="KY"/>
    <s v="REV"/>
    <s v="974"/>
    <s v="GLBATCH"/>
    <n v="2"/>
    <n v="2017"/>
  </r>
  <r>
    <s v="110"/>
    <d v="2017-02-15T00:00:00"/>
    <x v="2"/>
    <x v="0"/>
    <s v="10828"/>
    <s v="GLNANDA"/>
    <n v="0"/>
    <n v="1035"/>
    <s v="Billed Revenues"/>
    <s v="EXV"/>
    <s v="NONBU"/>
    <s v="G0000110"/>
    <s v="N"/>
    <s v="MACSS Dist Billed Revenue-03"/>
    <s v=""/>
    <x v="0"/>
    <s v="CAD0330216"/>
    <s v="S"/>
    <s v="KY"/>
    <s v="REV"/>
    <s v="974"/>
    <s v="GLBATCH"/>
    <n v="2"/>
    <n v="2017"/>
  </r>
  <r>
    <s v="110"/>
    <d v="2017-02-15T00:00:00"/>
    <x v="2"/>
    <x v="0"/>
    <s v="10828"/>
    <s v="GLNANDA"/>
    <n v="-178267.55"/>
    <n v="-1273096"/>
    <s v="Billed Revenues"/>
    <s v="EXV"/>
    <s v="NONBU"/>
    <s v="G0000110"/>
    <s v="N"/>
    <s v="MACSS Dist Billed Revenue-03"/>
    <s v=""/>
    <x v="0"/>
    <s v="CAD0330216"/>
    <s v="S"/>
    <s v="KY"/>
    <s v="REV"/>
    <s v="974"/>
    <s v="GLBATCH"/>
    <n v="2"/>
    <n v="2017"/>
  </r>
  <r>
    <s v="110"/>
    <d v="2017-02-15T00:00:00"/>
    <x v="3"/>
    <x v="0"/>
    <s v="10828"/>
    <s v="GLNANDA"/>
    <n v="0"/>
    <n v="9"/>
    <s v="Billed Revenues"/>
    <s v="EXV"/>
    <s v="NONBU"/>
    <s v="G0000110"/>
    <s v="N"/>
    <s v="MACSS Dist Billed Revenue-03"/>
    <s v=""/>
    <x v="0"/>
    <s v="CAD0330216"/>
    <s v="S"/>
    <s v="KY"/>
    <s v="REV"/>
    <s v="974"/>
    <s v="GLBATCH"/>
    <n v="2"/>
    <n v="2017"/>
  </r>
  <r>
    <s v="110"/>
    <d v="2017-02-15T00:00:00"/>
    <x v="3"/>
    <x v="0"/>
    <s v="10828"/>
    <s v="GLNANDA"/>
    <n v="-7676.12"/>
    <n v="-64631"/>
    <s v="Billed Revenues"/>
    <s v="EXV"/>
    <s v="NONBU"/>
    <s v="G0000110"/>
    <s v="N"/>
    <s v="MACSS Dist Billed Revenue-03"/>
    <s v=""/>
    <x v="0"/>
    <s v="CAD0330216"/>
    <s v="S"/>
    <s v="KY"/>
    <s v="REV"/>
    <s v="974"/>
    <s v="GLBATCH"/>
    <n v="2"/>
    <n v="2017"/>
  </r>
  <r>
    <s v="110"/>
    <d v="2017-02-15T00:00:00"/>
    <x v="0"/>
    <x v="0"/>
    <s v="10828"/>
    <s v="GLNANDA"/>
    <n v="0"/>
    <n v="22"/>
    <s v="Billed Revenues"/>
    <s v="EXV"/>
    <s v="NONBU"/>
    <s v="G0000110"/>
    <s v="N"/>
    <s v="MACSS Dist Billed Revenue-03"/>
    <s v=""/>
    <x v="0"/>
    <s v="CAD0330216"/>
    <s v="S"/>
    <s v="KY"/>
    <s v="REV"/>
    <s v="974"/>
    <s v="GLBATCH"/>
    <n v="2"/>
    <n v="2017"/>
  </r>
  <r>
    <s v="110"/>
    <d v="2017-02-15T00:00:00"/>
    <x v="0"/>
    <x v="0"/>
    <s v="10828"/>
    <s v="GLNANDA"/>
    <n v="-17535.490000000002"/>
    <n v="-109505"/>
    <s v="Billed Revenues"/>
    <s v="EXV"/>
    <s v="NONBU"/>
    <s v="G0000110"/>
    <s v="N"/>
    <s v="MACSS Dist Billed Revenue-03"/>
    <s v=""/>
    <x v="0"/>
    <s v="CAD0330216"/>
    <s v="S"/>
    <s v="KY"/>
    <s v="REV"/>
    <s v="974"/>
    <s v="GLBATCH"/>
    <n v="2"/>
    <n v="2017"/>
  </r>
  <r>
    <s v="110"/>
    <d v="2017-02-15T00:00:00"/>
    <x v="5"/>
    <x v="0"/>
    <s v="10828"/>
    <s v="GLNANDA"/>
    <n v="0"/>
    <n v="86"/>
    <s v="Billed Revenues"/>
    <s v="EXV"/>
    <s v="NONBU"/>
    <s v="G0000110"/>
    <s v="N"/>
    <s v="MACSS Dist Billed Revenue-03"/>
    <s v=""/>
    <x v="0"/>
    <s v="CAD0330216"/>
    <s v="S"/>
    <s v="KY"/>
    <s v="REV"/>
    <s v="974"/>
    <s v="GLBATCH"/>
    <n v="2"/>
    <n v="2017"/>
  </r>
  <r>
    <s v="110"/>
    <d v="2017-02-15T00:00:00"/>
    <x v="5"/>
    <x v="0"/>
    <s v="10828"/>
    <s v="GLNANDA"/>
    <n v="-44193.72"/>
    <n v="-352858"/>
    <s v="Billed Revenues"/>
    <s v="EXV"/>
    <s v="NONBU"/>
    <s v="G0000110"/>
    <s v="N"/>
    <s v="MACSS Dist Billed Revenue-03"/>
    <s v=""/>
    <x v="0"/>
    <s v="CAD0330216"/>
    <s v="S"/>
    <s v="KY"/>
    <s v="REV"/>
    <s v="974"/>
    <s v="GLBATCH"/>
    <n v="2"/>
    <n v="2017"/>
  </r>
  <r>
    <s v="110"/>
    <d v="2017-02-15T00:00:00"/>
    <x v="7"/>
    <x v="0"/>
    <s v="10828"/>
    <s v="GLNANDA"/>
    <n v="0"/>
    <n v="17"/>
    <s v="Billed Revenues"/>
    <s v="EXV"/>
    <s v="NONBU"/>
    <s v="G0000110"/>
    <s v="N"/>
    <s v="MACSS Dist Billed Revenue-03"/>
    <s v=""/>
    <x v="0"/>
    <s v="CAD0330216"/>
    <s v="S"/>
    <s v="KY"/>
    <s v="REV"/>
    <s v="974"/>
    <s v="GLBATCH"/>
    <n v="2"/>
    <n v="2017"/>
  </r>
  <r>
    <s v="110"/>
    <d v="2017-02-15T00:00:00"/>
    <x v="7"/>
    <x v="0"/>
    <s v="10828"/>
    <s v="GLNANDA"/>
    <n v="-31473.55"/>
    <n v="-291163"/>
    <s v="Billed Revenues"/>
    <s v="EXV"/>
    <s v="NONBU"/>
    <s v="G0000110"/>
    <s v="N"/>
    <s v="MACSS Dist Billed Revenue-03"/>
    <s v=""/>
    <x v="0"/>
    <s v="CAD0330216"/>
    <s v="S"/>
    <s v="KY"/>
    <s v="REV"/>
    <s v="974"/>
    <s v="GLBATCH"/>
    <n v="2"/>
    <n v="2017"/>
  </r>
  <r>
    <s v="110"/>
    <d v="2017-02-15T00:00:00"/>
    <x v="6"/>
    <x v="0"/>
    <s v="10828"/>
    <s v="GLNANDA"/>
    <n v="0"/>
    <n v="1"/>
    <s v="Billed Revenues"/>
    <s v="EXV"/>
    <s v="NONBU"/>
    <s v="G0000110"/>
    <s v="N"/>
    <s v="MACSS Dist Billed Revenue-03"/>
    <s v=""/>
    <x v="0"/>
    <s v="CAD0330216"/>
    <s v="S"/>
    <s v="KY"/>
    <s v="REV"/>
    <s v="974"/>
    <s v="GLBATCH"/>
    <n v="2"/>
    <n v="2017"/>
  </r>
  <r>
    <s v="110"/>
    <d v="2017-02-15T00:00:00"/>
    <x v="6"/>
    <x v="0"/>
    <s v="10828"/>
    <s v="GLNANDA"/>
    <n v="-78.900000000000006"/>
    <n v="-402"/>
    <s v="Billed Revenues"/>
    <s v="EXV"/>
    <s v="NONBU"/>
    <s v="G0000110"/>
    <s v="N"/>
    <s v="MACSS Dist Billed Revenue-03"/>
    <s v=""/>
    <x v="0"/>
    <s v="CAD0330216"/>
    <s v="S"/>
    <s v="KY"/>
    <s v="REV"/>
    <s v="974"/>
    <s v="GLBATCH"/>
    <n v="2"/>
    <n v="2017"/>
  </r>
  <r>
    <s v="110"/>
    <d v="2017-02-15T00:00:00"/>
    <x v="1"/>
    <x v="0"/>
    <s v="10828"/>
    <s v="GLNANDA"/>
    <n v="0"/>
    <n v="2331"/>
    <s v="Billed Revenues"/>
    <s v="EXV"/>
    <s v="NONBU"/>
    <s v="G0000110"/>
    <s v="N"/>
    <s v="MACSS Dist Billed Revenue-03"/>
    <s v=""/>
    <x v="0"/>
    <s v="CAD0330217"/>
    <s v="S"/>
    <s v="KY"/>
    <s v="REV"/>
    <s v="974"/>
    <s v="GLBATCH"/>
    <n v="2"/>
    <n v="2017"/>
  </r>
  <r>
    <s v="110"/>
    <d v="2017-02-15T00:00:00"/>
    <x v="5"/>
    <x v="0"/>
    <s v="10828"/>
    <s v="GLNANDA"/>
    <n v="-37985.81"/>
    <n v="-302774"/>
    <s v="Billed Revenues"/>
    <s v="EXV"/>
    <s v="NONBU"/>
    <s v="G0000110"/>
    <s v="N"/>
    <s v="MACSS Dist Billed Revenue-03"/>
    <s v=""/>
    <x v="0"/>
    <s v="CAD0330217"/>
    <s v="S"/>
    <s v="KY"/>
    <s v="REV"/>
    <s v="974"/>
    <s v="GLBATCH"/>
    <n v="2"/>
    <n v="2017"/>
  </r>
  <r>
    <s v="110"/>
    <d v="2017-02-15T00:00:00"/>
    <x v="4"/>
    <x v="0"/>
    <s v="10828"/>
    <s v="GLNANDA"/>
    <n v="0"/>
    <n v="3496"/>
    <s v="Billed Revenues"/>
    <s v="EXV"/>
    <s v="NONBU"/>
    <s v="G0000110"/>
    <s v="N"/>
    <s v="MACSS Dist Billed Revenue-03"/>
    <s v=""/>
    <x v="0"/>
    <s v="CAD0330217"/>
    <s v="S"/>
    <s v="KY"/>
    <s v="REV"/>
    <s v="974"/>
    <s v="GLBATCH"/>
    <n v="2"/>
    <n v="2017"/>
  </r>
  <r>
    <s v="110"/>
    <d v="2017-02-15T00:00:00"/>
    <x v="4"/>
    <x v="0"/>
    <s v="10828"/>
    <s v="GLNANDA"/>
    <n v="-697919.42"/>
    <n v="-5914052"/>
    <s v="Billed Revenues"/>
    <s v="EXV"/>
    <s v="NONBU"/>
    <s v="G0000110"/>
    <s v="N"/>
    <s v="MACSS Dist Billed Revenue-03"/>
    <s v=""/>
    <x v="0"/>
    <s v="CAD0330217"/>
    <s v="S"/>
    <s v="KY"/>
    <s v="REV"/>
    <s v="974"/>
    <s v="GLBATCH"/>
    <n v="2"/>
    <n v="2017"/>
  </r>
  <r>
    <s v="110"/>
    <d v="2017-02-15T00:00:00"/>
    <x v="0"/>
    <x v="0"/>
    <s v="10828"/>
    <s v="GLNANDA"/>
    <n v="0"/>
    <n v="48"/>
    <s v="Billed Revenues"/>
    <s v="EXV"/>
    <s v="NONBU"/>
    <s v="G0000110"/>
    <s v="N"/>
    <s v="MACSS Dist Billed Revenue-03"/>
    <s v=""/>
    <x v="0"/>
    <s v="CAD0330217"/>
    <s v="S"/>
    <s v="KY"/>
    <s v="REV"/>
    <s v="974"/>
    <s v="GLBATCH"/>
    <n v="2"/>
    <n v="2017"/>
  </r>
  <r>
    <s v="110"/>
    <d v="2017-02-15T00:00:00"/>
    <x v="0"/>
    <x v="0"/>
    <s v="10828"/>
    <s v="GLNANDA"/>
    <n v="-63773.63"/>
    <n v="-546483"/>
    <s v="Billed Revenues"/>
    <s v="EXV"/>
    <s v="NONBU"/>
    <s v="G0000110"/>
    <s v="N"/>
    <s v="MACSS Dist Billed Revenue-03"/>
    <s v=""/>
    <x v="0"/>
    <s v="CAD0330217"/>
    <s v="S"/>
    <s v="KY"/>
    <s v="REV"/>
    <s v="974"/>
    <s v="GLBATCH"/>
    <n v="2"/>
    <n v="2017"/>
  </r>
  <r>
    <s v="110"/>
    <d v="2017-02-15T00:00:00"/>
    <x v="2"/>
    <x v="0"/>
    <s v="10828"/>
    <s v="GLNANDA"/>
    <n v="0"/>
    <n v="960"/>
    <s v="Billed Revenues"/>
    <s v="EXV"/>
    <s v="NONBU"/>
    <s v="G0000110"/>
    <s v="N"/>
    <s v="MACSS Dist Billed Revenue-03"/>
    <s v=""/>
    <x v="0"/>
    <s v="CAD0330217"/>
    <s v="S"/>
    <s v="KY"/>
    <s v="REV"/>
    <s v="974"/>
    <s v="GLBATCH"/>
    <n v="2"/>
    <n v="2017"/>
  </r>
  <r>
    <s v="110"/>
    <d v="2017-02-15T00:00:00"/>
    <x v="2"/>
    <x v="0"/>
    <s v="10828"/>
    <s v="GLNANDA"/>
    <n v="-130939.82"/>
    <n v="-900165"/>
    <s v="Billed Revenues"/>
    <s v="EXV"/>
    <s v="NONBU"/>
    <s v="G0000110"/>
    <s v="N"/>
    <s v="MACSS Dist Billed Revenue-03"/>
    <s v=""/>
    <x v="0"/>
    <s v="CAD0330217"/>
    <s v="S"/>
    <s v="KY"/>
    <s v="REV"/>
    <s v="974"/>
    <s v="GLBATCH"/>
    <n v="2"/>
    <n v="2017"/>
  </r>
  <r>
    <s v="110"/>
    <d v="2017-02-15T00:00:00"/>
    <x v="3"/>
    <x v="0"/>
    <s v="10828"/>
    <s v="GLNANDA"/>
    <n v="0"/>
    <n v="12"/>
    <s v="Billed Revenues"/>
    <s v="EXV"/>
    <s v="NONBU"/>
    <s v="G0000110"/>
    <s v="N"/>
    <s v="MACSS Dist Billed Revenue-03"/>
    <s v=""/>
    <x v="0"/>
    <s v="CAD0330217"/>
    <s v="S"/>
    <s v="KY"/>
    <s v="REV"/>
    <s v="974"/>
    <s v="GLBATCH"/>
    <n v="2"/>
    <n v="2017"/>
  </r>
  <r>
    <s v="110"/>
    <d v="2017-02-15T00:00:00"/>
    <x v="3"/>
    <x v="0"/>
    <s v="10828"/>
    <s v="GLNANDA"/>
    <n v="-151516.42000000001"/>
    <n v="-1603486"/>
    <s v="Billed Revenues"/>
    <s v="EXV"/>
    <s v="NONBU"/>
    <s v="G0000110"/>
    <s v="N"/>
    <s v="MACSS Dist Billed Revenue-03"/>
    <s v=""/>
    <x v="0"/>
    <s v="CAD0330217"/>
    <s v="S"/>
    <s v="KY"/>
    <s v="REV"/>
    <s v="974"/>
    <s v="GLBATCH"/>
    <n v="2"/>
    <n v="2017"/>
  </r>
  <r>
    <s v="110"/>
    <d v="2017-02-15T00:00:00"/>
    <x v="7"/>
    <x v="0"/>
    <s v="10828"/>
    <s v="GLNANDA"/>
    <n v="0"/>
    <n v="17"/>
    <s v="Billed Revenues"/>
    <s v="EXV"/>
    <s v="NONBU"/>
    <s v="G0000110"/>
    <s v="N"/>
    <s v="MACSS Dist Billed Revenue-03"/>
    <s v=""/>
    <x v="0"/>
    <s v="CAD0330217"/>
    <s v="S"/>
    <s v="KY"/>
    <s v="REV"/>
    <s v="974"/>
    <s v="GLBATCH"/>
    <n v="2"/>
    <n v="2017"/>
  </r>
  <r>
    <s v="110"/>
    <d v="2017-02-15T00:00:00"/>
    <x v="7"/>
    <x v="0"/>
    <s v="10828"/>
    <s v="GLNANDA"/>
    <n v="-59198.07"/>
    <n v="-472389"/>
    <s v="Billed Revenues"/>
    <s v="EXV"/>
    <s v="NONBU"/>
    <s v="G0000110"/>
    <s v="N"/>
    <s v="MACSS Dist Billed Revenue-03"/>
    <s v=""/>
    <x v="0"/>
    <s v="CAD0330217"/>
    <s v="S"/>
    <s v="KY"/>
    <s v="REV"/>
    <s v="974"/>
    <s v="GLBATCH"/>
    <n v="2"/>
    <n v="2017"/>
  </r>
  <r>
    <s v="110"/>
    <d v="2017-02-15T00:00:00"/>
    <x v="6"/>
    <x v="0"/>
    <s v="10828"/>
    <s v="GLNANDA"/>
    <n v="0"/>
    <n v="7"/>
    <s v="Billed Revenues"/>
    <s v="EXV"/>
    <s v="NONBU"/>
    <s v="G0000110"/>
    <s v="N"/>
    <s v="MACSS Dist Billed Revenue-03"/>
    <s v=""/>
    <x v="0"/>
    <s v="CAD0330217"/>
    <s v="S"/>
    <s v="KY"/>
    <s v="REV"/>
    <s v="974"/>
    <s v="GLBATCH"/>
    <n v="2"/>
    <n v="2017"/>
  </r>
  <r>
    <s v="110"/>
    <d v="2017-02-15T00:00:00"/>
    <x v="6"/>
    <x v="0"/>
    <s v="10828"/>
    <s v="GLNANDA"/>
    <n v="-441.43"/>
    <n v="-2567"/>
    <s v="Billed Revenues"/>
    <s v="EXV"/>
    <s v="NONBU"/>
    <s v="G0000110"/>
    <s v="N"/>
    <s v="MACSS Dist Billed Revenue-03"/>
    <s v=""/>
    <x v="0"/>
    <s v="CAD0330217"/>
    <s v="S"/>
    <s v="KY"/>
    <s v="REV"/>
    <s v="974"/>
    <s v="GLBATCH"/>
    <n v="2"/>
    <n v="2017"/>
  </r>
  <r>
    <s v="110"/>
    <d v="2017-02-15T00:00:00"/>
    <x v="5"/>
    <x v="0"/>
    <s v="10828"/>
    <s v="GLNANDA"/>
    <n v="0"/>
    <n v="84"/>
    <s v="Billed Revenues"/>
    <s v="EXV"/>
    <s v="NONBU"/>
    <s v="G0000110"/>
    <s v="N"/>
    <s v="MACSS Dist Billed Revenue-03"/>
    <s v=""/>
    <x v="0"/>
    <s v="CAD0330217"/>
    <s v="S"/>
    <s v="KY"/>
    <s v="REV"/>
    <s v="974"/>
    <s v="GLBATCH"/>
    <n v="2"/>
    <n v="2017"/>
  </r>
  <r>
    <s v="110"/>
    <d v="2017-02-15T00:00:00"/>
    <x v="1"/>
    <x v="0"/>
    <s v="10828"/>
    <s v="GLNANDA"/>
    <n v="-305226"/>
    <n v="-2476789"/>
    <s v="Billed Revenues"/>
    <s v="EXV"/>
    <s v="NONBU"/>
    <s v="G0000110"/>
    <s v="N"/>
    <s v="MACSS Dist Billed Revenue-03"/>
    <s v=""/>
    <x v="0"/>
    <s v="CAD0330217"/>
    <s v="S"/>
    <s v="KY"/>
    <s v="REV"/>
    <s v="974"/>
    <s v="GLBATCH"/>
    <n v="2"/>
    <n v="2017"/>
  </r>
  <r>
    <s v="110"/>
    <d v="2017-02-15T00:00:00"/>
    <x v="7"/>
    <x v="0"/>
    <s v="10828"/>
    <s v="GLNANDA"/>
    <n v="0"/>
    <n v="7"/>
    <s v="Billed Revenues"/>
    <s v="EXV"/>
    <s v="NONBU"/>
    <s v="G0000110"/>
    <s v="N"/>
    <s v="MACSS Dist Billed Revenue-03"/>
    <s v=""/>
    <x v="0"/>
    <s v="CAD0330220"/>
    <s v="S"/>
    <s v="KY"/>
    <s v="REV"/>
    <s v="974"/>
    <s v="GLBATCH"/>
    <n v="2"/>
    <n v="2017"/>
  </r>
  <r>
    <s v="110"/>
    <d v="2017-02-15T00:00:00"/>
    <x v="3"/>
    <x v="0"/>
    <s v="10828"/>
    <s v="GLNANDA"/>
    <n v="-27091.23"/>
    <n v="-196587"/>
    <s v="Billed Revenues"/>
    <s v="EXV"/>
    <s v="NONBU"/>
    <s v="G0000110"/>
    <s v="N"/>
    <s v="MACSS Dist Billed Revenue-03"/>
    <s v=""/>
    <x v="0"/>
    <s v="CAD0330220"/>
    <s v="S"/>
    <s v="KY"/>
    <s v="REV"/>
    <s v="974"/>
    <s v="GLBATCH"/>
    <n v="2"/>
    <n v="2017"/>
  </r>
  <r>
    <s v="110"/>
    <d v="2017-02-15T00:00:00"/>
    <x v="6"/>
    <x v="0"/>
    <s v="10828"/>
    <s v="GLNANDA"/>
    <n v="0"/>
    <n v="8"/>
    <s v="Billed Revenues"/>
    <s v="EXV"/>
    <s v="NONBU"/>
    <s v="G0000110"/>
    <s v="N"/>
    <s v="MACSS Dist Billed Revenue-03"/>
    <s v=""/>
    <x v="0"/>
    <s v="CAD0330220"/>
    <s v="S"/>
    <s v="KY"/>
    <s v="REV"/>
    <s v="974"/>
    <s v="GLBATCH"/>
    <n v="2"/>
    <n v="2017"/>
  </r>
  <r>
    <s v="110"/>
    <d v="2017-02-15T00:00:00"/>
    <x v="6"/>
    <x v="0"/>
    <s v="10828"/>
    <s v="GLNANDA"/>
    <n v="-1997.32"/>
    <n v="-14823"/>
    <s v="Billed Revenues"/>
    <s v="EXV"/>
    <s v="NONBU"/>
    <s v="G0000110"/>
    <s v="N"/>
    <s v="MACSS Dist Billed Revenue-03"/>
    <s v=""/>
    <x v="0"/>
    <s v="CAD0330220"/>
    <s v="S"/>
    <s v="KY"/>
    <s v="REV"/>
    <s v="974"/>
    <s v="GLBATCH"/>
    <n v="2"/>
    <n v="2017"/>
  </r>
  <r>
    <s v="110"/>
    <d v="2017-02-15T00:00:00"/>
    <x v="5"/>
    <x v="0"/>
    <s v="10828"/>
    <s v="GLNANDA"/>
    <n v="0"/>
    <n v="72"/>
    <s v="Billed Revenues"/>
    <s v="EXV"/>
    <s v="NONBU"/>
    <s v="G0000110"/>
    <s v="N"/>
    <s v="MACSS Dist Billed Revenue-03"/>
    <s v=""/>
    <x v="0"/>
    <s v="CAD0330220"/>
    <s v="S"/>
    <s v="KY"/>
    <s v="REV"/>
    <s v="974"/>
    <s v="GLBATCH"/>
    <n v="2"/>
    <n v="2017"/>
  </r>
  <r>
    <s v="110"/>
    <d v="2017-02-15T00:00:00"/>
    <x v="5"/>
    <x v="0"/>
    <s v="10828"/>
    <s v="GLNANDA"/>
    <n v="-47817.62"/>
    <n v="-383977"/>
    <s v="Billed Revenues"/>
    <s v="EXV"/>
    <s v="NONBU"/>
    <s v="G0000110"/>
    <s v="N"/>
    <s v="MACSS Dist Billed Revenue-03"/>
    <s v=""/>
    <x v="0"/>
    <s v="CAD0330220"/>
    <s v="S"/>
    <s v="KY"/>
    <s v="REV"/>
    <s v="974"/>
    <s v="GLBATCH"/>
    <n v="2"/>
    <n v="2017"/>
  </r>
  <r>
    <s v="110"/>
    <d v="2017-02-15T00:00:00"/>
    <x v="1"/>
    <x v="0"/>
    <s v="10828"/>
    <s v="GLNANDA"/>
    <n v="0"/>
    <n v="1386"/>
    <s v="Billed Revenues"/>
    <s v="EXV"/>
    <s v="NONBU"/>
    <s v="G0000110"/>
    <s v="N"/>
    <s v="MACSS Dist Billed Revenue-03"/>
    <s v=""/>
    <x v="0"/>
    <s v="CAD0330220"/>
    <s v="S"/>
    <s v="KY"/>
    <s v="REV"/>
    <s v="974"/>
    <s v="GLBATCH"/>
    <n v="2"/>
    <n v="2017"/>
  </r>
  <r>
    <s v="110"/>
    <d v="2017-02-15T00:00:00"/>
    <x v="1"/>
    <x v="0"/>
    <s v="10828"/>
    <s v="GLNANDA"/>
    <n v="-186144.8"/>
    <n v="-1496843"/>
    <s v="Billed Revenues"/>
    <s v="EXV"/>
    <s v="NONBU"/>
    <s v="G0000110"/>
    <s v="N"/>
    <s v="MACSS Dist Billed Revenue-03"/>
    <s v=""/>
    <x v="0"/>
    <s v="CAD0330220"/>
    <s v="S"/>
    <s v="KY"/>
    <s v="REV"/>
    <s v="974"/>
    <s v="GLBATCH"/>
    <n v="2"/>
    <n v="2017"/>
  </r>
  <r>
    <s v="110"/>
    <d v="2017-02-15T00:00:00"/>
    <x v="4"/>
    <x v="0"/>
    <s v="10828"/>
    <s v="GLNANDA"/>
    <n v="0"/>
    <n v="2975"/>
    <s v="Billed Revenues"/>
    <s v="EXV"/>
    <s v="NONBU"/>
    <s v="G0000110"/>
    <s v="N"/>
    <s v="MACSS Dist Billed Revenue-03"/>
    <s v=""/>
    <x v="0"/>
    <s v="CAD0330220"/>
    <s v="S"/>
    <s v="KY"/>
    <s v="REV"/>
    <s v="974"/>
    <s v="GLBATCH"/>
    <n v="2"/>
    <n v="2017"/>
  </r>
  <r>
    <s v="110"/>
    <d v="2017-02-15T00:00:00"/>
    <x v="4"/>
    <x v="0"/>
    <s v="10828"/>
    <s v="GLNANDA"/>
    <n v="-619271.6"/>
    <n v="-5246325"/>
    <s v="Billed Revenues"/>
    <s v="EXV"/>
    <s v="NONBU"/>
    <s v="G0000110"/>
    <s v="N"/>
    <s v="MACSS Dist Billed Revenue-03"/>
    <s v=""/>
    <x v="0"/>
    <s v="CAD0330220"/>
    <s v="S"/>
    <s v="KY"/>
    <s v="REV"/>
    <s v="974"/>
    <s v="GLBATCH"/>
    <n v="2"/>
    <n v="2017"/>
  </r>
  <r>
    <s v="110"/>
    <d v="2017-02-15T00:00:00"/>
    <x v="0"/>
    <x v="0"/>
    <s v="10828"/>
    <s v="GLNANDA"/>
    <n v="0"/>
    <n v="63"/>
    <s v="Billed Revenues"/>
    <s v="EXV"/>
    <s v="NONBU"/>
    <s v="G0000110"/>
    <s v="N"/>
    <s v="MACSS Dist Billed Revenue-03"/>
    <s v=""/>
    <x v="0"/>
    <s v="CAD0330220"/>
    <s v="S"/>
    <s v="KY"/>
    <s v="REV"/>
    <s v="974"/>
    <s v="GLBATCH"/>
    <n v="2"/>
    <n v="2017"/>
  </r>
  <r>
    <s v="110"/>
    <d v="2017-02-15T00:00:00"/>
    <x v="0"/>
    <x v="0"/>
    <s v="10828"/>
    <s v="GLNANDA"/>
    <n v="-43212.18"/>
    <n v="-361041"/>
    <s v="Billed Revenues"/>
    <s v="EXV"/>
    <s v="NONBU"/>
    <s v="G0000110"/>
    <s v="N"/>
    <s v="MACSS Dist Billed Revenue-03"/>
    <s v=""/>
    <x v="0"/>
    <s v="CAD0330220"/>
    <s v="S"/>
    <s v="KY"/>
    <s v="REV"/>
    <s v="974"/>
    <s v="GLBATCH"/>
    <n v="2"/>
    <n v="2017"/>
  </r>
  <r>
    <s v="110"/>
    <d v="2017-02-15T00:00:00"/>
    <x v="2"/>
    <x v="0"/>
    <s v="10828"/>
    <s v="GLNANDA"/>
    <n v="0"/>
    <n v="902"/>
    <s v="Billed Revenues"/>
    <s v="EXV"/>
    <s v="NONBU"/>
    <s v="G0000110"/>
    <s v="N"/>
    <s v="MACSS Dist Billed Revenue-03"/>
    <s v=""/>
    <x v="0"/>
    <s v="CAD0330220"/>
    <s v="S"/>
    <s v="KY"/>
    <s v="REV"/>
    <s v="974"/>
    <s v="GLBATCH"/>
    <n v="2"/>
    <n v="2017"/>
  </r>
  <r>
    <s v="110"/>
    <d v="2017-02-15T00:00:00"/>
    <x v="2"/>
    <x v="0"/>
    <s v="10828"/>
    <s v="GLNANDA"/>
    <n v="-221303.37"/>
    <n v="-1689372"/>
    <s v="Billed Revenues"/>
    <s v="EXV"/>
    <s v="NONBU"/>
    <s v="G0000110"/>
    <s v="N"/>
    <s v="MACSS Dist Billed Revenue-03"/>
    <s v=""/>
    <x v="0"/>
    <s v="CAD0330220"/>
    <s v="S"/>
    <s v="KY"/>
    <s v="REV"/>
    <s v="974"/>
    <s v="GLBATCH"/>
    <n v="2"/>
    <n v="2017"/>
  </r>
  <r>
    <s v="110"/>
    <d v="2017-02-15T00:00:00"/>
    <x v="3"/>
    <x v="0"/>
    <s v="10828"/>
    <s v="GLNANDA"/>
    <n v="0"/>
    <n v="12"/>
    <s v="Billed Revenues"/>
    <s v="EXV"/>
    <s v="NONBU"/>
    <s v="G0000110"/>
    <s v="N"/>
    <s v="MACSS Dist Billed Revenue-03"/>
    <s v=""/>
    <x v="0"/>
    <s v="CAD0330220"/>
    <s v="S"/>
    <s v="KY"/>
    <s v="REV"/>
    <s v="974"/>
    <s v="GLBATCH"/>
    <n v="2"/>
    <n v="2017"/>
  </r>
  <r>
    <s v="110"/>
    <d v="2017-02-15T00:00:00"/>
    <x v="7"/>
    <x v="0"/>
    <s v="10828"/>
    <s v="GLNANDA"/>
    <n v="-21061.7"/>
    <n v="-174879"/>
    <s v="Billed Revenues"/>
    <s v="EXV"/>
    <s v="NONBU"/>
    <s v="G0000110"/>
    <s v="N"/>
    <s v="MACSS Dist Billed Revenue-03"/>
    <s v=""/>
    <x v="0"/>
    <s v="CAD0330220"/>
    <s v="S"/>
    <s v="KY"/>
    <s v="REV"/>
    <s v="974"/>
    <s v="GLBATCH"/>
    <n v="2"/>
    <n v="2017"/>
  </r>
  <r>
    <s v="110"/>
    <d v="2017-02-15T00:00:00"/>
    <x v="0"/>
    <x v="0"/>
    <s v="10828"/>
    <s v="GLNANDA"/>
    <n v="0"/>
    <n v="57"/>
    <s v="Billed Revenues"/>
    <s v="EXV"/>
    <s v="NONBU"/>
    <s v="G0000110"/>
    <s v="N"/>
    <s v="MACSS Dist Billed Revenue-03"/>
    <s v=""/>
    <x v="0"/>
    <s v="CAD0330221"/>
    <s v="S"/>
    <s v="KY"/>
    <s v="REV"/>
    <s v="974"/>
    <s v="GLBATCH"/>
    <n v="2"/>
    <n v="2017"/>
  </r>
  <r>
    <s v="110"/>
    <d v="2017-02-15T00:00:00"/>
    <x v="0"/>
    <x v="0"/>
    <s v="10828"/>
    <s v="GLNANDA"/>
    <n v="-31141.74"/>
    <n v="-270455"/>
    <s v="Billed Revenues"/>
    <s v="EXV"/>
    <s v="NONBU"/>
    <s v="G0000110"/>
    <s v="N"/>
    <s v="MACSS Dist Billed Revenue-03"/>
    <s v=""/>
    <x v="0"/>
    <s v="CAD0330221"/>
    <s v="S"/>
    <s v="KY"/>
    <s v="REV"/>
    <s v="974"/>
    <s v="GLBATCH"/>
    <n v="2"/>
    <n v="2017"/>
  </r>
  <r>
    <s v="110"/>
    <d v="2017-02-15T00:00:00"/>
    <x v="7"/>
    <x v="0"/>
    <s v="10828"/>
    <s v="GLNANDA"/>
    <n v="0"/>
    <n v="43"/>
    <s v="Billed Revenues"/>
    <s v="EXV"/>
    <s v="NONBU"/>
    <s v="G0000110"/>
    <s v="N"/>
    <s v="MACSS Dist Billed Revenue-03"/>
    <s v=""/>
    <x v="0"/>
    <s v="CAD0330221"/>
    <s v="S"/>
    <s v="KY"/>
    <s v="REV"/>
    <s v="974"/>
    <s v="GLBATCH"/>
    <n v="2"/>
    <n v="2017"/>
  </r>
  <r>
    <s v="110"/>
    <d v="2017-02-15T00:00:00"/>
    <x v="7"/>
    <x v="0"/>
    <s v="10828"/>
    <s v="GLNANDA"/>
    <n v="-106665.7"/>
    <n v="-877089"/>
    <s v="Billed Revenues"/>
    <s v="EXV"/>
    <s v="NONBU"/>
    <s v="G0000110"/>
    <s v="N"/>
    <s v="MACSS Dist Billed Revenue-03"/>
    <s v=""/>
    <x v="0"/>
    <s v="CAD0330221"/>
    <s v="S"/>
    <s v="KY"/>
    <s v="REV"/>
    <s v="974"/>
    <s v="GLBATCH"/>
    <n v="2"/>
    <n v="2017"/>
  </r>
  <r>
    <s v="110"/>
    <d v="2017-02-15T00:00:00"/>
    <x v="3"/>
    <x v="0"/>
    <s v="10828"/>
    <s v="GLNANDA"/>
    <n v="0"/>
    <n v="10"/>
    <s v="Billed Revenues"/>
    <s v="EXV"/>
    <s v="NONBU"/>
    <s v="G0000110"/>
    <s v="N"/>
    <s v="MACSS Dist Billed Revenue-03"/>
    <s v=""/>
    <x v="0"/>
    <s v="CAD0330221"/>
    <s v="S"/>
    <s v="KY"/>
    <s v="REV"/>
    <s v="974"/>
    <s v="GLBATCH"/>
    <n v="2"/>
    <n v="2017"/>
  </r>
  <r>
    <s v="110"/>
    <d v="2017-02-15T00:00:00"/>
    <x v="3"/>
    <x v="0"/>
    <s v="10828"/>
    <s v="GLNANDA"/>
    <n v="-34701.68"/>
    <n v="-352461"/>
    <s v="Billed Revenues"/>
    <s v="EXV"/>
    <s v="NONBU"/>
    <s v="G0000110"/>
    <s v="N"/>
    <s v="MACSS Dist Billed Revenue-03"/>
    <s v=""/>
    <x v="0"/>
    <s v="CAD0330221"/>
    <s v="S"/>
    <s v="KY"/>
    <s v="REV"/>
    <s v="974"/>
    <s v="GLBATCH"/>
    <n v="2"/>
    <n v="2017"/>
  </r>
  <r>
    <s v="110"/>
    <d v="2017-02-15T00:00:00"/>
    <x v="6"/>
    <x v="0"/>
    <s v="10828"/>
    <s v="GLNANDA"/>
    <n v="0"/>
    <n v="14"/>
    <s v="Billed Revenues"/>
    <s v="EXV"/>
    <s v="NONBU"/>
    <s v="G0000110"/>
    <s v="N"/>
    <s v="MACSS Dist Billed Revenue-03"/>
    <s v=""/>
    <x v="0"/>
    <s v="CAD0330221"/>
    <s v="S"/>
    <s v="KY"/>
    <s v="REV"/>
    <s v="974"/>
    <s v="GLBATCH"/>
    <n v="2"/>
    <n v="2017"/>
  </r>
  <r>
    <s v="110"/>
    <d v="2017-02-15T00:00:00"/>
    <x v="6"/>
    <x v="0"/>
    <s v="10828"/>
    <s v="GLNANDA"/>
    <n v="-747.21"/>
    <n v="-3984"/>
    <s v="Billed Revenues"/>
    <s v="EXV"/>
    <s v="NONBU"/>
    <s v="G0000110"/>
    <s v="N"/>
    <s v="MACSS Dist Billed Revenue-03"/>
    <s v=""/>
    <x v="0"/>
    <s v="CAD0330221"/>
    <s v="S"/>
    <s v="KY"/>
    <s v="REV"/>
    <s v="974"/>
    <s v="GLBATCH"/>
    <n v="2"/>
    <n v="2017"/>
  </r>
  <r>
    <s v="110"/>
    <d v="2017-02-15T00:00:00"/>
    <x v="5"/>
    <x v="0"/>
    <s v="10828"/>
    <s v="GLNANDA"/>
    <n v="0"/>
    <n v="180"/>
    <s v="Billed Revenues"/>
    <s v="EXV"/>
    <s v="NONBU"/>
    <s v="G0000110"/>
    <s v="N"/>
    <s v="MACSS Dist Billed Revenue-03"/>
    <s v=""/>
    <x v="0"/>
    <s v="CAD0330221"/>
    <s v="S"/>
    <s v="KY"/>
    <s v="REV"/>
    <s v="974"/>
    <s v="GLBATCH"/>
    <n v="2"/>
    <n v="2017"/>
  </r>
  <r>
    <s v="110"/>
    <d v="2017-02-15T00:00:00"/>
    <x v="5"/>
    <x v="0"/>
    <s v="10828"/>
    <s v="GLNANDA"/>
    <n v="-123550.93"/>
    <n v="-1019654"/>
    <s v="Billed Revenues"/>
    <s v="EXV"/>
    <s v="NONBU"/>
    <s v="G0000110"/>
    <s v="N"/>
    <s v="MACSS Dist Billed Revenue-03"/>
    <s v=""/>
    <x v="0"/>
    <s v="CAD0330221"/>
    <s v="S"/>
    <s v="KY"/>
    <s v="REV"/>
    <s v="974"/>
    <s v="GLBATCH"/>
    <n v="2"/>
    <n v="2017"/>
  </r>
  <r>
    <s v="110"/>
    <d v="2017-02-15T00:00:00"/>
    <x v="4"/>
    <x v="0"/>
    <s v="10828"/>
    <s v="GLNANDA"/>
    <n v="0"/>
    <n v="4687"/>
    <s v="Billed Revenues"/>
    <s v="EXV"/>
    <s v="NONBU"/>
    <s v="G0000110"/>
    <s v="N"/>
    <s v="MACSS Dist Billed Revenue-03"/>
    <s v=""/>
    <x v="0"/>
    <s v="CAD0330221"/>
    <s v="S"/>
    <s v="KY"/>
    <s v="REV"/>
    <s v="974"/>
    <s v="GLBATCH"/>
    <n v="2"/>
    <n v="2017"/>
  </r>
  <r>
    <s v="110"/>
    <d v="2017-02-15T00:00:00"/>
    <x v="4"/>
    <x v="0"/>
    <s v="10828"/>
    <s v="GLNANDA"/>
    <n v="-996598.04"/>
    <n v="-8509786"/>
    <s v="Billed Revenues"/>
    <s v="EXV"/>
    <s v="NONBU"/>
    <s v="G0000110"/>
    <s v="N"/>
    <s v="MACSS Dist Billed Revenue-03"/>
    <s v=""/>
    <x v="0"/>
    <s v="CAD0330221"/>
    <s v="S"/>
    <s v="KY"/>
    <s v="REV"/>
    <s v="974"/>
    <s v="GLBATCH"/>
    <n v="2"/>
    <n v="2017"/>
  </r>
  <r>
    <s v="110"/>
    <d v="2017-02-15T00:00:00"/>
    <x v="1"/>
    <x v="0"/>
    <s v="10828"/>
    <s v="GLNANDA"/>
    <n v="0"/>
    <n v="2559"/>
    <s v="Billed Revenues"/>
    <s v="EXV"/>
    <s v="NONBU"/>
    <s v="G0000110"/>
    <s v="N"/>
    <s v="MACSS Dist Billed Revenue-03"/>
    <s v=""/>
    <x v="0"/>
    <s v="CAD0330221"/>
    <s v="S"/>
    <s v="KY"/>
    <s v="REV"/>
    <s v="974"/>
    <s v="GLBATCH"/>
    <n v="2"/>
    <n v="2017"/>
  </r>
  <r>
    <s v="110"/>
    <d v="2017-02-15T00:00:00"/>
    <x v="1"/>
    <x v="0"/>
    <s v="10828"/>
    <s v="GLNANDA"/>
    <n v="-345861.03"/>
    <n v="-2822867"/>
    <s v="Billed Revenues"/>
    <s v="EXV"/>
    <s v="NONBU"/>
    <s v="G0000110"/>
    <s v="N"/>
    <s v="MACSS Dist Billed Revenue-03"/>
    <s v=""/>
    <x v="0"/>
    <s v="CAD0330221"/>
    <s v="S"/>
    <s v="KY"/>
    <s v="REV"/>
    <s v="974"/>
    <s v="GLBATCH"/>
    <n v="2"/>
    <n v="2017"/>
  </r>
  <r>
    <s v="110"/>
    <d v="2017-02-15T00:00:00"/>
    <x v="2"/>
    <x v="0"/>
    <s v="10828"/>
    <s v="GLNANDA"/>
    <n v="0"/>
    <n v="1390"/>
    <s v="Billed Revenues"/>
    <s v="EXV"/>
    <s v="NONBU"/>
    <s v="G0000110"/>
    <s v="N"/>
    <s v="MACSS Dist Billed Revenue-03"/>
    <s v=""/>
    <x v="0"/>
    <s v="CAD0330221"/>
    <s v="S"/>
    <s v="KY"/>
    <s v="REV"/>
    <s v="974"/>
    <s v="GLBATCH"/>
    <n v="2"/>
    <n v="2017"/>
  </r>
  <r>
    <s v="110"/>
    <d v="2017-02-15T00:00:00"/>
    <x v="2"/>
    <x v="0"/>
    <s v="10828"/>
    <s v="GLNANDA"/>
    <n v="-360543.07"/>
    <n v="-2713273"/>
    <s v="Billed Revenues"/>
    <s v="EXV"/>
    <s v="NONBU"/>
    <s v="G0000110"/>
    <s v="N"/>
    <s v="MACSS Dist Billed Revenue-03"/>
    <s v=""/>
    <x v="0"/>
    <s v="CAD0330221"/>
    <s v="S"/>
    <s v="KY"/>
    <s v="REV"/>
    <s v="974"/>
    <s v="GLBATCH"/>
    <n v="2"/>
    <n v="2017"/>
  </r>
  <r>
    <s v="110"/>
    <d v="2017-02-15T00:00:00"/>
    <x v="7"/>
    <x v="0"/>
    <s v="10828"/>
    <s v="GLNANDA"/>
    <n v="0"/>
    <n v="30"/>
    <s v="Billed Revenues"/>
    <s v="EXV"/>
    <s v="NONBU"/>
    <s v="G0000110"/>
    <s v="N"/>
    <s v="MACSS Dist Billed Revenue-03"/>
    <s v=""/>
    <x v="0"/>
    <s v="CAD0330222"/>
    <s v="S"/>
    <s v="KY"/>
    <s v="REV"/>
    <s v="974"/>
    <s v="GLBATCH"/>
    <n v="2"/>
    <n v="2017"/>
  </r>
  <r>
    <s v="110"/>
    <d v="2017-02-15T00:00:00"/>
    <x v="3"/>
    <x v="0"/>
    <s v="10828"/>
    <s v="GLNANDA"/>
    <n v="-82401.52"/>
    <n v="-713335"/>
    <s v="Billed Revenues"/>
    <s v="EXV"/>
    <s v="NONBU"/>
    <s v="G0000110"/>
    <s v="N"/>
    <s v="MACSS Dist Billed Revenue-03"/>
    <s v=""/>
    <x v="0"/>
    <s v="CAD0330222"/>
    <s v="S"/>
    <s v="KY"/>
    <s v="REV"/>
    <s v="974"/>
    <s v="GLBATCH"/>
    <n v="2"/>
    <n v="2017"/>
  </r>
  <r>
    <s v="110"/>
    <d v="2017-02-15T00:00:00"/>
    <x v="6"/>
    <x v="0"/>
    <s v="10828"/>
    <s v="GLNANDA"/>
    <n v="0"/>
    <n v="15"/>
    <s v="Billed Revenues"/>
    <s v="EXV"/>
    <s v="NONBU"/>
    <s v="G0000110"/>
    <s v="N"/>
    <s v="MACSS Dist Billed Revenue-03"/>
    <s v=""/>
    <x v="0"/>
    <s v="CAD0330222"/>
    <s v="S"/>
    <s v="KY"/>
    <s v="REV"/>
    <s v="974"/>
    <s v="GLBATCH"/>
    <n v="2"/>
    <n v="2017"/>
  </r>
  <r>
    <s v="110"/>
    <d v="2017-02-15T00:00:00"/>
    <x v="6"/>
    <x v="0"/>
    <s v="10828"/>
    <s v="GLNANDA"/>
    <n v="-962.18"/>
    <n v="-3341"/>
    <s v="Billed Revenues"/>
    <s v="EXV"/>
    <s v="NONBU"/>
    <s v="G0000110"/>
    <s v="N"/>
    <s v="MACSS Dist Billed Revenue-03"/>
    <s v=""/>
    <x v="0"/>
    <s v="CAD0330222"/>
    <s v="S"/>
    <s v="KY"/>
    <s v="REV"/>
    <s v="974"/>
    <s v="GLBATCH"/>
    <n v="2"/>
    <n v="2017"/>
  </r>
  <r>
    <s v="110"/>
    <d v="2017-02-15T00:00:00"/>
    <x v="5"/>
    <x v="0"/>
    <s v="10828"/>
    <s v="GLNANDA"/>
    <n v="0"/>
    <n v="170"/>
    <s v="Billed Revenues"/>
    <s v="EXV"/>
    <s v="NONBU"/>
    <s v="G0000110"/>
    <s v="N"/>
    <s v="MACSS Dist Billed Revenue-03"/>
    <s v=""/>
    <x v="0"/>
    <s v="CAD0330222"/>
    <s v="S"/>
    <s v="KY"/>
    <s v="REV"/>
    <s v="974"/>
    <s v="GLBATCH"/>
    <n v="2"/>
    <n v="2017"/>
  </r>
  <r>
    <s v="110"/>
    <d v="2017-02-15T00:00:00"/>
    <x v="5"/>
    <x v="0"/>
    <s v="10828"/>
    <s v="GLNANDA"/>
    <n v="-92426.85"/>
    <n v="-735245"/>
    <s v="Billed Revenues"/>
    <s v="EXV"/>
    <s v="NONBU"/>
    <s v="G0000110"/>
    <s v="N"/>
    <s v="MACSS Dist Billed Revenue-03"/>
    <s v=""/>
    <x v="0"/>
    <s v="CAD0330222"/>
    <s v="S"/>
    <s v="KY"/>
    <s v="REV"/>
    <s v="974"/>
    <s v="GLBATCH"/>
    <n v="2"/>
    <n v="2017"/>
  </r>
  <r>
    <s v="110"/>
    <d v="2017-02-15T00:00:00"/>
    <x v="1"/>
    <x v="0"/>
    <s v="10828"/>
    <s v="GLNANDA"/>
    <n v="0"/>
    <n v="2442"/>
    <s v="Billed Revenues"/>
    <s v="EXV"/>
    <s v="NONBU"/>
    <s v="G0000110"/>
    <s v="N"/>
    <s v="MACSS Dist Billed Revenue-03"/>
    <s v=""/>
    <x v="0"/>
    <s v="CAD0330222"/>
    <s v="S"/>
    <s v="KY"/>
    <s v="REV"/>
    <s v="974"/>
    <s v="GLBATCH"/>
    <n v="2"/>
    <n v="2017"/>
  </r>
  <r>
    <s v="110"/>
    <d v="2017-02-15T00:00:00"/>
    <x v="1"/>
    <x v="0"/>
    <s v="10828"/>
    <s v="GLNANDA"/>
    <n v="-312778.67"/>
    <n v="-2540253"/>
    <s v="Billed Revenues"/>
    <s v="EXV"/>
    <s v="NONBU"/>
    <s v="G0000110"/>
    <s v="N"/>
    <s v="MACSS Dist Billed Revenue-03"/>
    <s v=""/>
    <x v="0"/>
    <s v="CAD0330222"/>
    <s v="S"/>
    <s v="KY"/>
    <s v="REV"/>
    <s v="974"/>
    <s v="GLBATCH"/>
    <n v="2"/>
    <n v="2017"/>
  </r>
  <r>
    <s v="110"/>
    <d v="2017-02-15T00:00:00"/>
    <x v="4"/>
    <x v="0"/>
    <s v="10828"/>
    <s v="GLNANDA"/>
    <n v="0"/>
    <n v="4178"/>
    <s v="Billed Revenues"/>
    <s v="EXV"/>
    <s v="NONBU"/>
    <s v="G0000110"/>
    <s v="N"/>
    <s v="MACSS Dist Billed Revenue-03"/>
    <s v=""/>
    <x v="0"/>
    <s v="CAD0330222"/>
    <s v="S"/>
    <s v="KY"/>
    <s v="REV"/>
    <s v="974"/>
    <s v="GLBATCH"/>
    <n v="2"/>
    <n v="2017"/>
  </r>
  <r>
    <s v="110"/>
    <d v="2017-02-15T00:00:00"/>
    <x v="4"/>
    <x v="0"/>
    <s v="10828"/>
    <s v="GLNANDA"/>
    <n v="-793244.92"/>
    <n v="-6716369"/>
    <s v="Billed Revenues"/>
    <s v="EXV"/>
    <s v="NONBU"/>
    <s v="G0000110"/>
    <s v="N"/>
    <s v="MACSS Dist Billed Revenue-03"/>
    <s v=""/>
    <x v="0"/>
    <s v="CAD0330222"/>
    <s v="S"/>
    <s v="KY"/>
    <s v="REV"/>
    <s v="974"/>
    <s v="GLBATCH"/>
    <n v="2"/>
    <n v="2017"/>
  </r>
  <r>
    <s v="110"/>
    <d v="2017-02-15T00:00:00"/>
    <x v="0"/>
    <x v="0"/>
    <s v="10828"/>
    <s v="GLNANDA"/>
    <n v="0"/>
    <n v="85"/>
    <s v="Billed Revenues"/>
    <s v="EXV"/>
    <s v="NONBU"/>
    <s v="G0000110"/>
    <s v="N"/>
    <s v="MACSS Dist Billed Revenue-03"/>
    <s v=""/>
    <x v="0"/>
    <s v="CAD0330222"/>
    <s v="S"/>
    <s v="KY"/>
    <s v="REV"/>
    <s v="974"/>
    <s v="GLBATCH"/>
    <n v="2"/>
    <n v="2017"/>
  </r>
  <r>
    <s v="110"/>
    <d v="2017-02-15T00:00:00"/>
    <x v="0"/>
    <x v="0"/>
    <s v="10828"/>
    <s v="GLNANDA"/>
    <n v="-178914.65"/>
    <n v="-2460950"/>
    <s v="Billed Revenues"/>
    <s v="EXV"/>
    <s v="NONBU"/>
    <s v="G0000110"/>
    <s v="N"/>
    <s v="MACSS Dist Billed Revenue-03"/>
    <s v=""/>
    <x v="0"/>
    <s v="CAD0330222"/>
    <s v="S"/>
    <s v="KY"/>
    <s v="REV"/>
    <s v="974"/>
    <s v="GLBATCH"/>
    <n v="2"/>
    <n v="2017"/>
  </r>
  <r>
    <s v="110"/>
    <d v="2017-02-15T00:00:00"/>
    <x v="2"/>
    <x v="0"/>
    <s v="10828"/>
    <s v="GLNANDA"/>
    <n v="0"/>
    <n v="1213"/>
    <s v="Billed Revenues"/>
    <s v="EXV"/>
    <s v="NONBU"/>
    <s v="G0000110"/>
    <s v="N"/>
    <s v="MACSS Dist Billed Revenue-03"/>
    <s v=""/>
    <x v="0"/>
    <s v="CAD0330222"/>
    <s v="S"/>
    <s v="KY"/>
    <s v="REV"/>
    <s v="974"/>
    <s v="GLBATCH"/>
    <n v="2"/>
    <n v="2017"/>
  </r>
  <r>
    <s v="110"/>
    <d v="2017-02-15T00:00:00"/>
    <x v="2"/>
    <x v="0"/>
    <s v="10828"/>
    <s v="GLNANDA"/>
    <n v="-297777.17"/>
    <n v="-2177262"/>
    <s v="Billed Revenues"/>
    <s v="EXV"/>
    <s v="NONBU"/>
    <s v="G0000110"/>
    <s v="N"/>
    <s v="MACSS Dist Billed Revenue-03"/>
    <s v=""/>
    <x v="0"/>
    <s v="CAD0330222"/>
    <s v="S"/>
    <s v="KY"/>
    <s v="REV"/>
    <s v="974"/>
    <s v="GLBATCH"/>
    <n v="2"/>
    <n v="2017"/>
  </r>
  <r>
    <s v="110"/>
    <d v="2017-02-15T00:00:00"/>
    <x v="3"/>
    <x v="0"/>
    <s v="10828"/>
    <s v="GLNANDA"/>
    <n v="0"/>
    <n v="10"/>
    <s v="Billed Revenues"/>
    <s v="EXV"/>
    <s v="NONBU"/>
    <s v="G0000110"/>
    <s v="N"/>
    <s v="MACSS Dist Billed Revenue-03"/>
    <s v=""/>
    <x v="0"/>
    <s v="CAD0330222"/>
    <s v="S"/>
    <s v="KY"/>
    <s v="REV"/>
    <s v="974"/>
    <s v="GLBATCH"/>
    <n v="2"/>
    <n v="2017"/>
  </r>
  <r>
    <s v="110"/>
    <d v="2017-02-15T00:00:00"/>
    <x v="7"/>
    <x v="0"/>
    <s v="10828"/>
    <s v="GLNANDA"/>
    <n v="-75348.72"/>
    <n v="-617392"/>
    <s v="Billed Revenues"/>
    <s v="EXV"/>
    <s v="NONBU"/>
    <s v="G0000110"/>
    <s v="N"/>
    <s v="MACSS Dist Billed Revenue-03"/>
    <s v=""/>
    <x v="0"/>
    <s v="CAD0330222"/>
    <s v="S"/>
    <s v="KY"/>
    <s v="REV"/>
    <s v="974"/>
    <s v="GLBATCH"/>
    <n v="2"/>
    <n v="2017"/>
  </r>
  <r>
    <s v="110"/>
    <d v="2017-02-15T00:00:00"/>
    <x v="5"/>
    <x v="0"/>
    <s v="10828"/>
    <s v="GLNANDA"/>
    <n v="0"/>
    <n v="110"/>
    <s v="Billed Revenues"/>
    <s v="EXV"/>
    <s v="NONBU"/>
    <s v="G0000110"/>
    <s v="N"/>
    <s v="MACSS Dist Billed Revenue-03"/>
    <s v=""/>
    <x v="0"/>
    <s v="CAD0330223"/>
    <s v="S"/>
    <s v="KY"/>
    <s v="REV"/>
    <s v="974"/>
    <s v="GLBATCH"/>
    <n v="2"/>
    <n v="2017"/>
  </r>
  <r>
    <s v="110"/>
    <d v="2017-02-15T00:00:00"/>
    <x v="3"/>
    <x v="0"/>
    <s v="10828"/>
    <s v="GLNANDA"/>
    <n v="-326565.78999999998"/>
    <n v="-4424128"/>
    <s v="Billed Revenues"/>
    <s v="EXV"/>
    <s v="NONBU"/>
    <s v="G0000110"/>
    <s v="N"/>
    <s v="MACSS Dist Billed Revenue-03"/>
    <s v=""/>
    <x v="0"/>
    <s v="CAD0330223"/>
    <s v="S"/>
    <s v="KY"/>
    <s v="REV"/>
    <s v="974"/>
    <s v="GLBATCH"/>
    <n v="2"/>
    <n v="2017"/>
  </r>
  <r>
    <s v="110"/>
    <d v="2017-02-15T00:00:00"/>
    <x v="7"/>
    <x v="0"/>
    <s v="10828"/>
    <s v="GLNANDA"/>
    <n v="0"/>
    <n v="31"/>
    <s v="Billed Revenues"/>
    <s v="EXV"/>
    <s v="NONBU"/>
    <s v="G0000110"/>
    <s v="N"/>
    <s v="MACSS Dist Billed Revenue-03"/>
    <s v=""/>
    <x v="0"/>
    <s v="CAD0330223"/>
    <s v="S"/>
    <s v="KY"/>
    <s v="REV"/>
    <s v="974"/>
    <s v="GLBATCH"/>
    <n v="2"/>
    <n v="2017"/>
  </r>
  <r>
    <s v="110"/>
    <d v="2017-02-15T00:00:00"/>
    <x v="7"/>
    <x v="0"/>
    <s v="10828"/>
    <s v="GLNANDA"/>
    <n v="-79814.25"/>
    <n v="-668037"/>
    <s v="Billed Revenues"/>
    <s v="EXV"/>
    <s v="NONBU"/>
    <s v="G0000110"/>
    <s v="N"/>
    <s v="MACSS Dist Billed Revenue-03"/>
    <s v=""/>
    <x v="0"/>
    <s v="CAD0330223"/>
    <s v="S"/>
    <s v="KY"/>
    <s v="REV"/>
    <s v="974"/>
    <s v="GLBATCH"/>
    <n v="2"/>
    <n v="2017"/>
  </r>
  <r>
    <s v="110"/>
    <d v="2017-02-15T00:00:00"/>
    <x v="6"/>
    <x v="0"/>
    <s v="10828"/>
    <s v="GLNANDA"/>
    <n v="0"/>
    <n v="8"/>
    <s v="Billed Revenues"/>
    <s v="EXV"/>
    <s v="NONBU"/>
    <s v="G0000110"/>
    <s v="N"/>
    <s v="MACSS Dist Billed Revenue-03"/>
    <s v=""/>
    <x v="0"/>
    <s v="CAD0330223"/>
    <s v="S"/>
    <s v="KY"/>
    <s v="REV"/>
    <s v="974"/>
    <s v="GLBATCH"/>
    <n v="2"/>
    <n v="2017"/>
  </r>
  <r>
    <s v="110"/>
    <d v="2017-02-15T00:00:00"/>
    <x v="6"/>
    <x v="0"/>
    <s v="10828"/>
    <s v="GLNANDA"/>
    <n v="-606.24"/>
    <n v="-3510"/>
    <s v="Billed Revenues"/>
    <s v="EXV"/>
    <s v="NONBU"/>
    <s v="G0000110"/>
    <s v="N"/>
    <s v="MACSS Dist Billed Revenue-03"/>
    <s v=""/>
    <x v="0"/>
    <s v="CAD0330223"/>
    <s v="S"/>
    <s v="KY"/>
    <s v="REV"/>
    <s v="974"/>
    <s v="GLBATCH"/>
    <n v="2"/>
    <n v="2017"/>
  </r>
  <r>
    <s v="110"/>
    <d v="2017-02-15T00:00:00"/>
    <x v="1"/>
    <x v="0"/>
    <s v="10828"/>
    <s v="GLNANDA"/>
    <n v="0"/>
    <n v="2282"/>
    <s v="Billed Revenues"/>
    <s v="EXV"/>
    <s v="NONBU"/>
    <s v="G0000110"/>
    <s v="N"/>
    <s v="MACSS Dist Billed Revenue-03"/>
    <s v=""/>
    <x v="0"/>
    <s v="CAD0330223"/>
    <s v="S"/>
    <s v="KY"/>
    <s v="REV"/>
    <s v="974"/>
    <s v="GLBATCH"/>
    <n v="2"/>
    <n v="2017"/>
  </r>
  <r>
    <s v="110"/>
    <d v="2017-02-15T00:00:00"/>
    <x v="1"/>
    <x v="0"/>
    <s v="10828"/>
    <s v="GLNANDA"/>
    <n v="-275655.95"/>
    <n v="-2220137"/>
    <s v="Billed Revenues"/>
    <s v="EXV"/>
    <s v="NONBU"/>
    <s v="G0000110"/>
    <s v="N"/>
    <s v="MACSS Dist Billed Revenue-03"/>
    <s v=""/>
    <x v="0"/>
    <s v="CAD0330223"/>
    <s v="S"/>
    <s v="KY"/>
    <s v="REV"/>
    <s v="974"/>
    <s v="GLBATCH"/>
    <n v="2"/>
    <n v="2017"/>
  </r>
  <r>
    <s v="110"/>
    <d v="2017-02-15T00:00:00"/>
    <x v="4"/>
    <x v="0"/>
    <s v="10828"/>
    <s v="GLNANDA"/>
    <n v="0"/>
    <n v="3606"/>
    <s v="Billed Revenues"/>
    <s v="EXV"/>
    <s v="NONBU"/>
    <s v="G0000110"/>
    <s v="N"/>
    <s v="MACSS Dist Billed Revenue-03"/>
    <s v=""/>
    <x v="0"/>
    <s v="CAD0330223"/>
    <s v="S"/>
    <s v="KY"/>
    <s v="REV"/>
    <s v="974"/>
    <s v="GLBATCH"/>
    <n v="2"/>
    <n v="2017"/>
  </r>
  <r>
    <s v="110"/>
    <d v="2017-02-15T00:00:00"/>
    <x v="4"/>
    <x v="0"/>
    <s v="10828"/>
    <s v="GLNANDA"/>
    <n v="-696333.27"/>
    <n v="-5895829"/>
    <s v="Billed Revenues"/>
    <s v="EXV"/>
    <s v="NONBU"/>
    <s v="G0000110"/>
    <s v="N"/>
    <s v="MACSS Dist Billed Revenue-03"/>
    <s v=""/>
    <x v="0"/>
    <s v="CAD0330223"/>
    <s v="S"/>
    <s v="KY"/>
    <s v="REV"/>
    <s v="974"/>
    <s v="GLBATCH"/>
    <n v="2"/>
    <n v="2017"/>
  </r>
  <r>
    <s v="110"/>
    <d v="2017-02-15T00:00:00"/>
    <x v="0"/>
    <x v="0"/>
    <s v="10828"/>
    <s v="GLNANDA"/>
    <n v="0"/>
    <n v="31"/>
    <s v="Billed Revenues"/>
    <s v="EXV"/>
    <s v="NONBU"/>
    <s v="G0000110"/>
    <s v="N"/>
    <s v="MACSS Dist Billed Revenue-03"/>
    <s v=""/>
    <x v="0"/>
    <s v="CAD0330223"/>
    <s v="S"/>
    <s v="KY"/>
    <s v="REV"/>
    <s v="974"/>
    <s v="GLBATCH"/>
    <n v="2"/>
    <n v="2017"/>
  </r>
  <r>
    <s v="110"/>
    <d v="2017-02-15T00:00:00"/>
    <x v="0"/>
    <x v="0"/>
    <s v="10828"/>
    <s v="GLNANDA"/>
    <n v="-6225.41"/>
    <n v="-42853"/>
    <s v="Billed Revenues"/>
    <s v="EXV"/>
    <s v="NONBU"/>
    <s v="G0000110"/>
    <s v="N"/>
    <s v="MACSS Dist Billed Revenue-03"/>
    <s v=""/>
    <x v="0"/>
    <s v="CAD0330223"/>
    <s v="S"/>
    <s v="KY"/>
    <s v="REV"/>
    <s v="974"/>
    <s v="GLBATCH"/>
    <n v="2"/>
    <n v="2017"/>
  </r>
  <r>
    <s v="110"/>
    <d v="2017-02-15T00:00:00"/>
    <x v="2"/>
    <x v="0"/>
    <s v="10828"/>
    <s v="GLNANDA"/>
    <n v="0"/>
    <n v="977"/>
    <s v="Billed Revenues"/>
    <s v="EXV"/>
    <s v="NONBU"/>
    <s v="G0000110"/>
    <s v="N"/>
    <s v="MACSS Dist Billed Revenue-03"/>
    <s v=""/>
    <x v="0"/>
    <s v="CAD0330223"/>
    <s v="S"/>
    <s v="KY"/>
    <s v="REV"/>
    <s v="974"/>
    <s v="GLBATCH"/>
    <n v="2"/>
    <n v="2017"/>
  </r>
  <r>
    <s v="110"/>
    <d v="2017-02-15T00:00:00"/>
    <x v="2"/>
    <x v="0"/>
    <s v="10828"/>
    <s v="GLNANDA"/>
    <n v="-206544.79"/>
    <n v="-1464378"/>
    <s v="Billed Revenues"/>
    <s v="EXV"/>
    <s v="NONBU"/>
    <s v="G0000110"/>
    <s v="N"/>
    <s v="MACSS Dist Billed Revenue-03"/>
    <s v=""/>
    <x v="0"/>
    <s v="CAD0330223"/>
    <s v="S"/>
    <s v="KY"/>
    <s v="REV"/>
    <s v="974"/>
    <s v="GLBATCH"/>
    <n v="2"/>
    <n v="2017"/>
  </r>
  <r>
    <s v="110"/>
    <d v="2017-02-15T00:00:00"/>
    <x v="3"/>
    <x v="0"/>
    <s v="10828"/>
    <s v="GLNANDA"/>
    <n v="0"/>
    <n v="9"/>
    <s v="Billed Revenues"/>
    <s v="EXV"/>
    <s v="NONBU"/>
    <s v="G0000110"/>
    <s v="N"/>
    <s v="MACSS Dist Billed Revenue-03"/>
    <s v=""/>
    <x v="0"/>
    <s v="CAD0330223"/>
    <s v="S"/>
    <s v="KY"/>
    <s v="REV"/>
    <s v="974"/>
    <s v="GLBATCH"/>
    <n v="2"/>
    <n v="2017"/>
  </r>
  <r>
    <s v="110"/>
    <d v="2017-02-15T00:00:00"/>
    <x v="5"/>
    <x v="0"/>
    <s v="10828"/>
    <s v="GLNANDA"/>
    <n v="-81389.38"/>
    <n v="-672869"/>
    <s v="Billed Revenues"/>
    <s v="EXV"/>
    <s v="NONBU"/>
    <s v="G0000110"/>
    <s v="N"/>
    <s v="MACSS Dist Billed Revenue-03"/>
    <s v=""/>
    <x v="0"/>
    <s v="CAD0330223"/>
    <s v="S"/>
    <s v="KY"/>
    <s v="REV"/>
    <s v="974"/>
    <s v="GLBATCH"/>
    <n v="2"/>
    <n v="2017"/>
  </r>
  <r>
    <s v="110"/>
    <d v="2017-02-15T00:00:00"/>
    <x v="7"/>
    <x v="0"/>
    <s v="10828"/>
    <s v="GLNANDA"/>
    <n v="0"/>
    <n v="44"/>
    <s v="Billed Revenues"/>
    <s v="EXV"/>
    <s v="NONBU"/>
    <s v="G0000110"/>
    <s v="N"/>
    <s v="MACSS Dist Billed Revenue-03"/>
    <s v=""/>
    <x v="0"/>
    <s v="CAD0330224"/>
    <s v="S"/>
    <s v="KY"/>
    <s v="REV"/>
    <s v="974"/>
    <s v="GLBATCH"/>
    <n v="2"/>
    <n v="2017"/>
  </r>
  <r>
    <s v="110"/>
    <d v="2017-02-15T00:00:00"/>
    <x v="3"/>
    <x v="0"/>
    <s v="10828"/>
    <s v="GLNANDA"/>
    <n v="-311005.11"/>
    <n v="-4022492"/>
    <s v="Billed Revenues"/>
    <s v="EXV"/>
    <s v="NONBU"/>
    <s v="G0000110"/>
    <s v="N"/>
    <s v="MACSS Dist Billed Revenue-03"/>
    <s v=""/>
    <x v="0"/>
    <s v="CAD0330224"/>
    <s v="S"/>
    <s v="KY"/>
    <s v="REV"/>
    <s v="974"/>
    <s v="GLBATCH"/>
    <n v="2"/>
    <n v="2017"/>
  </r>
  <r>
    <s v="110"/>
    <d v="2017-02-15T00:00:00"/>
    <x v="6"/>
    <x v="0"/>
    <s v="10828"/>
    <s v="GLNANDA"/>
    <n v="0"/>
    <n v="5"/>
    <s v="Billed Revenues"/>
    <s v="EXV"/>
    <s v="NONBU"/>
    <s v="G0000110"/>
    <s v="N"/>
    <s v="MACSS Dist Billed Revenue-03"/>
    <s v=""/>
    <x v="0"/>
    <s v="CAD0330224"/>
    <s v="S"/>
    <s v="KY"/>
    <s v="REV"/>
    <s v="974"/>
    <s v="GLBATCH"/>
    <n v="2"/>
    <n v="2017"/>
  </r>
  <r>
    <s v="110"/>
    <d v="2017-02-15T00:00:00"/>
    <x v="6"/>
    <x v="0"/>
    <s v="10828"/>
    <s v="GLNANDA"/>
    <n v="-843.76"/>
    <n v="-1916"/>
    <s v="Billed Revenues"/>
    <s v="EXV"/>
    <s v="NONBU"/>
    <s v="G0000110"/>
    <s v="N"/>
    <s v="MACSS Dist Billed Revenue-03"/>
    <s v=""/>
    <x v="0"/>
    <s v="CAD0330224"/>
    <s v="S"/>
    <s v="KY"/>
    <s v="REV"/>
    <s v="974"/>
    <s v="GLBATCH"/>
    <n v="2"/>
    <n v="2017"/>
  </r>
  <r>
    <s v="110"/>
    <d v="2017-02-15T00:00:00"/>
    <x v="5"/>
    <x v="0"/>
    <s v="10828"/>
    <s v="GLNANDA"/>
    <n v="0"/>
    <n v="137"/>
    <s v="Billed Revenues"/>
    <s v="EXV"/>
    <s v="NONBU"/>
    <s v="G0000110"/>
    <s v="N"/>
    <s v="MACSS Dist Billed Revenue-03"/>
    <s v=""/>
    <x v="0"/>
    <s v="CAD0330224"/>
    <s v="S"/>
    <s v="KY"/>
    <s v="REV"/>
    <s v="974"/>
    <s v="GLBATCH"/>
    <n v="2"/>
    <n v="2017"/>
  </r>
  <r>
    <s v="110"/>
    <d v="2017-02-15T00:00:00"/>
    <x v="5"/>
    <x v="0"/>
    <s v="10828"/>
    <s v="GLNANDA"/>
    <n v="-40851.919999999998"/>
    <n v="-299127"/>
    <s v="Billed Revenues"/>
    <s v="EXV"/>
    <s v="NONBU"/>
    <s v="G0000110"/>
    <s v="N"/>
    <s v="MACSS Dist Billed Revenue-03"/>
    <s v=""/>
    <x v="0"/>
    <s v="CAD0330224"/>
    <s v="S"/>
    <s v="KY"/>
    <s v="REV"/>
    <s v="974"/>
    <s v="GLBATCH"/>
    <n v="2"/>
    <n v="2017"/>
  </r>
  <r>
    <s v="110"/>
    <d v="2017-02-15T00:00:00"/>
    <x v="1"/>
    <x v="0"/>
    <s v="10828"/>
    <s v="GLNANDA"/>
    <n v="0"/>
    <n v="2288"/>
    <s v="Billed Revenues"/>
    <s v="EXV"/>
    <s v="NONBU"/>
    <s v="G0000110"/>
    <s v="N"/>
    <s v="MACSS Dist Billed Revenue-03"/>
    <s v=""/>
    <x v="0"/>
    <s v="CAD0330224"/>
    <s v="S"/>
    <s v="KY"/>
    <s v="REV"/>
    <s v="974"/>
    <s v="GLBATCH"/>
    <n v="2"/>
    <n v="2017"/>
  </r>
  <r>
    <s v="110"/>
    <d v="2017-02-15T00:00:00"/>
    <x v="1"/>
    <x v="0"/>
    <s v="10828"/>
    <s v="GLNANDA"/>
    <n v="-283609.44"/>
    <n v="-2285369"/>
    <s v="Billed Revenues"/>
    <s v="EXV"/>
    <s v="NONBU"/>
    <s v="G0000110"/>
    <s v="N"/>
    <s v="MACSS Dist Billed Revenue-03"/>
    <s v=""/>
    <x v="0"/>
    <s v="CAD0330224"/>
    <s v="S"/>
    <s v="KY"/>
    <s v="REV"/>
    <s v="974"/>
    <s v="GLBATCH"/>
    <n v="2"/>
    <n v="2017"/>
  </r>
  <r>
    <s v="110"/>
    <d v="2017-02-15T00:00:00"/>
    <x v="4"/>
    <x v="0"/>
    <s v="10828"/>
    <s v="GLNANDA"/>
    <n v="0"/>
    <n v="4383"/>
    <s v="Billed Revenues"/>
    <s v="EXV"/>
    <s v="NONBU"/>
    <s v="G0000110"/>
    <s v="N"/>
    <s v="MACSS Dist Billed Revenue-03"/>
    <s v=""/>
    <x v="0"/>
    <s v="CAD0330224"/>
    <s v="S"/>
    <s v="KY"/>
    <s v="REV"/>
    <s v="974"/>
    <s v="GLBATCH"/>
    <n v="2"/>
    <n v="2017"/>
  </r>
  <r>
    <s v="110"/>
    <d v="2017-02-15T00:00:00"/>
    <x v="4"/>
    <x v="0"/>
    <s v="10828"/>
    <s v="GLNANDA"/>
    <n v="-821910.9"/>
    <n v="-6942376"/>
    <s v="Billed Revenues"/>
    <s v="EXV"/>
    <s v="NONBU"/>
    <s v="G0000110"/>
    <s v="N"/>
    <s v="MACSS Dist Billed Revenue-03"/>
    <s v=""/>
    <x v="0"/>
    <s v="CAD0330224"/>
    <s v="S"/>
    <s v="KY"/>
    <s v="REV"/>
    <s v="974"/>
    <s v="GLBATCH"/>
    <n v="2"/>
    <n v="2017"/>
  </r>
  <r>
    <s v="110"/>
    <d v="2017-02-15T00:00:00"/>
    <x v="0"/>
    <x v="0"/>
    <s v="10828"/>
    <s v="GLNANDA"/>
    <n v="-353162.33"/>
    <n v="-5956408"/>
    <s v="Billed Revenues"/>
    <s v="EXV"/>
    <s v="NONBU"/>
    <s v="G0000110"/>
    <s v="N"/>
    <s v="MACSS Dist Billed Revenue-03"/>
    <s v=""/>
    <x v="0"/>
    <s v="CAD0330224"/>
    <s v="S"/>
    <s v="KY"/>
    <s v="REV"/>
    <s v="974"/>
    <s v="GLBATCH"/>
    <n v="2"/>
    <n v="2017"/>
  </r>
  <r>
    <s v="110"/>
    <d v="2017-02-15T00:00:00"/>
    <x v="0"/>
    <x v="0"/>
    <s v="10828"/>
    <s v="GLNANDA"/>
    <n v="0"/>
    <n v="40"/>
    <s v="Billed Revenues"/>
    <s v="EXV"/>
    <s v="NONBU"/>
    <s v="G0000110"/>
    <s v="N"/>
    <s v="MACSS Dist Billed Revenue-03"/>
    <s v=""/>
    <x v="0"/>
    <s v="CAD0330224"/>
    <s v="S"/>
    <s v="KY"/>
    <s v="REV"/>
    <s v="974"/>
    <s v="GLBATCH"/>
    <n v="2"/>
    <n v="2017"/>
  </r>
  <r>
    <s v="110"/>
    <d v="2017-02-15T00:00:00"/>
    <x v="2"/>
    <x v="0"/>
    <s v="10828"/>
    <s v="GLNANDA"/>
    <n v="0"/>
    <n v="1335"/>
    <s v="Billed Revenues"/>
    <s v="EXV"/>
    <s v="NONBU"/>
    <s v="G0000110"/>
    <s v="N"/>
    <s v="MACSS Dist Billed Revenue-03"/>
    <s v=""/>
    <x v="0"/>
    <s v="CAD0330224"/>
    <s v="S"/>
    <s v="KY"/>
    <s v="REV"/>
    <s v="974"/>
    <s v="GLBATCH"/>
    <n v="2"/>
    <n v="2017"/>
  </r>
  <r>
    <s v="110"/>
    <d v="2017-02-15T00:00:00"/>
    <x v="2"/>
    <x v="0"/>
    <s v="10828"/>
    <s v="GLNANDA"/>
    <n v="-306225.02"/>
    <n v="-2277709"/>
    <s v="Billed Revenues"/>
    <s v="EXV"/>
    <s v="NONBU"/>
    <s v="G0000110"/>
    <s v="N"/>
    <s v="MACSS Dist Billed Revenue-03"/>
    <s v=""/>
    <x v="0"/>
    <s v="CAD0330224"/>
    <s v="S"/>
    <s v="KY"/>
    <s v="REV"/>
    <s v="974"/>
    <s v="GLBATCH"/>
    <n v="2"/>
    <n v="2017"/>
  </r>
  <r>
    <s v="110"/>
    <d v="2017-02-15T00:00:00"/>
    <x v="3"/>
    <x v="0"/>
    <s v="10828"/>
    <s v="GLNANDA"/>
    <n v="0"/>
    <n v="11"/>
    <s v="Billed Revenues"/>
    <s v="EXV"/>
    <s v="NONBU"/>
    <s v="G0000110"/>
    <s v="N"/>
    <s v="MACSS Dist Billed Revenue-03"/>
    <s v=""/>
    <x v="0"/>
    <s v="CAD0330224"/>
    <s v="S"/>
    <s v="KY"/>
    <s v="REV"/>
    <s v="974"/>
    <s v="GLBATCH"/>
    <n v="2"/>
    <n v="2017"/>
  </r>
  <r>
    <s v="110"/>
    <d v="2017-02-15T00:00:00"/>
    <x v="7"/>
    <x v="0"/>
    <s v="10828"/>
    <s v="GLNANDA"/>
    <n v="-84883.07"/>
    <n v="-693795"/>
    <s v="Billed Revenues"/>
    <s v="EXV"/>
    <s v="NONBU"/>
    <s v="G0000110"/>
    <s v="N"/>
    <s v="MACSS Dist Billed Revenue-03"/>
    <s v=""/>
    <x v="0"/>
    <s v="CAD0330224"/>
    <s v="S"/>
    <s v="KY"/>
    <s v="REV"/>
    <s v="974"/>
    <s v="GLBATCH"/>
    <n v="2"/>
    <n v="2017"/>
  </r>
  <r>
    <s v="110"/>
    <d v="2017-02-15T00:00:00"/>
    <x v="0"/>
    <x v="0"/>
    <s v="10828"/>
    <s v="GLNANDA"/>
    <n v="0"/>
    <n v="51"/>
    <s v="Billed Revenues"/>
    <s v="EXV"/>
    <s v="NONBU"/>
    <s v="G0000110"/>
    <s v="N"/>
    <s v="MACSS Dist Billed Revenue-03"/>
    <s v=""/>
    <x v="0"/>
    <s v="CAD0330227"/>
    <s v="S"/>
    <s v="KY"/>
    <s v="REV"/>
    <s v="974"/>
    <s v="GLBATCH"/>
    <n v="2"/>
    <n v="2017"/>
  </r>
  <r>
    <s v="110"/>
    <d v="2017-02-15T00:00:00"/>
    <x v="3"/>
    <x v="0"/>
    <s v="10828"/>
    <s v="GLNANDA"/>
    <n v="-433955.46"/>
    <n v="-5036333"/>
    <s v="Billed Revenues"/>
    <s v="EXV"/>
    <s v="NONBU"/>
    <s v="G0000110"/>
    <s v="N"/>
    <s v="MACSS Dist Billed Revenue-03"/>
    <s v=""/>
    <x v="0"/>
    <s v="CAD0330227"/>
    <s v="S"/>
    <s v="KY"/>
    <s v="REV"/>
    <s v="974"/>
    <s v="GLBATCH"/>
    <n v="2"/>
    <n v="2017"/>
  </r>
  <r>
    <s v="110"/>
    <d v="2017-02-15T00:00:00"/>
    <x v="7"/>
    <x v="0"/>
    <s v="10828"/>
    <s v="GLNANDA"/>
    <n v="0"/>
    <n v="29"/>
    <s v="Billed Revenues"/>
    <s v="EXV"/>
    <s v="NONBU"/>
    <s v="G0000110"/>
    <s v="N"/>
    <s v="MACSS Dist Billed Revenue-03"/>
    <s v=""/>
    <x v="0"/>
    <s v="CAD0330227"/>
    <s v="S"/>
    <s v="KY"/>
    <s v="REV"/>
    <s v="974"/>
    <s v="GLBATCH"/>
    <n v="2"/>
    <n v="2017"/>
  </r>
  <r>
    <s v="110"/>
    <d v="2017-02-15T00:00:00"/>
    <x v="7"/>
    <x v="0"/>
    <s v="10828"/>
    <s v="GLNANDA"/>
    <n v="-33878.92"/>
    <n v="-272648"/>
    <s v="Billed Revenues"/>
    <s v="EXV"/>
    <s v="NONBU"/>
    <s v="G0000110"/>
    <s v="N"/>
    <s v="MACSS Dist Billed Revenue-03"/>
    <s v=""/>
    <x v="0"/>
    <s v="CAD0330227"/>
    <s v="S"/>
    <s v="KY"/>
    <s v="REV"/>
    <s v="974"/>
    <s v="GLBATCH"/>
    <n v="2"/>
    <n v="2017"/>
  </r>
  <r>
    <s v="110"/>
    <d v="2017-02-15T00:00:00"/>
    <x v="6"/>
    <x v="0"/>
    <s v="10828"/>
    <s v="GLNANDA"/>
    <n v="0"/>
    <n v="15"/>
    <s v="Billed Revenues"/>
    <s v="EXV"/>
    <s v="NONBU"/>
    <s v="G0000110"/>
    <s v="N"/>
    <s v="MACSS Dist Billed Revenue-03"/>
    <s v=""/>
    <x v="0"/>
    <s v="CAD0330227"/>
    <s v="S"/>
    <s v="KY"/>
    <s v="REV"/>
    <s v="974"/>
    <s v="GLBATCH"/>
    <n v="2"/>
    <n v="2017"/>
  </r>
  <r>
    <s v="110"/>
    <d v="2017-02-15T00:00:00"/>
    <x v="6"/>
    <x v="0"/>
    <s v="10828"/>
    <s v="GLNANDA"/>
    <n v="-811.05"/>
    <n v="-4241"/>
    <s v="Billed Revenues"/>
    <s v="EXV"/>
    <s v="NONBU"/>
    <s v="G0000110"/>
    <s v="N"/>
    <s v="MACSS Dist Billed Revenue-03"/>
    <s v=""/>
    <x v="0"/>
    <s v="CAD0330227"/>
    <s v="S"/>
    <s v="KY"/>
    <s v="REV"/>
    <s v="974"/>
    <s v="GLBATCH"/>
    <n v="2"/>
    <n v="2017"/>
  </r>
  <r>
    <s v="110"/>
    <d v="2017-02-15T00:00:00"/>
    <x v="5"/>
    <x v="0"/>
    <s v="10828"/>
    <s v="GLNANDA"/>
    <n v="0"/>
    <n v="149"/>
    <s v="Billed Revenues"/>
    <s v="EXV"/>
    <s v="NONBU"/>
    <s v="G0000110"/>
    <s v="N"/>
    <s v="MACSS Dist Billed Revenue-03"/>
    <s v=""/>
    <x v="0"/>
    <s v="CAD0330227"/>
    <s v="S"/>
    <s v="KY"/>
    <s v="REV"/>
    <s v="974"/>
    <s v="GLBATCH"/>
    <n v="2"/>
    <n v="2017"/>
  </r>
  <r>
    <s v="110"/>
    <d v="2017-02-15T00:00:00"/>
    <x v="5"/>
    <x v="0"/>
    <s v="10828"/>
    <s v="GLNANDA"/>
    <n v="-68088.58"/>
    <n v="-526825"/>
    <s v="Billed Revenues"/>
    <s v="EXV"/>
    <s v="NONBU"/>
    <s v="G0000110"/>
    <s v="N"/>
    <s v="MACSS Dist Billed Revenue-03"/>
    <s v=""/>
    <x v="0"/>
    <s v="CAD0330227"/>
    <s v="S"/>
    <s v="KY"/>
    <s v="REV"/>
    <s v="974"/>
    <s v="GLBATCH"/>
    <n v="2"/>
    <n v="2017"/>
  </r>
  <r>
    <s v="110"/>
    <d v="2017-02-15T00:00:00"/>
    <x v="4"/>
    <x v="0"/>
    <s v="10828"/>
    <s v="GLNANDA"/>
    <n v="0"/>
    <n v="3507"/>
    <s v="Billed Revenues"/>
    <s v="EXV"/>
    <s v="NONBU"/>
    <s v="G0000110"/>
    <s v="N"/>
    <s v="MACSS Dist Billed Revenue-03"/>
    <s v=""/>
    <x v="0"/>
    <s v="CAD0330227"/>
    <s v="S"/>
    <s v="KY"/>
    <s v="REV"/>
    <s v="974"/>
    <s v="GLBATCH"/>
    <n v="2"/>
    <n v="2017"/>
  </r>
  <r>
    <s v="110"/>
    <d v="2017-02-15T00:00:00"/>
    <x v="4"/>
    <x v="0"/>
    <s v="10828"/>
    <s v="GLNANDA"/>
    <n v="-617949.89"/>
    <n v="-5188108"/>
    <s v="Billed Revenues"/>
    <s v="EXV"/>
    <s v="NONBU"/>
    <s v="G0000110"/>
    <s v="N"/>
    <s v="MACSS Dist Billed Revenue-03"/>
    <s v=""/>
    <x v="0"/>
    <s v="CAD0330227"/>
    <s v="S"/>
    <s v="KY"/>
    <s v="REV"/>
    <s v="974"/>
    <s v="GLBATCH"/>
    <n v="2"/>
    <n v="2017"/>
  </r>
  <r>
    <s v="110"/>
    <d v="2017-02-15T00:00:00"/>
    <x v="1"/>
    <x v="0"/>
    <s v="10828"/>
    <s v="GLNANDA"/>
    <n v="0"/>
    <n v="2409"/>
    <s v="Billed Revenues"/>
    <s v="EXV"/>
    <s v="NONBU"/>
    <s v="G0000110"/>
    <s v="N"/>
    <s v="MACSS Dist Billed Revenue-03"/>
    <s v=""/>
    <x v="0"/>
    <s v="CAD0330227"/>
    <s v="S"/>
    <s v="KY"/>
    <s v="REV"/>
    <s v="974"/>
    <s v="GLBATCH"/>
    <n v="2"/>
    <n v="2017"/>
  </r>
  <r>
    <s v="110"/>
    <d v="2017-02-15T00:00:00"/>
    <x v="1"/>
    <x v="0"/>
    <s v="10828"/>
    <s v="GLNANDA"/>
    <n v="-277985.87"/>
    <n v="-2224279"/>
    <s v="Billed Revenues"/>
    <s v="EXV"/>
    <s v="NONBU"/>
    <s v="G0000110"/>
    <s v="N"/>
    <s v="MACSS Dist Billed Revenue-03"/>
    <s v=""/>
    <x v="0"/>
    <s v="CAD0330227"/>
    <s v="S"/>
    <s v="KY"/>
    <s v="REV"/>
    <s v="974"/>
    <s v="GLBATCH"/>
    <n v="2"/>
    <n v="2017"/>
  </r>
  <r>
    <s v="110"/>
    <d v="2017-02-15T00:00:00"/>
    <x v="2"/>
    <x v="0"/>
    <s v="10828"/>
    <s v="GLNANDA"/>
    <n v="0"/>
    <n v="1381"/>
    <s v="Billed Revenues"/>
    <s v="EXV"/>
    <s v="NONBU"/>
    <s v="G0000110"/>
    <s v="N"/>
    <s v="MACSS Dist Billed Revenue-03"/>
    <s v=""/>
    <x v="0"/>
    <s v="CAD0330227"/>
    <s v="S"/>
    <s v="KY"/>
    <s v="REV"/>
    <s v="974"/>
    <s v="GLBATCH"/>
    <n v="2"/>
    <n v="2017"/>
  </r>
  <r>
    <s v="110"/>
    <d v="2017-02-15T00:00:00"/>
    <x v="2"/>
    <x v="0"/>
    <s v="10828"/>
    <s v="GLNANDA"/>
    <n v="-573906.57999999996"/>
    <n v="-4751794"/>
    <s v="Billed Revenues"/>
    <s v="EXV"/>
    <s v="NONBU"/>
    <s v="G0000110"/>
    <s v="N"/>
    <s v="MACSS Dist Billed Revenue-03"/>
    <s v=""/>
    <x v="0"/>
    <s v="CAD0330227"/>
    <s v="S"/>
    <s v="KY"/>
    <s v="REV"/>
    <s v="974"/>
    <s v="GLBATCH"/>
    <n v="2"/>
    <n v="2017"/>
  </r>
  <r>
    <s v="110"/>
    <d v="2017-02-15T00:00:00"/>
    <x v="3"/>
    <x v="0"/>
    <s v="10828"/>
    <s v="GLNANDA"/>
    <n v="0"/>
    <n v="26"/>
    <s v="Billed Revenues"/>
    <s v="EXV"/>
    <s v="NONBU"/>
    <s v="G0000110"/>
    <s v="N"/>
    <s v="MACSS Dist Billed Revenue-03"/>
    <s v=""/>
    <x v="0"/>
    <s v="CAD0330227"/>
    <s v="S"/>
    <s v="KY"/>
    <s v="REV"/>
    <s v="974"/>
    <s v="GLBATCH"/>
    <n v="2"/>
    <n v="2017"/>
  </r>
  <r>
    <s v="110"/>
    <d v="2017-02-15T00:00:00"/>
    <x v="0"/>
    <x v="0"/>
    <s v="10828"/>
    <s v="GLNANDA"/>
    <n v="-369804.42"/>
    <n v="-4642302"/>
    <s v="Billed Revenues"/>
    <s v="EXV"/>
    <s v="NONBU"/>
    <s v="G0000110"/>
    <s v="N"/>
    <s v="MACSS Dist Billed Revenue-03"/>
    <s v=""/>
    <x v="0"/>
    <s v="CAD0330227"/>
    <s v="S"/>
    <s v="KY"/>
    <s v="REV"/>
    <s v="974"/>
    <s v="GLBATCH"/>
    <n v="2"/>
    <n v="2017"/>
  </r>
  <r>
    <s v="110"/>
    <d v="2017-02-15T00:00:00"/>
    <x v="5"/>
    <x v="0"/>
    <s v="10828"/>
    <s v="GLNANDA"/>
    <n v="0"/>
    <n v="199"/>
    <s v="Billed Revenues"/>
    <s v="EXV"/>
    <s v="NONBU"/>
    <s v="G0000110"/>
    <s v="N"/>
    <s v="MACSS Dist Billed Revenue-03"/>
    <s v=""/>
    <x v="0"/>
    <s v="CAD0330228"/>
    <s v="S"/>
    <s v="KY"/>
    <s v="REV"/>
    <s v="974"/>
    <s v="GLBATCH"/>
    <n v="2"/>
    <n v="2017"/>
  </r>
  <r>
    <s v="110"/>
    <d v="2017-02-15T00:00:00"/>
    <x v="0"/>
    <x v="0"/>
    <s v="10828"/>
    <s v="GLNANDA"/>
    <n v="-75456.87"/>
    <n v="-665891"/>
    <s v="Billed Revenues"/>
    <s v="EXV"/>
    <s v="NONBU"/>
    <s v="G0000110"/>
    <s v="N"/>
    <s v="MACSS Dist Billed Revenue-03"/>
    <s v=""/>
    <x v="0"/>
    <s v="CAD0330228"/>
    <s v="S"/>
    <s v="KY"/>
    <s v="REV"/>
    <s v="974"/>
    <s v="GLBATCH"/>
    <n v="2"/>
    <n v="2017"/>
  </r>
  <r>
    <s v="110"/>
    <d v="2017-02-15T00:00:00"/>
    <x v="7"/>
    <x v="0"/>
    <s v="10828"/>
    <s v="GLNANDA"/>
    <n v="0"/>
    <n v="40"/>
    <s v="Billed Revenues"/>
    <s v="EXV"/>
    <s v="NONBU"/>
    <s v="G0000110"/>
    <s v="N"/>
    <s v="MACSS Dist Billed Revenue-03"/>
    <s v=""/>
    <x v="0"/>
    <s v="CAD0330228"/>
    <s v="S"/>
    <s v="KY"/>
    <s v="REV"/>
    <s v="974"/>
    <s v="GLBATCH"/>
    <n v="2"/>
    <n v="2017"/>
  </r>
  <r>
    <s v="110"/>
    <d v="2017-02-15T00:00:00"/>
    <x v="7"/>
    <x v="0"/>
    <s v="10828"/>
    <s v="GLNANDA"/>
    <n v="-122767.63"/>
    <n v="-1046458"/>
    <s v="Billed Revenues"/>
    <s v="EXV"/>
    <s v="NONBU"/>
    <s v="G0000110"/>
    <s v="N"/>
    <s v="MACSS Dist Billed Revenue-03"/>
    <s v=""/>
    <x v="0"/>
    <s v="CAD0330228"/>
    <s v="S"/>
    <s v="KY"/>
    <s v="REV"/>
    <s v="974"/>
    <s v="GLBATCH"/>
    <n v="2"/>
    <n v="2017"/>
  </r>
  <r>
    <s v="110"/>
    <d v="2017-02-15T00:00:00"/>
    <x v="6"/>
    <x v="0"/>
    <s v="10828"/>
    <s v="GLNANDA"/>
    <n v="0"/>
    <n v="71"/>
    <s v="Billed Revenues"/>
    <s v="EXV"/>
    <s v="NONBU"/>
    <s v="G0000110"/>
    <s v="N"/>
    <s v="MACSS Dist Billed Revenue-03"/>
    <s v=""/>
    <x v="0"/>
    <s v="CAD0330228"/>
    <s v="S"/>
    <s v="KY"/>
    <s v="REV"/>
    <s v="974"/>
    <s v="GLBATCH"/>
    <n v="2"/>
    <n v="2017"/>
  </r>
  <r>
    <s v="110"/>
    <d v="2017-02-15T00:00:00"/>
    <x v="6"/>
    <x v="0"/>
    <s v="10828"/>
    <s v="GLNANDA"/>
    <n v="-137396.94"/>
    <n v="-755536"/>
    <s v="Billed Revenues"/>
    <s v="EXV"/>
    <s v="NONBU"/>
    <s v="G0000110"/>
    <s v="N"/>
    <s v="MACSS Dist Billed Revenue-03"/>
    <s v=""/>
    <x v="0"/>
    <s v="CAD0330228"/>
    <s v="S"/>
    <s v="KY"/>
    <s v="REV"/>
    <s v="974"/>
    <s v="GLBATCH"/>
    <n v="2"/>
    <n v="2017"/>
  </r>
  <r>
    <s v="110"/>
    <d v="2017-02-15T00:00:00"/>
    <x v="1"/>
    <x v="0"/>
    <s v="10828"/>
    <s v="GLNANDA"/>
    <n v="0"/>
    <n v="2569"/>
    <s v="Billed Revenues"/>
    <s v="EXV"/>
    <s v="NONBU"/>
    <s v="G0000110"/>
    <s v="N"/>
    <s v="MACSS Dist Billed Revenue-03"/>
    <s v=""/>
    <x v="0"/>
    <s v="CAD0330228"/>
    <s v="S"/>
    <s v="KY"/>
    <s v="REV"/>
    <s v="974"/>
    <s v="GLBATCH"/>
    <n v="2"/>
    <n v="2017"/>
  </r>
  <r>
    <s v="110"/>
    <d v="2017-02-15T00:00:00"/>
    <x v="1"/>
    <x v="0"/>
    <s v="10828"/>
    <s v="GLNANDA"/>
    <n v="-304849.68"/>
    <n v="-2456381"/>
    <s v="Billed Revenues"/>
    <s v="EXV"/>
    <s v="NONBU"/>
    <s v="G0000110"/>
    <s v="N"/>
    <s v="MACSS Dist Billed Revenue-03"/>
    <s v=""/>
    <x v="0"/>
    <s v="CAD0330228"/>
    <s v="S"/>
    <s v="KY"/>
    <s v="REV"/>
    <s v="974"/>
    <s v="GLBATCH"/>
    <n v="2"/>
    <n v="2017"/>
  </r>
  <r>
    <s v="110"/>
    <d v="2017-02-15T00:00:00"/>
    <x v="4"/>
    <x v="0"/>
    <s v="10828"/>
    <s v="GLNANDA"/>
    <n v="0"/>
    <n v="2949"/>
    <s v="Billed Revenues"/>
    <s v="EXV"/>
    <s v="NONBU"/>
    <s v="G0000110"/>
    <s v="N"/>
    <s v="MACSS Dist Billed Revenue-03"/>
    <s v=""/>
    <x v="0"/>
    <s v="CAD0330228"/>
    <s v="S"/>
    <s v="KY"/>
    <s v="REV"/>
    <s v="974"/>
    <s v="GLBATCH"/>
    <n v="2"/>
    <n v="2017"/>
  </r>
  <r>
    <s v="110"/>
    <d v="2017-02-15T00:00:00"/>
    <x v="4"/>
    <x v="0"/>
    <s v="10828"/>
    <s v="GLNANDA"/>
    <n v="-575480.93999999994"/>
    <n v="-4869185"/>
    <s v="Billed Revenues"/>
    <s v="EXV"/>
    <s v="NONBU"/>
    <s v="G0000110"/>
    <s v="N"/>
    <s v="MACSS Dist Billed Revenue-03"/>
    <s v=""/>
    <x v="0"/>
    <s v="CAD0330228"/>
    <s v="S"/>
    <s v="KY"/>
    <s v="REV"/>
    <s v="974"/>
    <s v="GLBATCH"/>
    <n v="2"/>
    <n v="2017"/>
  </r>
  <r>
    <s v="110"/>
    <d v="2017-02-15T00:00:00"/>
    <x v="2"/>
    <x v="0"/>
    <s v="10828"/>
    <s v="GLNANDA"/>
    <n v="0"/>
    <n v="1164"/>
    <s v="Billed Revenues"/>
    <s v="EXV"/>
    <s v="NONBU"/>
    <s v="G0000110"/>
    <s v="N"/>
    <s v="MACSS Dist Billed Revenue-03"/>
    <s v=""/>
    <x v="0"/>
    <s v="CAD0330228"/>
    <s v="S"/>
    <s v="KY"/>
    <s v="REV"/>
    <s v="974"/>
    <s v="GLBATCH"/>
    <n v="2"/>
    <n v="2017"/>
  </r>
  <r>
    <s v="110"/>
    <d v="2017-02-15T00:00:00"/>
    <x v="2"/>
    <x v="0"/>
    <s v="10828"/>
    <s v="GLNANDA"/>
    <n v="-500256.2"/>
    <n v="-3951258"/>
    <s v="Billed Revenues"/>
    <s v="EXV"/>
    <s v="NONBU"/>
    <s v="G0000110"/>
    <s v="N"/>
    <s v="MACSS Dist Billed Revenue-03"/>
    <s v=""/>
    <x v="0"/>
    <s v="CAD0330228"/>
    <s v="S"/>
    <s v="KY"/>
    <s v="REV"/>
    <s v="974"/>
    <s v="GLBATCH"/>
    <n v="2"/>
    <n v="2017"/>
  </r>
  <r>
    <s v="110"/>
    <d v="2017-02-15T00:00:00"/>
    <x v="3"/>
    <x v="0"/>
    <s v="10828"/>
    <s v="GLNANDA"/>
    <n v="0"/>
    <n v="28"/>
    <s v="Billed Revenues"/>
    <s v="EXV"/>
    <s v="NONBU"/>
    <s v="G0000110"/>
    <s v="N"/>
    <s v="MACSS Dist Billed Revenue-03"/>
    <s v=""/>
    <x v="0"/>
    <s v="CAD0330228"/>
    <s v="S"/>
    <s v="KY"/>
    <s v="REV"/>
    <s v="974"/>
    <s v="GLBATCH"/>
    <n v="2"/>
    <n v="2017"/>
  </r>
  <r>
    <s v="110"/>
    <d v="2017-02-15T00:00:00"/>
    <x v="3"/>
    <x v="0"/>
    <s v="10828"/>
    <s v="GLNANDA"/>
    <n v="-575724.11"/>
    <n v="-6722717"/>
    <s v="Billed Revenues"/>
    <s v="EXV"/>
    <s v="NONBU"/>
    <s v="G0000110"/>
    <s v="N"/>
    <s v="MACSS Dist Billed Revenue-03"/>
    <s v=""/>
    <x v="0"/>
    <s v="CAD0330228"/>
    <s v="S"/>
    <s v="KY"/>
    <s v="REV"/>
    <s v="974"/>
    <s v="GLBATCH"/>
    <n v="2"/>
    <n v="2017"/>
  </r>
  <r>
    <s v="110"/>
    <d v="2017-02-15T00:00:00"/>
    <x v="0"/>
    <x v="0"/>
    <s v="10828"/>
    <s v="GLNANDA"/>
    <n v="0"/>
    <n v="55"/>
    <s v="Billed Revenues"/>
    <s v="EXV"/>
    <s v="NONBU"/>
    <s v="G0000110"/>
    <s v="N"/>
    <s v="MACSS Dist Billed Revenue-03"/>
    <s v=""/>
    <x v="0"/>
    <s v="CAD0330228"/>
    <s v="S"/>
    <s v="KY"/>
    <s v="REV"/>
    <s v="974"/>
    <s v="GLBATCH"/>
    <n v="2"/>
    <n v="2017"/>
  </r>
  <r>
    <s v="110"/>
    <d v="2017-02-15T00:00:00"/>
    <x v="5"/>
    <x v="0"/>
    <s v="10828"/>
    <s v="GLNANDA"/>
    <n v="-92279.86"/>
    <n v="-851558"/>
    <s v="Billed Revenues"/>
    <s v="EXV"/>
    <s v="NONBU"/>
    <s v="G0000110"/>
    <s v="N"/>
    <s v="MACSS Dist Billed Revenue-03"/>
    <s v=""/>
    <x v="0"/>
    <s v="CAD0330228"/>
    <s v="S"/>
    <s v="KY"/>
    <s v="REV"/>
    <s v="974"/>
    <s v="GLBATCH"/>
    <n v="2"/>
    <n v="2017"/>
  </r>
  <r>
    <s v="110"/>
    <d v="2017-02-15T00:00:00"/>
    <x v="1"/>
    <x v="0"/>
    <s v="10828"/>
    <s v="GLNANDA"/>
    <n v="0"/>
    <n v="22"/>
    <s v="Billed Revenues"/>
    <s v="EXV"/>
    <s v="NONBU"/>
    <s v="G0000110"/>
    <s v="N"/>
    <s v="MACSS Dist Billed Revenue-03"/>
    <s v=""/>
    <x v="0"/>
    <s v="CAD0330301"/>
    <s v="S"/>
    <s v="KY"/>
    <s v="REV"/>
    <s v="974"/>
    <s v="GLBATCH"/>
    <n v="2"/>
    <n v="2017"/>
  </r>
  <r>
    <s v="110"/>
    <d v="2017-02-15T00:00:00"/>
    <x v="2"/>
    <x v="0"/>
    <s v="10828"/>
    <s v="GLNANDA"/>
    <n v="-27760.48"/>
    <n v="-222548"/>
    <s v="Billed Revenues"/>
    <s v="EXV"/>
    <s v="NONBU"/>
    <s v="G0000110"/>
    <s v="N"/>
    <s v="MACSS Dist Billed Revenue-03"/>
    <s v=""/>
    <x v="0"/>
    <s v="CAD0330301"/>
    <s v="S"/>
    <s v="KY"/>
    <s v="REV"/>
    <s v="974"/>
    <s v="GLBATCH"/>
    <n v="2"/>
    <n v="2017"/>
  </r>
  <r>
    <s v="110"/>
    <d v="2017-02-15T00:00:00"/>
    <x v="2"/>
    <x v="0"/>
    <s v="10828"/>
    <s v="GLNANDA"/>
    <n v="0"/>
    <n v="46"/>
    <s v="Billed Revenues"/>
    <s v="EXV"/>
    <s v="NONBU"/>
    <s v="G0000110"/>
    <s v="N"/>
    <s v="MACSS Dist Billed Revenue-03"/>
    <s v=""/>
    <x v="0"/>
    <s v="CAD0330301"/>
    <s v="S"/>
    <s v="KY"/>
    <s v="REV"/>
    <s v="974"/>
    <s v="GLBATCH"/>
    <n v="2"/>
    <n v="2017"/>
  </r>
  <r>
    <s v="110"/>
    <d v="2017-02-15T00:00:00"/>
    <x v="0"/>
    <x v="0"/>
    <s v="10828"/>
    <s v="GLNANDA"/>
    <n v="0"/>
    <n v="5"/>
    <s v="Billed Revenues"/>
    <s v="EXV"/>
    <s v="NONBU"/>
    <s v="G0000110"/>
    <s v="N"/>
    <s v="MACSS Dist Billed Revenue-03"/>
    <s v=""/>
    <x v="0"/>
    <s v="CAD0330301"/>
    <s v="S"/>
    <s v="KY"/>
    <s v="REV"/>
    <s v="974"/>
    <s v="GLBATCH"/>
    <n v="2"/>
    <n v="2017"/>
  </r>
  <r>
    <s v="110"/>
    <d v="2017-02-15T00:00:00"/>
    <x v="1"/>
    <x v="0"/>
    <s v="10828"/>
    <s v="GLNANDA"/>
    <n v="-2807.7"/>
    <n v="-23066"/>
    <s v="Billed Revenues"/>
    <s v="EXV"/>
    <s v="NONBU"/>
    <s v="G0000110"/>
    <s v="N"/>
    <s v="MACSS Dist Billed Revenue-03"/>
    <s v=""/>
    <x v="0"/>
    <s v="CAD0330301"/>
    <s v="S"/>
    <s v="KY"/>
    <s v="REV"/>
    <s v="974"/>
    <s v="GLBATCH"/>
    <n v="2"/>
    <n v="2017"/>
  </r>
  <r>
    <s v="110"/>
    <d v="2017-02-15T00:00:00"/>
    <x v="4"/>
    <x v="0"/>
    <s v="10828"/>
    <s v="GLNANDA"/>
    <n v="-6507.99"/>
    <n v="-54366"/>
    <s v="Billed Revenues"/>
    <s v="EXV"/>
    <s v="NONBU"/>
    <s v="G0000110"/>
    <s v="N"/>
    <s v="MACSS Dist Billed Revenue-03"/>
    <s v=""/>
    <x v="0"/>
    <s v="CAD0330301"/>
    <s v="S"/>
    <s v="KY"/>
    <s v="REV"/>
    <s v="974"/>
    <s v="GLBATCH"/>
    <n v="2"/>
    <n v="2017"/>
  </r>
  <r>
    <s v="110"/>
    <d v="2017-02-15T00:00:00"/>
    <x v="7"/>
    <x v="0"/>
    <s v="10828"/>
    <s v="GLNANDA"/>
    <n v="0"/>
    <n v="5"/>
    <s v="Billed Revenues"/>
    <s v="EXV"/>
    <s v="NONBU"/>
    <s v="G0000110"/>
    <s v="N"/>
    <s v="MACSS Dist Billed Revenue-03"/>
    <s v=""/>
    <x v="0"/>
    <s v="CAD0330301"/>
    <s v="S"/>
    <s v="KY"/>
    <s v="REV"/>
    <s v="974"/>
    <s v="GLBATCH"/>
    <n v="2"/>
    <n v="2017"/>
  </r>
  <r>
    <s v="110"/>
    <d v="2017-02-15T00:00:00"/>
    <x v="0"/>
    <x v="0"/>
    <s v="10828"/>
    <s v="GLNANDA"/>
    <n v="-5491696.8600000003"/>
    <n v="-94876252"/>
    <s v="Billed Revenues"/>
    <s v="EXV"/>
    <s v="NONBU"/>
    <s v="G0000110"/>
    <s v="N"/>
    <s v="MACSS Dist Billed Revenue-03"/>
    <s v=""/>
    <x v="0"/>
    <s v="CAD0330301"/>
    <s v="S"/>
    <s v="KY"/>
    <s v="REV"/>
    <s v="974"/>
    <s v="GLBATCH"/>
    <n v="2"/>
    <n v="2017"/>
  </r>
  <r>
    <s v="110"/>
    <d v="2017-02-15T00:00:00"/>
    <x v="5"/>
    <x v="0"/>
    <s v="10828"/>
    <s v="GLNANDA"/>
    <n v="-1149.4100000000001"/>
    <n v="-9352"/>
    <s v="Billed Revenues"/>
    <s v="EXV"/>
    <s v="NONBU"/>
    <s v="G0000110"/>
    <s v="N"/>
    <s v="MACSS Dist Billed Revenue-03"/>
    <s v=""/>
    <x v="0"/>
    <s v="CAD0330301"/>
    <s v="S"/>
    <s v="KY"/>
    <s v="REV"/>
    <s v="974"/>
    <s v="GLBATCH"/>
    <n v="2"/>
    <n v="2017"/>
  </r>
  <r>
    <s v="110"/>
    <d v="2017-02-15T00:00:00"/>
    <x v="5"/>
    <x v="0"/>
    <s v="10828"/>
    <s v="GLNANDA"/>
    <n v="0"/>
    <n v="6"/>
    <s v="Billed Revenues"/>
    <s v="EXV"/>
    <s v="NONBU"/>
    <s v="G0000110"/>
    <s v="N"/>
    <s v="MACSS Dist Billed Revenue-03"/>
    <s v=""/>
    <x v="0"/>
    <s v="CAD0330301"/>
    <s v="S"/>
    <s v="KY"/>
    <s v="REV"/>
    <s v="974"/>
    <s v="GLBATCH"/>
    <n v="2"/>
    <n v="2017"/>
  </r>
  <r>
    <s v="110"/>
    <d v="2017-02-15T00:00:00"/>
    <x v="3"/>
    <x v="0"/>
    <s v="10828"/>
    <s v="GLNANDA"/>
    <n v="-74957.009999999995"/>
    <n v="-659851"/>
    <s v="Billed Revenues"/>
    <s v="EXV"/>
    <s v="NONBU"/>
    <s v="G0000110"/>
    <s v="N"/>
    <s v="MACSS Dist Billed Revenue-03"/>
    <s v=""/>
    <x v="0"/>
    <s v="CAD0330301"/>
    <s v="S"/>
    <s v="KY"/>
    <s v="REV"/>
    <s v="974"/>
    <s v="GLBATCH"/>
    <n v="2"/>
    <n v="2017"/>
  </r>
  <r>
    <s v="110"/>
    <d v="2017-02-15T00:00:00"/>
    <x v="3"/>
    <x v="0"/>
    <s v="10828"/>
    <s v="GLNANDA"/>
    <n v="0"/>
    <n v="10"/>
    <s v="Billed Revenues"/>
    <s v="EXV"/>
    <s v="NONBU"/>
    <s v="G0000110"/>
    <s v="N"/>
    <s v="MACSS Dist Billed Revenue-03"/>
    <s v=""/>
    <x v="0"/>
    <s v="CAD0330301"/>
    <s v="S"/>
    <s v="KY"/>
    <s v="REV"/>
    <s v="974"/>
    <s v="GLBATCH"/>
    <n v="2"/>
    <n v="2017"/>
  </r>
  <r>
    <s v="110"/>
    <d v="2017-02-15T00:00:00"/>
    <x v="7"/>
    <x v="0"/>
    <s v="10828"/>
    <s v="GLNANDA"/>
    <n v="-307.76"/>
    <n v="-1664"/>
    <s v="Billed Revenues"/>
    <s v="EXV"/>
    <s v="NONBU"/>
    <s v="G0000110"/>
    <s v="N"/>
    <s v="MACSS Dist Billed Revenue-03"/>
    <s v=""/>
    <x v="0"/>
    <s v="CAD0330301"/>
    <s v="S"/>
    <s v="KY"/>
    <s v="REV"/>
    <s v="974"/>
    <s v="GLBATCH"/>
    <n v="2"/>
    <n v="2017"/>
  </r>
  <r>
    <s v="110"/>
    <d v="2017-02-15T00:00:00"/>
    <x v="4"/>
    <x v="0"/>
    <s v="10828"/>
    <s v="GLNANDA"/>
    <n v="0"/>
    <n v="43"/>
    <s v="Billed Revenues"/>
    <s v="EXV"/>
    <s v="NONBU"/>
    <s v="G0000110"/>
    <s v="N"/>
    <s v="MACSS Dist Billed Revenue-03"/>
    <s v=""/>
    <x v="0"/>
    <s v="CAD0330301"/>
    <s v="S"/>
    <s v="KY"/>
    <s v="REV"/>
    <s v="974"/>
    <s v="GLBATCH"/>
    <n v="2"/>
    <n v="2017"/>
  </r>
  <r>
    <s v="110"/>
    <d v="2016-03-15T00:00:00"/>
    <x v="0"/>
    <x v="0"/>
    <s v="10828"/>
    <s v="GLNANDA"/>
    <n v="-240961.35"/>
    <n v="-2701107"/>
    <s v="Billed Revenues"/>
    <s v="EXV"/>
    <s v="NONBU"/>
    <s v="G0000110"/>
    <s v="N"/>
    <s v="MACSS Dist Billed Revenue-03"/>
    <s v=""/>
    <x v="0"/>
    <s v="CAD0330301"/>
    <s v="S"/>
    <s v="KY"/>
    <s v="REV"/>
    <s v="974"/>
    <s v="GLBATCH"/>
    <n v="3"/>
    <n v="2016"/>
  </r>
  <r>
    <s v="110"/>
    <d v="2016-03-15T00:00:00"/>
    <x v="0"/>
    <x v="0"/>
    <s v="10828"/>
    <s v="GLNANDA"/>
    <n v="0"/>
    <n v="56"/>
    <s v="Billed Revenues"/>
    <s v="EXV"/>
    <s v="NONBU"/>
    <s v="G0000110"/>
    <s v="N"/>
    <s v="MACSS Dist Billed Revenue-03"/>
    <s v=""/>
    <x v="0"/>
    <s v="CAD0330301"/>
    <s v="S"/>
    <s v="KY"/>
    <s v="REV"/>
    <s v="974"/>
    <s v="GLBATCH"/>
    <n v="3"/>
    <n v="2016"/>
  </r>
  <r>
    <s v="110"/>
    <d v="2016-03-15T00:00:00"/>
    <x v="1"/>
    <x v="0"/>
    <s v="10828"/>
    <s v="GLNANDA"/>
    <n v="-330249.12"/>
    <n v="-2924560"/>
    <s v="Billed Revenues"/>
    <s v="EXV"/>
    <s v="NONBU"/>
    <s v="G0000110"/>
    <s v="N"/>
    <s v="MACSS Dist Billed Revenue-03"/>
    <s v=""/>
    <x v="0"/>
    <s v="CAD0330301"/>
    <s v="S"/>
    <s v="KY"/>
    <s v="REV"/>
    <s v="974"/>
    <s v="GLBATCH"/>
    <n v="3"/>
    <n v="2016"/>
  </r>
  <r>
    <s v="110"/>
    <d v="2016-03-15T00:00:00"/>
    <x v="1"/>
    <x v="0"/>
    <s v="10828"/>
    <s v="GLNANDA"/>
    <n v="0"/>
    <n v="2214"/>
    <s v="Billed Revenues"/>
    <s v="EXV"/>
    <s v="NONBU"/>
    <s v="G0000110"/>
    <s v="N"/>
    <s v="MACSS Dist Billed Revenue-03"/>
    <s v=""/>
    <x v="0"/>
    <s v="CAD0330301"/>
    <s v="S"/>
    <s v="KY"/>
    <s v="REV"/>
    <s v="974"/>
    <s v="GLBATCH"/>
    <n v="3"/>
    <n v="2016"/>
  </r>
  <r>
    <s v="110"/>
    <d v="2016-03-15T00:00:00"/>
    <x v="2"/>
    <x v="0"/>
    <s v="10828"/>
    <s v="GLNANDA"/>
    <n v="-729083.52"/>
    <n v="-6049267"/>
    <s v="Billed Revenues"/>
    <s v="EXV"/>
    <s v="NONBU"/>
    <s v="G0000110"/>
    <s v="N"/>
    <s v="MACSS Dist Billed Revenue-03"/>
    <s v=""/>
    <x v="0"/>
    <s v="CAD0330301"/>
    <s v="S"/>
    <s v="KY"/>
    <s v="REV"/>
    <s v="974"/>
    <s v="GLBATCH"/>
    <n v="3"/>
    <n v="2016"/>
  </r>
  <r>
    <s v="110"/>
    <d v="2016-03-15T00:00:00"/>
    <x v="2"/>
    <x v="0"/>
    <s v="10828"/>
    <s v="GLNANDA"/>
    <n v="0"/>
    <n v="1673"/>
    <s v="Billed Revenues"/>
    <s v="EXV"/>
    <s v="NONBU"/>
    <s v="G0000110"/>
    <s v="N"/>
    <s v="MACSS Dist Billed Revenue-03"/>
    <s v=""/>
    <x v="0"/>
    <s v="CAD0330301"/>
    <s v="S"/>
    <s v="KY"/>
    <s v="REV"/>
    <s v="974"/>
    <s v="GLBATCH"/>
    <n v="3"/>
    <n v="2016"/>
  </r>
  <r>
    <s v="110"/>
    <d v="2016-03-15T00:00:00"/>
    <x v="4"/>
    <x v="0"/>
    <s v="10828"/>
    <s v="GLNANDA"/>
    <n v="-1125660.8400000001"/>
    <n v="-10353445"/>
    <s v="Billed Revenues"/>
    <s v="EXV"/>
    <s v="NONBU"/>
    <s v="G0000110"/>
    <s v="N"/>
    <s v="MACSS Dist Billed Revenue-03"/>
    <s v=""/>
    <x v="0"/>
    <s v="CAD0330301"/>
    <s v="S"/>
    <s v="KY"/>
    <s v="REV"/>
    <s v="974"/>
    <s v="GLBATCH"/>
    <n v="3"/>
    <n v="2016"/>
  </r>
  <r>
    <s v="110"/>
    <d v="2016-03-15T00:00:00"/>
    <x v="4"/>
    <x v="0"/>
    <s v="10828"/>
    <s v="GLNANDA"/>
    <n v="0"/>
    <n v="4871"/>
    <s v="Billed Revenues"/>
    <s v="EXV"/>
    <s v="NONBU"/>
    <s v="G0000110"/>
    <s v="N"/>
    <s v="MACSS Dist Billed Revenue-03"/>
    <s v=""/>
    <x v="0"/>
    <s v="CAD0330301"/>
    <s v="S"/>
    <s v="KY"/>
    <s v="REV"/>
    <s v="974"/>
    <s v="GLBATCH"/>
    <n v="3"/>
    <n v="2016"/>
  </r>
  <r>
    <s v="110"/>
    <d v="2016-03-15T00:00:00"/>
    <x v="5"/>
    <x v="0"/>
    <s v="10828"/>
    <s v="GLNANDA"/>
    <n v="-74344.63"/>
    <n v="-625427"/>
    <s v="Billed Revenues"/>
    <s v="EXV"/>
    <s v="NONBU"/>
    <s v="G0000110"/>
    <s v="N"/>
    <s v="MACSS Dist Billed Revenue-03"/>
    <s v=""/>
    <x v="0"/>
    <s v="CAD0330301"/>
    <s v="S"/>
    <s v="KY"/>
    <s v="REV"/>
    <s v="974"/>
    <s v="GLBATCH"/>
    <n v="3"/>
    <n v="2016"/>
  </r>
  <r>
    <s v="110"/>
    <d v="2016-03-15T00:00:00"/>
    <x v="5"/>
    <x v="0"/>
    <s v="10828"/>
    <s v="GLNANDA"/>
    <n v="0"/>
    <n v="142"/>
    <s v="Billed Revenues"/>
    <s v="EXV"/>
    <s v="NONBU"/>
    <s v="G0000110"/>
    <s v="N"/>
    <s v="MACSS Dist Billed Revenue-03"/>
    <s v=""/>
    <x v="0"/>
    <s v="CAD0330301"/>
    <s v="S"/>
    <s v="KY"/>
    <s v="REV"/>
    <s v="974"/>
    <s v="GLBATCH"/>
    <n v="3"/>
    <n v="2016"/>
  </r>
  <r>
    <s v="110"/>
    <d v="2016-03-15T00:00:00"/>
    <x v="6"/>
    <x v="0"/>
    <s v="10828"/>
    <s v="GLNANDA"/>
    <n v="-817.9"/>
    <n v="-3153"/>
    <s v="Billed Revenues"/>
    <s v="EXV"/>
    <s v="NONBU"/>
    <s v="G0000110"/>
    <s v="N"/>
    <s v="MACSS Dist Billed Revenue-03"/>
    <s v=""/>
    <x v="0"/>
    <s v="CAD0330301"/>
    <s v="S"/>
    <s v="KY"/>
    <s v="REV"/>
    <s v="974"/>
    <s v="GLBATCH"/>
    <n v="3"/>
    <n v="2016"/>
  </r>
  <r>
    <s v="110"/>
    <d v="2016-03-15T00:00:00"/>
    <x v="6"/>
    <x v="0"/>
    <s v="10828"/>
    <s v="GLNANDA"/>
    <n v="0"/>
    <n v="21"/>
    <s v="Billed Revenues"/>
    <s v="EXV"/>
    <s v="NONBU"/>
    <s v="G0000110"/>
    <s v="N"/>
    <s v="MACSS Dist Billed Revenue-03"/>
    <s v=""/>
    <x v="0"/>
    <s v="CAD0330301"/>
    <s v="S"/>
    <s v="KY"/>
    <s v="REV"/>
    <s v="974"/>
    <s v="GLBATCH"/>
    <n v="3"/>
    <n v="2016"/>
  </r>
  <r>
    <s v="110"/>
    <d v="2016-03-15T00:00:00"/>
    <x v="3"/>
    <x v="0"/>
    <s v="10828"/>
    <s v="GLNANDA"/>
    <n v="-7205.35"/>
    <n v="-61008"/>
    <s v="Billed Revenues"/>
    <s v="EXV"/>
    <s v="NONBU"/>
    <s v="G0000110"/>
    <s v="N"/>
    <s v="MACSS Dist Billed Revenue-03"/>
    <s v=""/>
    <x v="0"/>
    <s v="CAD0330301"/>
    <s v="S"/>
    <s v="KY"/>
    <s v="REV"/>
    <s v="974"/>
    <s v="GLBATCH"/>
    <n v="3"/>
    <n v="2016"/>
  </r>
  <r>
    <s v="110"/>
    <d v="2016-03-15T00:00:00"/>
    <x v="3"/>
    <x v="0"/>
    <s v="10828"/>
    <s v="GLNANDA"/>
    <n v="0"/>
    <n v="8"/>
    <s v="Billed Revenues"/>
    <s v="EXV"/>
    <s v="NONBU"/>
    <s v="G0000110"/>
    <s v="N"/>
    <s v="MACSS Dist Billed Revenue-03"/>
    <s v=""/>
    <x v="0"/>
    <s v="CAD0330301"/>
    <s v="S"/>
    <s v="KY"/>
    <s v="REV"/>
    <s v="974"/>
    <s v="GLBATCH"/>
    <n v="3"/>
    <n v="2016"/>
  </r>
  <r>
    <s v="110"/>
    <d v="2016-03-15T00:00:00"/>
    <x v="7"/>
    <x v="0"/>
    <s v="10828"/>
    <s v="GLNANDA"/>
    <n v="0"/>
    <n v="21"/>
    <s v="Billed Revenues"/>
    <s v="EXV"/>
    <s v="NONBU"/>
    <s v="G0000110"/>
    <s v="N"/>
    <s v="MACSS Dist Billed Revenue-03"/>
    <s v=""/>
    <x v="0"/>
    <s v="CAD0330301"/>
    <s v="S"/>
    <s v="KY"/>
    <s v="REV"/>
    <s v="974"/>
    <s v="GLBATCH"/>
    <n v="3"/>
    <n v="2016"/>
  </r>
  <r>
    <s v="110"/>
    <d v="2016-03-15T00:00:00"/>
    <x v="7"/>
    <x v="0"/>
    <s v="10828"/>
    <s v="GLNANDA"/>
    <n v="-65708.570000000007"/>
    <n v="-572564"/>
    <s v="Billed Revenues"/>
    <s v="EXV"/>
    <s v="NONBU"/>
    <s v="G0000110"/>
    <s v="N"/>
    <s v="MACSS Dist Billed Revenue-03"/>
    <s v=""/>
    <x v="0"/>
    <s v="CAD0330301"/>
    <s v="S"/>
    <s v="KY"/>
    <s v="REV"/>
    <s v="974"/>
    <s v="GLBATCH"/>
    <n v="3"/>
    <n v="2016"/>
  </r>
  <r>
    <s v="110"/>
    <d v="2016-03-15T00:00:00"/>
    <x v="3"/>
    <x v="0"/>
    <s v="10828"/>
    <s v="GLNANDA"/>
    <n v="0"/>
    <n v="23"/>
    <s v="Billed Revenues"/>
    <s v="EXV"/>
    <s v="NONBU"/>
    <s v="G0000110"/>
    <s v="N"/>
    <s v="MACSS Dist Billed Revenue-03"/>
    <s v=""/>
    <x v="0"/>
    <s v="CAD0330302"/>
    <s v="S"/>
    <s v="KY"/>
    <s v="REV"/>
    <s v="974"/>
    <s v="GLBATCH"/>
    <n v="3"/>
    <n v="2016"/>
  </r>
  <r>
    <s v="110"/>
    <d v="2016-03-15T00:00:00"/>
    <x v="3"/>
    <x v="0"/>
    <s v="10828"/>
    <s v="GLNANDA"/>
    <n v="-241546.13"/>
    <n v="-2538512"/>
    <s v="Billed Revenues"/>
    <s v="EXV"/>
    <s v="NONBU"/>
    <s v="G0000110"/>
    <s v="N"/>
    <s v="MACSS Dist Billed Revenue-03"/>
    <s v=""/>
    <x v="0"/>
    <s v="CAD0330302"/>
    <s v="S"/>
    <s v="KY"/>
    <s v="REV"/>
    <s v="974"/>
    <s v="GLBATCH"/>
    <n v="3"/>
    <n v="2016"/>
  </r>
  <r>
    <s v="110"/>
    <d v="2016-03-15T00:00:00"/>
    <x v="6"/>
    <x v="0"/>
    <s v="10828"/>
    <s v="GLNANDA"/>
    <n v="0"/>
    <n v="9"/>
    <s v="Billed Revenues"/>
    <s v="EXV"/>
    <s v="NONBU"/>
    <s v="G0000110"/>
    <s v="N"/>
    <s v="MACSS Dist Billed Revenue-03"/>
    <s v=""/>
    <x v="0"/>
    <s v="CAD0330302"/>
    <s v="S"/>
    <s v="KY"/>
    <s v="REV"/>
    <s v="974"/>
    <s v="GLBATCH"/>
    <n v="3"/>
    <n v="2016"/>
  </r>
  <r>
    <s v="110"/>
    <d v="2016-03-15T00:00:00"/>
    <x v="6"/>
    <x v="0"/>
    <s v="10828"/>
    <s v="GLNANDA"/>
    <n v="-1080.74"/>
    <n v="-7568"/>
    <s v="Billed Revenues"/>
    <s v="EXV"/>
    <s v="NONBU"/>
    <s v="G0000110"/>
    <s v="N"/>
    <s v="MACSS Dist Billed Revenue-03"/>
    <s v=""/>
    <x v="0"/>
    <s v="CAD0330302"/>
    <s v="S"/>
    <s v="KY"/>
    <s v="REV"/>
    <s v="974"/>
    <s v="GLBATCH"/>
    <n v="3"/>
    <n v="2016"/>
  </r>
  <r>
    <s v="110"/>
    <d v="2016-03-15T00:00:00"/>
    <x v="5"/>
    <x v="0"/>
    <s v="10828"/>
    <s v="GLNANDA"/>
    <n v="0"/>
    <n v="70"/>
    <s v="Billed Revenues"/>
    <s v="EXV"/>
    <s v="NONBU"/>
    <s v="G0000110"/>
    <s v="N"/>
    <s v="MACSS Dist Billed Revenue-03"/>
    <s v=""/>
    <x v="0"/>
    <s v="CAD0330302"/>
    <s v="S"/>
    <s v="KY"/>
    <s v="REV"/>
    <s v="974"/>
    <s v="GLBATCH"/>
    <n v="3"/>
    <n v="2016"/>
  </r>
  <r>
    <s v="110"/>
    <d v="2016-03-15T00:00:00"/>
    <x v="5"/>
    <x v="0"/>
    <s v="10828"/>
    <s v="GLNANDA"/>
    <n v="-29055.439999999999"/>
    <n v="-243475"/>
    <s v="Billed Revenues"/>
    <s v="EXV"/>
    <s v="NONBU"/>
    <s v="G0000110"/>
    <s v="N"/>
    <s v="MACSS Dist Billed Revenue-03"/>
    <s v=""/>
    <x v="0"/>
    <s v="CAD0330302"/>
    <s v="S"/>
    <s v="KY"/>
    <s v="REV"/>
    <s v="974"/>
    <s v="GLBATCH"/>
    <n v="3"/>
    <n v="2016"/>
  </r>
  <r>
    <s v="110"/>
    <d v="2016-03-15T00:00:00"/>
    <x v="4"/>
    <x v="0"/>
    <s v="10828"/>
    <s v="GLNANDA"/>
    <n v="0"/>
    <n v="4511"/>
    <s v="Billed Revenues"/>
    <s v="EXV"/>
    <s v="NONBU"/>
    <s v="G0000110"/>
    <s v="N"/>
    <s v="MACSS Dist Billed Revenue-03"/>
    <s v=""/>
    <x v="0"/>
    <s v="CAD0330302"/>
    <s v="S"/>
    <s v="KY"/>
    <s v="REV"/>
    <s v="974"/>
    <s v="GLBATCH"/>
    <n v="3"/>
    <n v="2016"/>
  </r>
  <r>
    <s v="110"/>
    <d v="2016-03-15T00:00:00"/>
    <x v="4"/>
    <x v="0"/>
    <s v="10828"/>
    <s v="GLNANDA"/>
    <n v="-950928.23"/>
    <n v="-8691960"/>
    <s v="Billed Revenues"/>
    <s v="EXV"/>
    <s v="NONBU"/>
    <s v="G0000110"/>
    <s v="N"/>
    <s v="MACSS Dist Billed Revenue-03"/>
    <s v=""/>
    <x v="0"/>
    <s v="CAD0330302"/>
    <s v="S"/>
    <s v="KY"/>
    <s v="REV"/>
    <s v="974"/>
    <s v="GLBATCH"/>
    <n v="3"/>
    <n v="2016"/>
  </r>
  <r>
    <s v="110"/>
    <d v="2016-03-15T00:00:00"/>
    <x v="2"/>
    <x v="0"/>
    <s v="10828"/>
    <s v="GLNANDA"/>
    <n v="0"/>
    <n v="1009"/>
    <s v="Billed Revenues"/>
    <s v="EXV"/>
    <s v="NONBU"/>
    <s v="G0000110"/>
    <s v="N"/>
    <s v="MACSS Dist Billed Revenue-03"/>
    <s v=""/>
    <x v="0"/>
    <s v="CAD0330302"/>
    <s v="S"/>
    <s v="KY"/>
    <s v="REV"/>
    <s v="974"/>
    <s v="GLBATCH"/>
    <n v="3"/>
    <n v="2016"/>
  </r>
  <r>
    <s v="110"/>
    <d v="2016-03-15T00:00:00"/>
    <x v="2"/>
    <x v="0"/>
    <s v="10828"/>
    <s v="GLNANDA"/>
    <n v="-194357.2"/>
    <n v="-1478868"/>
    <s v="Billed Revenues"/>
    <s v="EXV"/>
    <s v="NONBU"/>
    <s v="G0000110"/>
    <s v="N"/>
    <s v="MACSS Dist Billed Revenue-03"/>
    <s v=""/>
    <x v="0"/>
    <s v="CAD0330302"/>
    <s v="S"/>
    <s v="KY"/>
    <s v="REV"/>
    <s v="974"/>
    <s v="GLBATCH"/>
    <n v="3"/>
    <n v="2016"/>
  </r>
  <r>
    <s v="110"/>
    <d v="2016-03-15T00:00:00"/>
    <x v="1"/>
    <x v="0"/>
    <s v="10828"/>
    <s v="GLNANDA"/>
    <n v="0"/>
    <n v="2824"/>
    <s v="Billed Revenues"/>
    <s v="EXV"/>
    <s v="NONBU"/>
    <s v="G0000110"/>
    <s v="N"/>
    <s v="MACSS Dist Billed Revenue-03"/>
    <s v=""/>
    <x v="0"/>
    <s v="CAD0330302"/>
    <s v="S"/>
    <s v="KY"/>
    <s v="REV"/>
    <s v="974"/>
    <s v="GLBATCH"/>
    <n v="3"/>
    <n v="2016"/>
  </r>
  <r>
    <s v="110"/>
    <d v="2016-03-15T00:00:00"/>
    <x v="1"/>
    <x v="0"/>
    <s v="10828"/>
    <s v="GLNANDA"/>
    <n v="-361424.61"/>
    <n v="-3143358"/>
    <s v="Billed Revenues"/>
    <s v="EXV"/>
    <s v="NONBU"/>
    <s v="G0000110"/>
    <s v="N"/>
    <s v="MACSS Dist Billed Revenue-03"/>
    <s v=""/>
    <x v="0"/>
    <s v="CAD0330302"/>
    <s v="S"/>
    <s v="KY"/>
    <s v="REV"/>
    <s v="974"/>
    <s v="GLBATCH"/>
    <n v="3"/>
    <n v="2016"/>
  </r>
  <r>
    <s v="110"/>
    <d v="2016-03-15T00:00:00"/>
    <x v="0"/>
    <x v="0"/>
    <s v="10828"/>
    <s v="GLNANDA"/>
    <n v="0"/>
    <n v="71"/>
    <s v="Billed Revenues"/>
    <s v="EXV"/>
    <s v="NONBU"/>
    <s v="G0000110"/>
    <s v="N"/>
    <s v="MACSS Dist Billed Revenue-03"/>
    <s v=""/>
    <x v="0"/>
    <s v="CAD0330302"/>
    <s v="S"/>
    <s v="KY"/>
    <s v="REV"/>
    <s v="974"/>
    <s v="GLBATCH"/>
    <n v="3"/>
    <n v="2016"/>
  </r>
  <r>
    <s v="110"/>
    <d v="2016-03-15T00:00:00"/>
    <x v="0"/>
    <x v="0"/>
    <s v="10828"/>
    <s v="GLNANDA"/>
    <n v="-16017.17"/>
    <n v="-123425"/>
    <s v="Billed Revenues"/>
    <s v="EXV"/>
    <s v="NONBU"/>
    <s v="G0000110"/>
    <s v="N"/>
    <s v="MACSS Dist Billed Revenue-03"/>
    <s v=""/>
    <x v="0"/>
    <s v="CAD0330302"/>
    <s v="S"/>
    <s v="KY"/>
    <s v="REV"/>
    <s v="974"/>
    <s v="GLBATCH"/>
    <n v="3"/>
    <n v="2016"/>
  </r>
  <r>
    <s v="110"/>
    <d v="2016-03-15T00:00:00"/>
    <x v="7"/>
    <x v="0"/>
    <s v="10828"/>
    <s v="GLNANDA"/>
    <n v="0"/>
    <n v="18"/>
    <s v="Billed Revenues"/>
    <s v="EXV"/>
    <s v="NONBU"/>
    <s v="G0000110"/>
    <s v="N"/>
    <s v="MACSS Dist Billed Revenue-03"/>
    <s v=""/>
    <x v="0"/>
    <s v="CAD0330302"/>
    <s v="S"/>
    <s v="KY"/>
    <s v="REV"/>
    <s v="974"/>
    <s v="GLBATCH"/>
    <n v="3"/>
    <n v="2016"/>
  </r>
  <r>
    <s v="110"/>
    <d v="2016-03-15T00:00:00"/>
    <x v="7"/>
    <x v="0"/>
    <s v="10828"/>
    <s v="GLNANDA"/>
    <n v="-47626.83"/>
    <n v="-417148"/>
    <s v="Billed Revenues"/>
    <s v="EXV"/>
    <s v="NONBU"/>
    <s v="G0000110"/>
    <s v="N"/>
    <s v="MACSS Dist Billed Revenue-03"/>
    <s v=""/>
    <x v="0"/>
    <s v="CAD0330302"/>
    <s v="S"/>
    <s v="KY"/>
    <s v="REV"/>
    <s v="974"/>
    <s v="GLBATCH"/>
    <n v="3"/>
    <n v="2016"/>
  </r>
  <r>
    <s v="110"/>
    <d v="2016-03-15T00:00:00"/>
    <x v="3"/>
    <x v="0"/>
    <s v="10828"/>
    <s v="GLNANDA"/>
    <n v="0"/>
    <n v="11"/>
    <s v="Billed Revenues"/>
    <s v="EXV"/>
    <s v="NONBU"/>
    <s v="G0000110"/>
    <s v="N"/>
    <s v="MACSS Dist Billed Revenue-03"/>
    <s v=""/>
    <x v="0"/>
    <s v="CAD0330303"/>
    <s v="S"/>
    <s v="KY"/>
    <s v="REV"/>
    <s v="974"/>
    <s v="GLBATCH"/>
    <n v="3"/>
    <n v="2016"/>
  </r>
  <r>
    <s v="110"/>
    <d v="2016-03-15T00:00:00"/>
    <x v="2"/>
    <x v="0"/>
    <s v="10828"/>
    <s v="GLNANDA"/>
    <n v="-300879.90000000002"/>
    <n v="-2595462"/>
    <s v="Billed Revenues"/>
    <s v="EXV"/>
    <s v="NONBU"/>
    <s v="G0000110"/>
    <s v="N"/>
    <s v="MACSS Dist Billed Revenue-03"/>
    <s v=""/>
    <x v="0"/>
    <s v="CAD0330303"/>
    <s v="S"/>
    <s v="KY"/>
    <s v="REV"/>
    <s v="974"/>
    <s v="GLBATCH"/>
    <n v="3"/>
    <n v="2016"/>
  </r>
  <r>
    <s v="110"/>
    <d v="2016-03-15T00:00:00"/>
    <x v="5"/>
    <x v="0"/>
    <s v="10828"/>
    <s v="GLNANDA"/>
    <n v="0"/>
    <n v="62"/>
    <s v="Billed Revenues"/>
    <s v="EXV"/>
    <s v="NONBU"/>
    <s v="G0000110"/>
    <s v="N"/>
    <s v="MACSS Dist Billed Revenue-03"/>
    <s v=""/>
    <x v="0"/>
    <s v="CAD0330303"/>
    <s v="S"/>
    <s v="KY"/>
    <s v="REV"/>
    <s v="974"/>
    <s v="GLBATCH"/>
    <n v="3"/>
    <n v="2016"/>
  </r>
  <r>
    <s v="110"/>
    <d v="2016-03-15T00:00:00"/>
    <x v="5"/>
    <x v="0"/>
    <s v="10828"/>
    <s v="GLNANDA"/>
    <n v="-32204.87"/>
    <n v="-272912"/>
    <s v="Billed Revenues"/>
    <s v="EXV"/>
    <s v="NONBU"/>
    <s v="G0000110"/>
    <s v="N"/>
    <s v="MACSS Dist Billed Revenue-03"/>
    <s v=""/>
    <x v="0"/>
    <s v="CAD0330303"/>
    <s v="S"/>
    <s v="KY"/>
    <s v="REV"/>
    <s v="974"/>
    <s v="GLBATCH"/>
    <n v="3"/>
    <n v="2016"/>
  </r>
  <r>
    <s v="110"/>
    <d v="2016-03-15T00:00:00"/>
    <x v="7"/>
    <x v="0"/>
    <s v="10828"/>
    <s v="GLNANDA"/>
    <n v="0"/>
    <n v="46"/>
    <s v="Billed Revenues"/>
    <s v="EXV"/>
    <s v="NONBU"/>
    <s v="G0000110"/>
    <s v="N"/>
    <s v="MACSS Dist Billed Revenue-03"/>
    <s v=""/>
    <x v="0"/>
    <s v="CAD0330303"/>
    <s v="S"/>
    <s v="KY"/>
    <s v="REV"/>
    <s v="974"/>
    <s v="GLBATCH"/>
    <n v="3"/>
    <n v="2016"/>
  </r>
  <r>
    <s v="110"/>
    <d v="2016-03-15T00:00:00"/>
    <x v="7"/>
    <x v="0"/>
    <s v="10828"/>
    <s v="GLNANDA"/>
    <n v="-80189.100000000006"/>
    <n v="-678793"/>
    <s v="Billed Revenues"/>
    <s v="EXV"/>
    <s v="NONBU"/>
    <s v="G0000110"/>
    <s v="N"/>
    <s v="MACSS Dist Billed Revenue-03"/>
    <s v=""/>
    <x v="0"/>
    <s v="CAD0330303"/>
    <s v="S"/>
    <s v="KY"/>
    <s v="REV"/>
    <s v="974"/>
    <s v="GLBATCH"/>
    <n v="3"/>
    <n v="2016"/>
  </r>
  <r>
    <s v="110"/>
    <d v="2016-03-15T00:00:00"/>
    <x v="6"/>
    <x v="0"/>
    <s v="10828"/>
    <s v="GLNANDA"/>
    <n v="0"/>
    <n v="18"/>
    <s v="Billed Revenues"/>
    <s v="EXV"/>
    <s v="NONBU"/>
    <s v="G0000110"/>
    <s v="N"/>
    <s v="MACSS Dist Billed Revenue-03"/>
    <s v=""/>
    <x v="0"/>
    <s v="CAD0330303"/>
    <s v="S"/>
    <s v="KY"/>
    <s v="REV"/>
    <s v="974"/>
    <s v="GLBATCH"/>
    <n v="3"/>
    <n v="2016"/>
  </r>
  <r>
    <s v="110"/>
    <d v="2016-03-15T00:00:00"/>
    <x v="6"/>
    <x v="0"/>
    <s v="10828"/>
    <s v="GLNANDA"/>
    <n v="-2072.14"/>
    <n v="-14738"/>
    <s v="Billed Revenues"/>
    <s v="EXV"/>
    <s v="NONBU"/>
    <s v="G0000110"/>
    <s v="N"/>
    <s v="MACSS Dist Billed Revenue-03"/>
    <s v=""/>
    <x v="0"/>
    <s v="CAD0330303"/>
    <s v="S"/>
    <s v="KY"/>
    <s v="REV"/>
    <s v="974"/>
    <s v="GLBATCH"/>
    <n v="3"/>
    <n v="2016"/>
  </r>
  <r>
    <s v="110"/>
    <d v="2016-03-15T00:00:00"/>
    <x v="4"/>
    <x v="0"/>
    <s v="10828"/>
    <s v="GLNANDA"/>
    <n v="0"/>
    <n v="3923"/>
    <s v="Billed Revenues"/>
    <s v="EXV"/>
    <s v="NONBU"/>
    <s v="G0000110"/>
    <s v="N"/>
    <s v="MACSS Dist Billed Revenue-03"/>
    <s v=""/>
    <x v="0"/>
    <s v="CAD0330303"/>
    <s v="S"/>
    <s v="KY"/>
    <s v="REV"/>
    <s v="974"/>
    <s v="GLBATCH"/>
    <n v="3"/>
    <n v="2016"/>
  </r>
  <r>
    <s v="110"/>
    <d v="2016-03-15T00:00:00"/>
    <x v="4"/>
    <x v="0"/>
    <s v="10828"/>
    <s v="GLNANDA"/>
    <n v="-835991.84"/>
    <n v="-7650089"/>
    <s v="Billed Revenues"/>
    <s v="EXV"/>
    <s v="NONBU"/>
    <s v="G0000110"/>
    <s v="N"/>
    <s v="MACSS Dist Billed Revenue-03"/>
    <s v=""/>
    <x v="0"/>
    <s v="CAD0330303"/>
    <s v="S"/>
    <s v="KY"/>
    <s v="REV"/>
    <s v="974"/>
    <s v="GLBATCH"/>
    <n v="3"/>
    <n v="2016"/>
  </r>
  <r>
    <s v="110"/>
    <d v="2016-03-15T00:00:00"/>
    <x v="1"/>
    <x v="0"/>
    <s v="10828"/>
    <s v="GLNANDA"/>
    <n v="0"/>
    <n v="2745"/>
    <s v="Billed Revenues"/>
    <s v="EXV"/>
    <s v="NONBU"/>
    <s v="G0000110"/>
    <s v="N"/>
    <s v="MACSS Dist Billed Revenue-03"/>
    <s v=""/>
    <x v="0"/>
    <s v="CAD0330303"/>
    <s v="S"/>
    <s v="KY"/>
    <s v="REV"/>
    <s v="974"/>
    <s v="GLBATCH"/>
    <n v="3"/>
    <n v="2016"/>
  </r>
  <r>
    <s v="110"/>
    <d v="2016-03-15T00:00:00"/>
    <x v="1"/>
    <x v="0"/>
    <s v="10828"/>
    <s v="GLNANDA"/>
    <n v="-351403.51"/>
    <n v="-3060182"/>
    <s v="Billed Revenues"/>
    <s v="EXV"/>
    <s v="NONBU"/>
    <s v="G0000110"/>
    <s v="N"/>
    <s v="MACSS Dist Billed Revenue-03"/>
    <s v=""/>
    <x v="0"/>
    <s v="CAD0330303"/>
    <s v="S"/>
    <s v="KY"/>
    <s v="REV"/>
    <s v="974"/>
    <s v="GLBATCH"/>
    <n v="3"/>
    <n v="2016"/>
  </r>
  <r>
    <s v="110"/>
    <d v="2016-03-15T00:00:00"/>
    <x v="0"/>
    <x v="0"/>
    <s v="10828"/>
    <s v="GLNANDA"/>
    <n v="0"/>
    <n v="36"/>
    <s v="Billed Revenues"/>
    <s v="EXV"/>
    <s v="NONBU"/>
    <s v="G0000110"/>
    <s v="N"/>
    <s v="MACSS Dist Billed Revenue-03"/>
    <s v=""/>
    <x v="0"/>
    <s v="CAD0330303"/>
    <s v="S"/>
    <s v="KY"/>
    <s v="REV"/>
    <s v="974"/>
    <s v="GLBATCH"/>
    <n v="3"/>
    <n v="2016"/>
  </r>
  <r>
    <s v="110"/>
    <d v="2016-03-15T00:00:00"/>
    <x v="0"/>
    <x v="0"/>
    <s v="10828"/>
    <s v="GLNANDA"/>
    <n v="-662578.22"/>
    <n v="-9627645"/>
    <s v="Billed Revenues"/>
    <s v="EXV"/>
    <s v="NONBU"/>
    <s v="G0000110"/>
    <s v="N"/>
    <s v="MACSS Dist Billed Revenue-03"/>
    <s v=""/>
    <x v="0"/>
    <s v="CAD0330303"/>
    <s v="S"/>
    <s v="KY"/>
    <s v="REV"/>
    <s v="974"/>
    <s v="GLBATCH"/>
    <n v="3"/>
    <n v="2016"/>
  </r>
  <r>
    <s v="110"/>
    <d v="2016-03-15T00:00:00"/>
    <x v="2"/>
    <x v="0"/>
    <s v="10828"/>
    <s v="GLNANDA"/>
    <n v="0"/>
    <n v="1102"/>
    <s v="Billed Revenues"/>
    <s v="EXV"/>
    <s v="NONBU"/>
    <s v="G0000110"/>
    <s v="N"/>
    <s v="MACSS Dist Billed Revenue-03"/>
    <s v=""/>
    <x v="0"/>
    <s v="CAD0330303"/>
    <s v="S"/>
    <s v="KY"/>
    <s v="REV"/>
    <s v="974"/>
    <s v="GLBATCH"/>
    <n v="3"/>
    <n v="2016"/>
  </r>
  <r>
    <s v="110"/>
    <d v="2016-03-15T00:00:00"/>
    <x v="3"/>
    <x v="0"/>
    <s v="10828"/>
    <s v="GLNANDA"/>
    <n v="-46786.95"/>
    <n v="-494353"/>
    <s v="Billed Revenues"/>
    <s v="EXV"/>
    <s v="NONBU"/>
    <s v="G0000110"/>
    <s v="N"/>
    <s v="MACSS Dist Billed Revenue-03"/>
    <s v=""/>
    <x v="0"/>
    <s v="CAD0330303"/>
    <s v="S"/>
    <s v="KY"/>
    <s v="REV"/>
    <s v="974"/>
    <s v="GLBATCH"/>
    <n v="3"/>
    <n v="2016"/>
  </r>
  <r>
    <s v="110"/>
    <d v="2016-03-15T00:00:00"/>
    <x v="3"/>
    <x v="0"/>
    <s v="10828"/>
    <s v="GLNANDA"/>
    <n v="0"/>
    <n v="16"/>
    <s v="Billed Revenues"/>
    <s v="EXV"/>
    <s v="NONBU"/>
    <s v="G0000110"/>
    <s v="N"/>
    <s v="MACSS Dist Billed Revenue-03"/>
    <s v=""/>
    <x v="0"/>
    <s v="CAD0330304"/>
    <s v="S"/>
    <s v="KY"/>
    <s v="REV"/>
    <s v="974"/>
    <s v="GLBATCH"/>
    <n v="3"/>
    <n v="2016"/>
  </r>
  <r>
    <s v="110"/>
    <d v="2016-03-15T00:00:00"/>
    <x v="0"/>
    <x v="0"/>
    <s v="10828"/>
    <s v="GLNANDA"/>
    <n v="-80799.06"/>
    <n v="-963735"/>
    <s v="Billed Revenues"/>
    <s v="EXV"/>
    <s v="NONBU"/>
    <s v="G0000110"/>
    <s v="N"/>
    <s v="MACSS Dist Billed Revenue-03"/>
    <s v=""/>
    <x v="0"/>
    <s v="CAD0330304"/>
    <s v="S"/>
    <s v="KY"/>
    <s v="REV"/>
    <s v="974"/>
    <s v="GLBATCH"/>
    <n v="3"/>
    <n v="2016"/>
  </r>
  <r>
    <s v="110"/>
    <d v="2016-03-15T00:00:00"/>
    <x v="5"/>
    <x v="0"/>
    <s v="10828"/>
    <s v="GLNANDA"/>
    <n v="0"/>
    <n v="152"/>
    <s v="Billed Revenues"/>
    <s v="EXV"/>
    <s v="NONBU"/>
    <s v="G0000110"/>
    <s v="N"/>
    <s v="MACSS Dist Billed Revenue-03"/>
    <s v=""/>
    <x v="0"/>
    <s v="CAD0330304"/>
    <s v="S"/>
    <s v="KY"/>
    <s v="REV"/>
    <s v="974"/>
    <s v="GLBATCH"/>
    <n v="3"/>
    <n v="2016"/>
  </r>
  <r>
    <s v="110"/>
    <d v="2016-03-15T00:00:00"/>
    <x v="5"/>
    <x v="0"/>
    <s v="10828"/>
    <s v="GLNANDA"/>
    <n v="-187799.1"/>
    <n v="-1933846"/>
    <s v="Billed Revenues"/>
    <s v="EXV"/>
    <s v="NONBU"/>
    <s v="G0000110"/>
    <s v="N"/>
    <s v="MACSS Dist Billed Revenue-03"/>
    <s v=""/>
    <x v="0"/>
    <s v="CAD0330304"/>
    <s v="S"/>
    <s v="KY"/>
    <s v="REV"/>
    <s v="974"/>
    <s v="GLBATCH"/>
    <n v="3"/>
    <n v="2016"/>
  </r>
  <r>
    <s v="110"/>
    <d v="2016-03-15T00:00:00"/>
    <x v="7"/>
    <x v="0"/>
    <s v="10828"/>
    <s v="GLNANDA"/>
    <n v="0"/>
    <n v="40"/>
    <s v="Billed Revenues"/>
    <s v="EXV"/>
    <s v="NONBU"/>
    <s v="G0000110"/>
    <s v="N"/>
    <s v="MACSS Dist Billed Revenue-03"/>
    <s v=""/>
    <x v="0"/>
    <s v="CAD0330304"/>
    <s v="S"/>
    <s v="KY"/>
    <s v="REV"/>
    <s v="974"/>
    <s v="GLBATCH"/>
    <n v="3"/>
    <n v="2016"/>
  </r>
  <r>
    <s v="110"/>
    <d v="2016-03-15T00:00:00"/>
    <x v="7"/>
    <x v="0"/>
    <s v="10828"/>
    <s v="GLNANDA"/>
    <n v="-84421.35"/>
    <n v="-719795"/>
    <s v="Billed Revenues"/>
    <s v="EXV"/>
    <s v="NONBU"/>
    <s v="G0000110"/>
    <s v="N"/>
    <s v="MACSS Dist Billed Revenue-03"/>
    <s v=""/>
    <x v="0"/>
    <s v="CAD0330304"/>
    <s v="S"/>
    <s v="KY"/>
    <s v="REV"/>
    <s v="974"/>
    <s v="GLBATCH"/>
    <n v="3"/>
    <n v="2016"/>
  </r>
  <r>
    <s v="110"/>
    <d v="2016-03-15T00:00:00"/>
    <x v="6"/>
    <x v="0"/>
    <s v="10828"/>
    <s v="GLNANDA"/>
    <n v="0"/>
    <n v="20"/>
    <s v="Billed Revenues"/>
    <s v="EXV"/>
    <s v="NONBU"/>
    <s v="G0000110"/>
    <s v="N"/>
    <s v="MACSS Dist Billed Revenue-03"/>
    <s v=""/>
    <x v="0"/>
    <s v="CAD0330304"/>
    <s v="S"/>
    <s v="KY"/>
    <s v="REV"/>
    <s v="974"/>
    <s v="GLBATCH"/>
    <n v="3"/>
    <n v="2016"/>
  </r>
  <r>
    <s v="110"/>
    <d v="2016-03-15T00:00:00"/>
    <x v="6"/>
    <x v="0"/>
    <s v="10828"/>
    <s v="GLNANDA"/>
    <n v="-771.37"/>
    <n v="-2092"/>
    <s v="Billed Revenues"/>
    <s v="EXV"/>
    <s v="NONBU"/>
    <s v="G0000110"/>
    <s v="N"/>
    <s v="MACSS Dist Billed Revenue-03"/>
    <s v=""/>
    <x v="0"/>
    <s v="CAD0330304"/>
    <s v="S"/>
    <s v="KY"/>
    <s v="REV"/>
    <s v="974"/>
    <s v="GLBATCH"/>
    <n v="3"/>
    <n v="2016"/>
  </r>
  <r>
    <s v="110"/>
    <d v="2016-03-15T00:00:00"/>
    <x v="1"/>
    <x v="0"/>
    <s v="10828"/>
    <s v="GLNANDA"/>
    <n v="0"/>
    <n v="3387"/>
    <s v="Billed Revenues"/>
    <s v="EXV"/>
    <s v="NONBU"/>
    <s v="G0000110"/>
    <s v="N"/>
    <s v="MACSS Dist Billed Revenue-03"/>
    <s v=""/>
    <x v="0"/>
    <s v="CAD0330304"/>
    <s v="S"/>
    <s v="KY"/>
    <s v="REV"/>
    <s v="974"/>
    <s v="GLBATCH"/>
    <n v="3"/>
    <n v="2016"/>
  </r>
  <r>
    <s v="110"/>
    <d v="2016-03-15T00:00:00"/>
    <x v="1"/>
    <x v="0"/>
    <s v="10828"/>
    <s v="GLNANDA"/>
    <n v="-420356.94"/>
    <n v="-3672251"/>
    <s v="Billed Revenues"/>
    <s v="EXV"/>
    <s v="NONBU"/>
    <s v="G0000110"/>
    <s v="N"/>
    <s v="MACSS Dist Billed Revenue-03"/>
    <s v=""/>
    <x v="0"/>
    <s v="CAD0330304"/>
    <s v="S"/>
    <s v="KY"/>
    <s v="REV"/>
    <s v="974"/>
    <s v="GLBATCH"/>
    <n v="3"/>
    <n v="2016"/>
  </r>
  <r>
    <s v="110"/>
    <d v="2016-03-15T00:00:00"/>
    <x v="4"/>
    <x v="0"/>
    <s v="10828"/>
    <s v="GLNANDA"/>
    <n v="0"/>
    <n v="3676"/>
    <s v="Billed Revenues"/>
    <s v="EXV"/>
    <s v="NONBU"/>
    <s v="G0000110"/>
    <s v="N"/>
    <s v="MACSS Dist Billed Revenue-03"/>
    <s v=""/>
    <x v="0"/>
    <s v="CAD0330304"/>
    <s v="S"/>
    <s v="KY"/>
    <s v="REV"/>
    <s v="974"/>
    <s v="GLBATCH"/>
    <n v="3"/>
    <n v="2016"/>
  </r>
  <r>
    <s v="110"/>
    <d v="2016-03-15T00:00:00"/>
    <x v="4"/>
    <x v="0"/>
    <s v="10828"/>
    <s v="GLNANDA"/>
    <n v="-771014.96"/>
    <n v="-7061699"/>
    <s v="Billed Revenues"/>
    <s v="EXV"/>
    <s v="NONBU"/>
    <s v="G0000110"/>
    <s v="N"/>
    <s v="MACSS Dist Billed Revenue-03"/>
    <s v=""/>
    <x v="0"/>
    <s v="CAD0330304"/>
    <s v="S"/>
    <s v="KY"/>
    <s v="REV"/>
    <s v="974"/>
    <s v="GLBATCH"/>
    <n v="3"/>
    <n v="2016"/>
  </r>
  <r>
    <s v="110"/>
    <d v="2016-03-15T00:00:00"/>
    <x v="2"/>
    <x v="0"/>
    <s v="10828"/>
    <s v="GLNANDA"/>
    <n v="0"/>
    <n v="1363"/>
    <s v="Billed Revenues"/>
    <s v="EXV"/>
    <s v="NONBU"/>
    <s v="G0000110"/>
    <s v="N"/>
    <s v="MACSS Dist Billed Revenue-03"/>
    <s v=""/>
    <x v="0"/>
    <s v="CAD0330304"/>
    <s v="S"/>
    <s v="KY"/>
    <s v="REV"/>
    <s v="974"/>
    <s v="GLBATCH"/>
    <n v="3"/>
    <n v="2016"/>
  </r>
  <r>
    <s v="110"/>
    <d v="2016-03-15T00:00:00"/>
    <x v="2"/>
    <x v="0"/>
    <s v="10828"/>
    <s v="GLNANDA"/>
    <n v="-634564.34"/>
    <n v="-5587974"/>
    <s v="Billed Revenues"/>
    <s v="EXV"/>
    <s v="NONBU"/>
    <s v="G0000110"/>
    <s v="N"/>
    <s v="MACSS Dist Billed Revenue-03"/>
    <s v=""/>
    <x v="0"/>
    <s v="CAD0330304"/>
    <s v="S"/>
    <s v="KY"/>
    <s v="REV"/>
    <s v="974"/>
    <s v="GLBATCH"/>
    <n v="3"/>
    <n v="2016"/>
  </r>
  <r>
    <s v="110"/>
    <d v="2016-03-15T00:00:00"/>
    <x v="0"/>
    <x v="0"/>
    <s v="10828"/>
    <s v="GLNANDA"/>
    <n v="0"/>
    <n v="36"/>
    <s v="Billed Revenues"/>
    <s v="EXV"/>
    <s v="NONBU"/>
    <s v="G0000110"/>
    <s v="N"/>
    <s v="MACSS Dist Billed Revenue-03"/>
    <s v=""/>
    <x v="0"/>
    <s v="CAD0330304"/>
    <s v="S"/>
    <s v="KY"/>
    <s v="REV"/>
    <s v="974"/>
    <s v="GLBATCH"/>
    <n v="3"/>
    <n v="2016"/>
  </r>
  <r>
    <s v="110"/>
    <d v="2016-03-15T00:00:00"/>
    <x v="3"/>
    <x v="0"/>
    <s v="10828"/>
    <s v="GLNANDA"/>
    <n v="-12401.08"/>
    <n v="-72846"/>
    <s v="Billed Revenues"/>
    <s v="EXV"/>
    <s v="NONBU"/>
    <s v="G0000110"/>
    <s v="N"/>
    <s v="MACSS Dist Billed Revenue-03"/>
    <s v=""/>
    <x v="0"/>
    <s v="CAD0330304"/>
    <s v="S"/>
    <s v="KY"/>
    <s v="REV"/>
    <s v="974"/>
    <s v="GLBATCH"/>
    <n v="3"/>
    <n v="2016"/>
  </r>
  <r>
    <s v="110"/>
    <d v="2016-03-15T00:00:00"/>
    <x v="3"/>
    <x v="0"/>
    <s v="10828"/>
    <s v="GLNANDA"/>
    <n v="0"/>
    <n v="8"/>
    <s v="Billed Revenues"/>
    <s v="EXV"/>
    <s v="NONBU"/>
    <s v="G0000110"/>
    <s v="N"/>
    <s v="MACSS Dist Billed Revenue-03"/>
    <s v=""/>
    <x v="0"/>
    <s v="CAD0330307"/>
    <s v="S"/>
    <s v="KY"/>
    <s v="REV"/>
    <s v="974"/>
    <s v="GLBATCH"/>
    <n v="3"/>
    <n v="2016"/>
  </r>
  <r>
    <s v="110"/>
    <d v="2016-03-15T00:00:00"/>
    <x v="2"/>
    <x v="0"/>
    <s v="10828"/>
    <s v="GLNANDA"/>
    <n v="0"/>
    <n v="1269"/>
    <s v="Billed Revenues"/>
    <s v="EXV"/>
    <s v="NONBU"/>
    <s v="G0000110"/>
    <s v="N"/>
    <s v="MACSS Dist Billed Revenue-03"/>
    <s v=""/>
    <x v="0"/>
    <s v="CAD0330307"/>
    <s v="S"/>
    <s v="KY"/>
    <s v="REV"/>
    <s v="974"/>
    <s v="GLBATCH"/>
    <n v="3"/>
    <n v="2016"/>
  </r>
  <r>
    <s v="110"/>
    <d v="2016-03-15T00:00:00"/>
    <x v="5"/>
    <x v="0"/>
    <s v="10828"/>
    <s v="GLNANDA"/>
    <n v="0"/>
    <n v="234"/>
    <s v="Billed Revenues"/>
    <s v="EXV"/>
    <s v="NONBU"/>
    <s v="G0000110"/>
    <s v="N"/>
    <s v="MACSS Dist Billed Revenue-03"/>
    <s v=""/>
    <x v="0"/>
    <s v="CAD0330307"/>
    <s v="S"/>
    <s v="KY"/>
    <s v="REV"/>
    <s v="974"/>
    <s v="GLBATCH"/>
    <n v="3"/>
    <n v="2016"/>
  </r>
  <r>
    <s v="110"/>
    <d v="2016-03-15T00:00:00"/>
    <x v="5"/>
    <x v="0"/>
    <s v="10828"/>
    <s v="GLNANDA"/>
    <n v="-107109.48"/>
    <n v="-888840"/>
    <s v="Billed Revenues"/>
    <s v="EXV"/>
    <s v="NONBU"/>
    <s v="G0000110"/>
    <s v="N"/>
    <s v="MACSS Dist Billed Revenue-03"/>
    <s v=""/>
    <x v="0"/>
    <s v="CAD0330307"/>
    <s v="S"/>
    <s v="KY"/>
    <s v="REV"/>
    <s v="974"/>
    <s v="GLBATCH"/>
    <n v="3"/>
    <n v="2016"/>
  </r>
  <r>
    <s v="110"/>
    <d v="2016-03-15T00:00:00"/>
    <x v="7"/>
    <x v="0"/>
    <s v="10828"/>
    <s v="GLNANDA"/>
    <n v="0"/>
    <n v="47"/>
    <s v="Billed Revenues"/>
    <s v="EXV"/>
    <s v="NONBU"/>
    <s v="G0000110"/>
    <s v="N"/>
    <s v="MACSS Dist Billed Revenue-03"/>
    <s v=""/>
    <x v="0"/>
    <s v="CAD0330307"/>
    <s v="S"/>
    <s v="KY"/>
    <s v="REV"/>
    <s v="974"/>
    <s v="GLBATCH"/>
    <n v="3"/>
    <n v="2016"/>
  </r>
  <r>
    <s v="110"/>
    <d v="2016-03-15T00:00:00"/>
    <x v="7"/>
    <x v="0"/>
    <s v="10828"/>
    <s v="GLNANDA"/>
    <n v="-105931.93"/>
    <n v="-928295"/>
    <s v="Billed Revenues"/>
    <s v="EXV"/>
    <s v="NONBU"/>
    <s v="G0000110"/>
    <s v="N"/>
    <s v="MACSS Dist Billed Revenue-03"/>
    <s v=""/>
    <x v="0"/>
    <s v="CAD0330307"/>
    <s v="S"/>
    <s v="KY"/>
    <s v="REV"/>
    <s v="974"/>
    <s v="GLBATCH"/>
    <n v="3"/>
    <n v="2016"/>
  </r>
  <r>
    <s v="110"/>
    <d v="2016-03-15T00:00:00"/>
    <x v="6"/>
    <x v="0"/>
    <s v="10828"/>
    <s v="GLNANDA"/>
    <n v="0"/>
    <n v="20"/>
    <s v="Billed Revenues"/>
    <s v="EXV"/>
    <s v="NONBU"/>
    <s v="G0000110"/>
    <s v="N"/>
    <s v="MACSS Dist Billed Revenue-03"/>
    <s v=""/>
    <x v="0"/>
    <s v="CAD0330307"/>
    <s v="S"/>
    <s v="KY"/>
    <s v="REV"/>
    <s v="974"/>
    <s v="GLBATCH"/>
    <n v="3"/>
    <n v="2016"/>
  </r>
  <r>
    <s v="110"/>
    <d v="2016-03-15T00:00:00"/>
    <x v="6"/>
    <x v="0"/>
    <s v="10828"/>
    <s v="GLNANDA"/>
    <n v="-2326.62"/>
    <n v="-17309"/>
    <s v="Billed Revenues"/>
    <s v="EXV"/>
    <s v="NONBU"/>
    <s v="G0000110"/>
    <s v="N"/>
    <s v="MACSS Dist Billed Revenue-03"/>
    <s v=""/>
    <x v="0"/>
    <s v="CAD0330307"/>
    <s v="S"/>
    <s v="KY"/>
    <s v="REV"/>
    <s v="974"/>
    <s v="GLBATCH"/>
    <n v="3"/>
    <n v="2016"/>
  </r>
  <r>
    <s v="110"/>
    <d v="2016-03-15T00:00:00"/>
    <x v="1"/>
    <x v="0"/>
    <s v="10828"/>
    <s v="GLNANDA"/>
    <n v="0"/>
    <n v="3374"/>
    <s v="Billed Revenues"/>
    <s v="EXV"/>
    <s v="NONBU"/>
    <s v="G0000110"/>
    <s v="N"/>
    <s v="MACSS Dist Billed Revenue-03"/>
    <s v=""/>
    <x v="0"/>
    <s v="CAD0330307"/>
    <s v="S"/>
    <s v="KY"/>
    <s v="REV"/>
    <s v="974"/>
    <s v="GLBATCH"/>
    <n v="3"/>
    <n v="2016"/>
  </r>
  <r>
    <s v="110"/>
    <d v="2016-03-15T00:00:00"/>
    <x v="1"/>
    <x v="0"/>
    <s v="10828"/>
    <s v="GLNANDA"/>
    <n v="-424021.73"/>
    <n v="-3706807"/>
    <s v="Billed Revenues"/>
    <s v="EXV"/>
    <s v="NONBU"/>
    <s v="G0000110"/>
    <s v="N"/>
    <s v="MACSS Dist Billed Revenue-03"/>
    <s v=""/>
    <x v="0"/>
    <s v="CAD0330307"/>
    <s v="S"/>
    <s v="KY"/>
    <s v="REV"/>
    <s v="974"/>
    <s v="GLBATCH"/>
    <n v="3"/>
    <n v="2016"/>
  </r>
  <r>
    <s v="110"/>
    <d v="2016-03-15T00:00:00"/>
    <x v="4"/>
    <x v="0"/>
    <s v="10828"/>
    <s v="GLNANDA"/>
    <n v="0"/>
    <n v="4039"/>
    <s v="Billed Revenues"/>
    <s v="EXV"/>
    <s v="NONBU"/>
    <s v="G0000110"/>
    <s v="N"/>
    <s v="MACSS Dist Billed Revenue-03"/>
    <s v=""/>
    <x v="0"/>
    <s v="CAD0330307"/>
    <s v="S"/>
    <s v="KY"/>
    <s v="REV"/>
    <s v="974"/>
    <s v="GLBATCH"/>
    <n v="3"/>
    <n v="2016"/>
  </r>
  <r>
    <s v="110"/>
    <d v="2016-03-15T00:00:00"/>
    <x v="4"/>
    <x v="0"/>
    <s v="10828"/>
    <s v="GLNANDA"/>
    <n v="-889897.86"/>
    <n v="-8167989"/>
    <s v="Billed Revenues"/>
    <s v="EXV"/>
    <s v="NONBU"/>
    <s v="G0000110"/>
    <s v="N"/>
    <s v="MACSS Dist Billed Revenue-03"/>
    <s v=""/>
    <x v="0"/>
    <s v="CAD0330307"/>
    <s v="S"/>
    <s v="KY"/>
    <s v="REV"/>
    <s v="974"/>
    <s v="GLBATCH"/>
    <n v="3"/>
    <n v="2016"/>
  </r>
  <r>
    <s v="110"/>
    <d v="2016-03-15T00:00:00"/>
    <x v="2"/>
    <x v="0"/>
    <s v="10828"/>
    <s v="GLNANDA"/>
    <n v="-428256.36"/>
    <n v="-3515406"/>
    <s v="Billed Revenues"/>
    <s v="EXV"/>
    <s v="NONBU"/>
    <s v="G0000110"/>
    <s v="N"/>
    <s v="MACSS Dist Billed Revenue-03"/>
    <s v=""/>
    <x v="0"/>
    <s v="CAD0330307"/>
    <s v="S"/>
    <s v="KY"/>
    <s v="REV"/>
    <s v="974"/>
    <s v="GLBATCH"/>
    <n v="3"/>
    <n v="2016"/>
  </r>
  <r>
    <s v="110"/>
    <d v="2016-03-15T00:00:00"/>
    <x v="0"/>
    <x v="0"/>
    <s v="10828"/>
    <s v="GLNANDA"/>
    <n v="0"/>
    <n v="24"/>
    <s v="Billed Revenues"/>
    <s v="EXV"/>
    <s v="NONBU"/>
    <s v="G0000110"/>
    <s v="N"/>
    <s v="MACSS Dist Billed Revenue-03"/>
    <s v=""/>
    <x v="0"/>
    <s v="CAD0330307"/>
    <s v="S"/>
    <s v="KY"/>
    <s v="REV"/>
    <s v="974"/>
    <s v="GLBATCH"/>
    <n v="3"/>
    <n v="2016"/>
  </r>
  <r>
    <s v="110"/>
    <d v="2016-03-15T00:00:00"/>
    <x v="0"/>
    <x v="0"/>
    <s v="10828"/>
    <s v="GLNANDA"/>
    <n v="-442975.67"/>
    <n v="-7650897"/>
    <s v="Billed Revenues"/>
    <s v="EXV"/>
    <s v="NONBU"/>
    <s v="G0000110"/>
    <s v="N"/>
    <s v="MACSS Dist Billed Revenue-03"/>
    <s v=""/>
    <x v="0"/>
    <s v="CAD0330307"/>
    <s v="S"/>
    <s v="KY"/>
    <s v="REV"/>
    <s v="974"/>
    <s v="GLBATCH"/>
    <n v="3"/>
    <n v="2016"/>
  </r>
  <r>
    <s v="110"/>
    <d v="2016-03-15T00:00:00"/>
    <x v="3"/>
    <x v="0"/>
    <s v="10828"/>
    <s v="GLNANDA"/>
    <n v="-12806.08"/>
    <n v="-77957"/>
    <s v="Billed Revenues"/>
    <s v="EXV"/>
    <s v="NONBU"/>
    <s v="G0000110"/>
    <s v="N"/>
    <s v="MACSS Dist Billed Revenue-03"/>
    <s v=""/>
    <x v="0"/>
    <s v="CAD0330307"/>
    <s v="S"/>
    <s v="KY"/>
    <s v="REV"/>
    <s v="974"/>
    <s v="GLBATCH"/>
    <n v="3"/>
    <n v="2016"/>
  </r>
  <r>
    <s v="110"/>
    <d v="2016-03-15T00:00:00"/>
    <x v="3"/>
    <x v="0"/>
    <s v="10828"/>
    <s v="GLNANDA"/>
    <n v="0"/>
    <n v="9"/>
    <s v="Billed Revenues"/>
    <s v="EXV"/>
    <s v="NONBU"/>
    <s v="G0000110"/>
    <s v="N"/>
    <s v="MACSS Dist Billed Revenue-03"/>
    <s v=""/>
    <x v="0"/>
    <s v="CAD0330308"/>
    <s v="S"/>
    <s v="KY"/>
    <s v="REV"/>
    <s v="974"/>
    <s v="GLBATCH"/>
    <n v="3"/>
    <n v="2016"/>
  </r>
  <r>
    <s v="110"/>
    <d v="2016-03-15T00:00:00"/>
    <x v="0"/>
    <x v="0"/>
    <s v="10828"/>
    <s v="GLNANDA"/>
    <n v="-114115.26"/>
    <n v="-790220"/>
    <s v="Billed Revenues"/>
    <s v="EXV"/>
    <s v="NONBU"/>
    <s v="G0000110"/>
    <s v="N"/>
    <s v="MACSS Dist Billed Revenue-03"/>
    <s v=""/>
    <x v="0"/>
    <s v="CAD0330308"/>
    <s v="S"/>
    <s v="KY"/>
    <s v="REV"/>
    <s v="974"/>
    <s v="GLBATCH"/>
    <n v="3"/>
    <n v="2016"/>
  </r>
  <r>
    <s v="110"/>
    <d v="2016-03-15T00:00:00"/>
    <x v="5"/>
    <x v="0"/>
    <s v="10828"/>
    <s v="GLNANDA"/>
    <n v="0"/>
    <n v="129"/>
    <s v="Billed Revenues"/>
    <s v="EXV"/>
    <s v="NONBU"/>
    <s v="G0000110"/>
    <s v="N"/>
    <s v="MACSS Dist Billed Revenue-03"/>
    <s v=""/>
    <x v="0"/>
    <s v="CAD0330308"/>
    <s v="S"/>
    <s v="KY"/>
    <s v="REV"/>
    <s v="974"/>
    <s v="GLBATCH"/>
    <n v="3"/>
    <n v="2016"/>
  </r>
  <r>
    <s v="110"/>
    <d v="2016-03-15T00:00:00"/>
    <x v="5"/>
    <x v="0"/>
    <s v="10828"/>
    <s v="GLNANDA"/>
    <n v="-91481.5"/>
    <n v="-782758"/>
    <s v="Billed Revenues"/>
    <s v="EXV"/>
    <s v="NONBU"/>
    <s v="G0000110"/>
    <s v="N"/>
    <s v="MACSS Dist Billed Revenue-03"/>
    <s v=""/>
    <x v="0"/>
    <s v="CAD0330308"/>
    <s v="S"/>
    <s v="KY"/>
    <s v="REV"/>
    <s v="974"/>
    <s v="GLBATCH"/>
    <n v="3"/>
    <n v="2016"/>
  </r>
  <r>
    <s v="110"/>
    <d v="2016-03-15T00:00:00"/>
    <x v="7"/>
    <x v="0"/>
    <s v="10828"/>
    <s v="GLNANDA"/>
    <n v="0"/>
    <n v="40"/>
    <s v="Billed Revenues"/>
    <s v="EXV"/>
    <s v="NONBU"/>
    <s v="G0000110"/>
    <s v="N"/>
    <s v="MACSS Dist Billed Revenue-03"/>
    <s v=""/>
    <x v="0"/>
    <s v="CAD0330308"/>
    <s v="S"/>
    <s v="KY"/>
    <s v="REV"/>
    <s v="974"/>
    <s v="GLBATCH"/>
    <n v="3"/>
    <n v="2016"/>
  </r>
  <r>
    <s v="110"/>
    <d v="2016-03-15T00:00:00"/>
    <x v="7"/>
    <x v="0"/>
    <s v="10828"/>
    <s v="GLNANDA"/>
    <n v="-89860.23"/>
    <n v="-799725"/>
    <s v="Billed Revenues"/>
    <s v="EXV"/>
    <s v="NONBU"/>
    <s v="G0000110"/>
    <s v="N"/>
    <s v="MACSS Dist Billed Revenue-03"/>
    <s v=""/>
    <x v="0"/>
    <s v="CAD0330308"/>
    <s v="S"/>
    <s v="KY"/>
    <s v="REV"/>
    <s v="974"/>
    <s v="GLBATCH"/>
    <n v="3"/>
    <n v="2016"/>
  </r>
  <r>
    <s v="110"/>
    <d v="2016-03-15T00:00:00"/>
    <x v="6"/>
    <x v="0"/>
    <s v="10828"/>
    <s v="GLNANDA"/>
    <n v="0"/>
    <n v="24"/>
    <s v="Billed Revenues"/>
    <s v="EXV"/>
    <s v="NONBU"/>
    <s v="G0000110"/>
    <s v="N"/>
    <s v="MACSS Dist Billed Revenue-03"/>
    <s v=""/>
    <x v="0"/>
    <s v="CAD0330308"/>
    <s v="S"/>
    <s v="KY"/>
    <s v="REV"/>
    <s v="974"/>
    <s v="GLBATCH"/>
    <n v="3"/>
    <n v="2016"/>
  </r>
  <r>
    <s v="110"/>
    <d v="2016-03-15T00:00:00"/>
    <x v="6"/>
    <x v="0"/>
    <s v="10828"/>
    <s v="GLNANDA"/>
    <n v="-1243.1500000000001"/>
    <n v="-5759"/>
    <s v="Billed Revenues"/>
    <s v="EXV"/>
    <s v="NONBU"/>
    <s v="G0000110"/>
    <s v="N"/>
    <s v="MACSS Dist Billed Revenue-03"/>
    <s v=""/>
    <x v="0"/>
    <s v="CAD0330308"/>
    <s v="S"/>
    <s v="KY"/>
    <s v="REV"/>
    <s v="974"/>
    <s v="GLBATCH"/>
    <n v="3"/>
    <n v="2016"/>
  </r>
  <r>
    <s v="110"/>
    <d v="2016-03-15T00:00:00"/>
    <x v="1"/>
    <x v="0"/>
    <s v="10828"/>
    <s v="GLNANDA"/>
    <n v="0"/>
    <n v="2994"/>
    <s v="Billed Revenues"/>
    <s v="EXV"/>
    <s v="NONBU"/>
    <s v="G0000110"/>
    <s v="N"/>
    <s v="MACSS Dist Billed Revenue-03"/>
    <s v=""/>
    <x v="0"/>
    <s v="CAD0330308"/>
    <s v="S"/>
    <s v="KY"/>
    <s v="REV"/>
    <s v="974"/>
    <s v="GLBATCH"/>
    <n v="3"/>
    <n v="2016"/>
  </r>
  <r>
    <s v="110"/>
    <d v="2016-03-15T00:00:00"/>
    <x v="1"/>
    <x v="0"/>
    <s v="10828"/>
    <s v="GLNANDA"/>
    <n v="-406057.06"/>
    <n v="-3563833"/>
    <s v="Billed Revenues"/>
    <s v="EXV"/>
    <s v="NONBU"/>
    <s v="G0000110"/>
    <s v="N"/>
    <s v="MACSS Dist Billed Revenue-03"/>
    <s v=""/>
    <x v="0"/>
    <s v="CAD0330308"/>
    <s v="S"/>
    <s v="KY"/>
    <s v="REV"/>
    <s v="974"/>
    <s v="GLBATCH"/>
    <n v="3"/>
    <n v="2016"/>
  </r>
  <r>
    <s v="110"/>
    <d v="2016-03-15T00:00:00"/>
    <x v="4"/>
    <x v="0"/>
    <s v="10828"/>
    <s v="GLNANDA"/>
    <n v="0"/>
    <n v="3923"/>
    <s v="Billed Revenues"/>
    <s v="EXV"/>
    <s v="NONBU"/>
    <s v="G0000110"/>
    <s v="N"/>
    <s v="MACSS Dist Billed Revenue-03"/>
    <s v=""/>
    <x v="0"/>
    <s v="CAD0330308"/>
    <s v="S"/>
    <s v="KY"/>
    <s v="REV"/>
    <s v="974"/>
    <s v="GLBATCH"/>
    <n v="3"/>
    <n v="2016"/>
  </r>
  <r>
    <s v="110"/>
    <d v="2016-03-15T00:00:00"/>
    <x v="4"/>
    <x v="0"/>
    <s v="10828"/>
    <s v="GLNANDA"/>
    <n v="-919666.8"/>
    <n v="-8471525"/>
    <s v="Billed Revenues"/>
    <s v="EXV"/>
    <s v="NONBU"/>
    <s v="G0000110"/>
    <s v="N"/>
    <s v="MACSS Dist Billed Revenue-03"/>
    <s v=""/>
    <x v="0"/>
    <s v="CAD0330308"/>
    <s v="S"/>
    <s v="KY"/>
    <s v="REV"/>
    <s v="974"/>
    <s v="GLBATCH"/>
    <n v="3"/>
    <n v="2016"/>
  </r>
  <r>
    <s v="110"/>
    <d v="2016-03-15T00:00:00"/>
    <x v="2"/>
    <x v="0"/>
    <s v="10828"/>
    <s v="GLNANDA"/>
    <n v="0"/>
    <n v="1266"/>
    <s v="Billed Revenues"/>
    <s v="EXV"/>
    <s v="NONBU"/>
    <s v="G0000110"/>
    <s v="N"/>
    <s v="MACSS Dist Billed Revenue-03"/>
    <s v=""/>
    <x v="0"/>
    <s v="CAD0330308"/>
    <s v="S"/>
    <s v="KY"/>
    <s v="REV"/>
    <s v="974"/>
    <s v="GLBATCH"/>
    <n v="3"/>
    <n v="2016"/>
  </r>
  <r>
    <s v="110"/>
    <d v="2016-03-15T00:00:00"/>
    <x v="2"/>
    <x v="0"/>
    <s v="10828"/>
    <s v="GLNANDA"/>
    <n v="-539544.84"/>
    <n v="-4493732"/>
    <s v="Billed Revenues"/>
    <s v="EXV"/>
    <s v="NONBU"/>
    <s v="G0000110"/>
    <s v="N"/>
    <s v="MACSS Dist Billed Revenue-03"/>
    <s v=""/>
    <x v="0"/>
    <s v="CAD0330308"/>
    <s v="S"/>
    <s v="KY"/>
    <s v="REV"/>
    <s v="974"/>
    <s v="GLBATCH"/>
    <n v="3"/>
    <n v="2016"/>
  </r>
  <r>
    <s v="110"/>
    <d v="2016-03-15T00:00:00"/>
    <x v="0"/>
    <x v="0"/>
    <s v="10828"/>
    <s v="GLNANDA"/>
    <n v="0"/>
    <n v="39"/>
    <s v="Billed Revenues"/>
    <s v="EXV"/>
    <s v="NONBU"/>
    <s v="G0000110"/>
    <s v="N"/>
    <s v="MACSS Dist Billed Revenue-03"/>
    <s v=""/>
    <x v="0"/>
    <s v="CAD0330308"/>
    <s v="S"/>
    <s v="KY"/>
    <s v="REV"/>
    <s v="974"/>
    <s v="GLBATCH"/>
    <n v="3"/>
    <n v="2016"/>
  </r>
  <r>
    <s v="110"/>
    <d v="2016-03-15T00:00:00"/>
    <x v="3"/>
    <x v="0"/>
    <s v="10828"/>
    <s v="GLNANDA"/>
    <n v="-312746.83"/>
    <n v="-3698144"/>
    <s v="Billed Revenues"/>
    <s v="EXV"/>
    <s v="NONBU"/>
    <s v="G0000110"/>
    <s v="N"/>
    <s v="MACSS Dist Billed Revenue-03"/>
    <s v=""/>
    <x v="0"/>
    <s v="CAD0330308"/>
    <s v="S"/>
    <s v="KY"/>
    <s v="REV"/>
    <s v="974"/>
    <s v="GLBATCH"/>
    <n v="3"/>
    <n v="2016"/>
  </r>
  <r>
    <s v="110"/>
    <d v="2016-03-15T00:00:00"/>
    <x v="3"/>
    <x v="0"/>
    <s v="10828"/>
    <s v="GLNANDA"/>
    <n v="0"/>
    <n v="3"/>
    <s v="Billed Revenues"/>
    <s v="EXV"/>
    <s v="NONBU"/>
    <s v="G0000110"/>
    <s v="N"/>
    <s v="MACSS Dist Billed Revenue-03"/>
    <s v=""/>
    <x v="0"/>
    <s v="CAD0330309"/>
    <s v="S"/>
    <s v="KY"/>
    <s v="REV"/>
    <s v="974"/>
    <s v="GLBATCH"/>
    <n v="3"/>
    <n v="2016"/>
  </r>
  <r>
    <s v="110"/>
    <d v="2016-03-15T00:00:00"/>
    <x v="0"/>
    <x v="0"/>
    <s v="10828"/>
    <s v="GLNANDA"/>
    <n v="-1149161.4099999999"/>
    <n v="-20698621"/>
    <s v="Billed Revenues"/>
    <s v="EXV"/>
    <s v="NONBU"/>
    <s v="G0000110"/>
    <s v="N"/>
    <s v="MACSS Dist Billed Revenue-03"/>
    <s v=""/>
    <x v="0"/>
    <s v="CAD0330309"/>
    <s v="S"/>
    <s v="KY"/>
    <s v="REV"/>
    <s v="974"/>
    <s v="GLBATCH"/>
    <n v="3"/>
    <n v="2016"/>
  </r>
  <r>
    <s v="110"/>
    <d v="2016-03-15T00:00:00"/>
    <x v="5"/>
    <x v="0"/>
    <s v="10828"/>
    <s v="GLNANDA"/>
    <n v="0"/>
    <n v="105"/>
    <s v="Billed Revenues"/>
    <s v="EXV"/>
    <s v="NONBU"/>
    <s v="G0000110"/>
    <s v="N"/>
    <s v="MACSS Dist Billed Revenue-03"/>
    <s v=""/>
    <x v="0"/>
    <s v="CAD0330309"/>
    <s v="S"/>
    <s v="KY"/>
    <s v="REV"/>
    <s v="974"/>
    <s v="GLBATCH"/>
    <n v="3"/>
    <n v="2016"/>
  </r>
  <r>
    <s v="110"/>
    <d v="2016-03-15T00:00:00"/>
    <x v="5"/>
    <x v="0"/>
    <s v="10828"/>
    <s v="GLNANDA"/>
    <n v="-91501.53"/>
    <n v="-919839"/>
    <s v="Billed Revenues"/>
    <s v="EXV"/>
    <s v="NONBU"/>
    <s v="G0000110"/>
    <s v="N"/>
    <s v="MACSS Dist Billed Revenue-03"/>
    <s v=""/>
    <x v="0"/>
    <s v="CAD0330309"/>
    <s v="S"/>
    <s v="KY"/>
    <s v="REV"/>
    <s v="974"/>
    <s v="GLBATCH"/>
    <n v="3"/>
    <n v="2016"/>
  </r>
  <r>
    <s v="110"/>
    <d v="2016-03-15T00:00:00"/>
    <x v="7"/>
    <x v="0"/>
    <s v="10828"/>
    <s v="GLNANDA"/>
    <n v="0"/>
    <n v="29"/>
    <s v="Billed Revenues"/>
    <s v="EXV"/>
    <s v="NONBU"/>
    <s v="G0000110"/>
    <s v="N"/>
    <s v="MACSS Dist Billed Revenue-03"/>
    <s v=""/>
    <x v="0"/>
    <s v="CAD0330309"/>
    <s v="S"/>
    <s v="KY"/>
    <s v="REV"/>
    <s v="974"/>
    <s v="GLBATCH"/>
    <n v="3"/>
    <n v="2016"/>
  </r>
  <r>
    <s v="110"/>
    <d v="2016-03-15T00:00:00"/>
    <x v="7"/>
    <x v="0"/>
    <s v="10828"/>
    <s v="GLNANDA"/>
    <n v="-122452.42"/>
    <n v="-1117781"/>
    <s v="Billed Revenues"/>
    <s v="EXV"/>
    <s v="NONBU"/>
    <s v="G0000110"/>
    <s v="N"/>
    <s v="MACSS Dist Billed Revenue-03"/>
    <s v=""/>
    <x v="0"/>
    <s v="CAD0330309"/>
    <s v="S"/>
    <s v="KY"/>
    <s v="REV"/>
    <s v="974"/>
    <s v="GLBATCH"/>
    <n v="3"/>
    <n v="2016"/>
  </r>
  <r>
    <s v="110"/>
    <d v="2016-03-15T00:00:00"/>
    <x v="6"/>
    <x v="0"/>
    <s v="10828"/>
    <s v="GLNANDA"/>
    <n v="0"/>
    <n v="16"/>
    <s v="Billed Revenues"/>
    <s v="EXV"/>
    <s v="NONBU"/>
    <s v="G0000110"/>
    <s v="N"/>
    <s v="MACSS Dist Billed Revenue-03"/>
    <s v=""/>
    <x v="0"/>
    <s v="CAD0330309"/>
    <s v="S"/>
    <s v="KY"/>
    <s v="REV"/>
    <s v="974"/>
    <s v="GLBATCH"/>
    <n v="3"/>
    <n v="2016"/>
  </r>
  <r>
    <s v="110"/>
    <d v="2016-03-15T00:00:00"/>
    <x v="6"/>
    <x v="0"/>
    <s v="10828"/>
    <s v="GLNANDA"/>
    <n v="-1434.87"/>
    <n v="-9264"/>
    <s v="Billed Revenues"/>
    <s v="EXV"/>
    <s v="NONBU"/>
    <s v="G0000110"/>
    <s v="N"/>
    <s v="MACSS Dist Billed Revenue-03"/>
    <s v=""/>
    <x v="0"/>
    <s v="CAD0330309"/>
    <s v="S"/>
    <s v="KY"/>
    <s v="REV"/>
    <s v="974"/>
    <s v="GLBATCH"/>
    <n v="3"/>
    <n v="2016"/>
  </r>
  <r>
    <s v="110"/>
    <d v="2016-03-15T00:00:00"/>
    <x v="1"/>
    <x v="0"/>
    <s v="10828"/>
    <s v="GLNANDA"/>
    <n v="0"/>
    <n v="2799"/>
    <s v="Billed Revenues"/>
    <s v="EXV"/>
    <s v="NONBU"/>
    <s v="G0000110"/>
    <s v="N"/>
    <s v="MACSS Dist Billed Revenue-03"/>
    <s v=""/>
    <x v="0"/>
    <s v="CAD0330309"/>
    <s v="S"/>
    <s v="KY"/>
    <s v="REV"/>
    <s v="974"/>
    <s v="GLBATCH"/>
    <n v="3"/>
    <n v="2016"/>
  </r>
  <r>
    <s v="110"/>
    <d v="2016-03-15T00:00:00"/>
    <x v="1"/>
    <x v="0"/>
    <s v="10828"/>
    <s v="GLNANDA"/>
    <n v="-329088.83"/>
    <n v="-2835367"/>
    <s v="Billed Revenues"/>
    <s v="EXV"/>
    <s v="NONBU"/>
    <s v="G0000110"/>
    <s v="N"/>
    <s v="MACSS Dist Billed Revenue-03"/>
    <s v=""/>
    <x v="0"/>
    <s v="CAD0330309"/>
    <s v="S"/>
    <s v="KY"/>
    <s v="REV"/>
    <s v="974"/>
    <s v="GLBATCH"/>
    <n v="3"/>
    <n v="2016"/>
  </r>
  <r>
    <s v="110"/>
    <d v="2016-03-15T00:00:00"/>
    <x v="4"/>
    <x v="0"/>
    <s v="10828"/>
    <s v="GLNANDA"/>
    <n v="0"/>
    <n v="3882"/>
    <s v="Billed Revenues"/>
    <s v="EXV"/>
    <s v="NONBU"/>
    <s v="G0000110"/>
    <s v="N"/>
    <s v="MACSS Dist Billed Revenue-03"/>
    <s v=""/>
    <x v="0"/>
    <s v="CAD0330309"/>
    <s v="S"/>
    <s v="KY"/>
    <s v="REV"/>
    <s v="974"/>
    <s v="GLBATCH"/>
    <n v="3"/>
    <n v="2016"/>
  </r>
  <r>
    <s v="110"/>
    <d v="2016-03-15T00:00:00"/>
    <x v="4"/>
    <x v="0"/>
    <s v="10828"/>
    <s v="GLNANDA"/>
    <n v="-861313.07"/>
    <n v="-7895897"/>
    <s v="Billed Revenues"/>
    <s v="EXV"/>
    <s v="NONBU"/>
    <s v="G0000110"/>
    <s v="N"/>
    <s v="MACSS Dist Billed Revenue-03"/>
    <s v=""/>
    <x v="0"/>
    <s v="CAD0330309"/>
    <s v="S"/>
    <s v="KY"/>
    <s v="REV"/>
    <s v="974"/>
    <s v="GLBATCH"/>
    <n v="3"/>
    <n v="2016"/>
  </r>
  <r>
    <s v="110"/>
    <d v="2016-03-15T00:00:00"/>
    <x v="2"/>
    <x v="0"/>
    <s v="10828"/>
    <s v="GLNANDA"/>
    <n v="0"/>
    <n v="1043"/>
    <s v="Billed Revenues"/>
    <s v="EXV"/>
    <s v="NONBU"/>
    <s v="G0000110"/>
    <s v="N"/>
    <s v="MACSS Dist Billed Revenue-03"/>
    <s v=""/>
    <x v="0"/>
    <s v="CAD0330309"/>
    <s v="S"/>
    <s v="KY"/>
    <s v="REV"/>
    <s v="974"/>
    <s v="GLBATCH"/>
    <n v="3"/>
    <n v="2016"/>
  </r>
  <r>
    <s v="110"/>
    <d v="2016-03-15T00:00:00"/>
    <x v="2"/>
    <x v="0"/>
    <s v="10828"/>
    <s v="GLNANDA"/>
    <n v="-353772.59"/>
    <n v="-2881832"/>
    <s v="Billed Revenues"/>
    <s v="EXV"/>
    <s v="NONBU"/>
    <s v="G0000110"/>
    <s v="N"/>
    <s v="MACSS Dist Billed Revenue-03"/>
    <s v=""/>
    <x v="0"/>
    <s v="CAD0330309"/>
    <s v="S"/>
    <s v="KY"/>
    <s v="REV"/>
    <s v="974"/>
    <s v="GLBATCH"/>
    <n v="3"/>
    <n v="2016"/>
  </r>
  <r>
    <s v="110"/>
    <d v="2016-03-15T00:00:00"/>
    <x v="0"/>
    <x v="0"/>
    <s v="10828"/>
    <s v="GLNANDA"/>
    <n v="0"/>
    <n v="33"/>
    <s v="Billed Revenues"/>
    <s v="EXV"/>
    <s v="NONBU"/>
    <s v="G0000110"/>
    <s v="N"/>
    <s v="MACSS Dist Billed Revenue-03"/>
    <s v=""/>
    <x v="0"/>
    <s v="CAD0330309"/>
    <s v="S"/>
    <s v="KY"/>
    <s v="REV"/>
    <s v="974"/>
    <s v="GLBATCH"/>
    <n v="3"/>
    <n v="2016"/>
  </r>
  <r>
    <s v="110"/>
    <d v="2016-03-15T00:00:00"/>
    <x v="3"/>
    <x v="0"/>
    <s v="10828"/>
    <s v="GLNANDA"/>
    <n v="-2028.73"/>
    <n v="-15410"/>
    <s v="Billed Revenues"/>
    <s v="EXV"/>
    <s v="NONBU"/>
    <s v="G0000110"/>
    <s v="N"/>
    <s v="MACSS Dist Billed Revenue-03"/>
    <s v=""/>
    <x v="0"/>
    <s v="CAD0330309"/>
    <s v="S"/>
    <s v="KY"/>
    <s v="REV"/>
    <s v="974"/>
    <s v="GLBATCH"/>
    <n v="3"/>
    <n v="2016"/>
  </r>
  <r>
    <s v="110"/>
    <d v="2016-03-15T00:00:00"/>
    <x v="4"/>
    <x v="0"/>
    <s v="10828"/>
    <s v="GLNANDA"/>
    <n v="0"/>
    <n v="4105"/>
    <s v="Billed Revenues"/>
    <s v="EXV"/>
    <s v="NONBU"/>
    <s v="G0000110"/>
    <s v="N"/>
    <s v="MACSS Dist Billed Revenue-03"/>
    <s v=""/>
    <x v="0"/>
    <s v="CAD0330310"/>
    <s v="S"/>
    <s v="KY"/>
    <s v="REV"/>
    <s v="974"/>
    <s v="GLBATCH"/>
    <n v="3"/>
    <n v="2016"/>
  </r>
  <r>
    <s v="110"/>
    <d v="2016-03-15T00:00:00"/>
    <x v="4"/>
    <x v="0"/>
    <s v="10828"/>
    <s v="GLNANDA"/>
    <n v="-881360.56"/>
    <n v="-8070785"/>
    <s v="Billed Revenues"/>
    <s v="EXV"/>
    <s v="NONBU"/>
    <s v="G0000110"/>
    <s v="N"/>
    <s v="MACSS Dist Billed Revenue-03"/>
    <s v=""/>
    <x v="0"/>
    <s v="CAD0330310"/>
    <s v="S"/>
    <s v="KY"/>
    <s v="REV"/>
    <s v="974"/>
    <s v="GLBATCH"/>
    <n v="3"/>
    <n v="2016"/>
  </r>
  <r>
    <s v="110"/>
    <d v="2016-03-15T00:00:00"/>
    <x v="5"/>
    <x v="0"/>
    <s v="10828"/>
    <s v="GLNANDA"/>
    <n v="0"/>
    <n v="112"/>
    <s v="Billed Revenues"/>
    <s v="EXV"/>
    <s v="NONBU"/>
    <s v="G0000110"/>
    <s v="N"/>
    <s v="MACSS Dist Billed Revenue-03"/>
    <s v=""/>
    <x v="0"/>
    <s v="CAD0330310"/>
    <s v="S"/>
    <s v="KY"/>
    <s v="REV"/>
    <s v="974"/>
    <s v="GLBATCH"/>
    <n v="3"/>
    <n v="2016"/>
  </r>
  <r>
    <s v="110"/>
    <d v="2016-03-15T00:00:00"/>
    <x v="0"/>
    <x v="0"/>
    <s v="10828"/>
    <s v="GLNANDA"/>
    <n v="-12647.71"/>
    <n v="-99979"/>
    <s v="Billed Revenues"/>
    <s v="EXV"/>
    <s v="NONBU"/>
    <s v="G0000110"/>
    <s v="N"/>
    <s v="MACSS Dist Billed Revenue-03"/>
    <s v=""/>
    <x v="0"/>
    <s v="CAD0330310"/>
    <s v="S"/>
    <s v="KY"/>
    <s v="REV"/>
    <s v="974"/>
    <s v="GLBATCH"/>
    <n v="3"/>
    <n v="2016"/>
  </r>
  <r>
    <s v="110"/>
    <d v="2016-03-15T00:00:00"/>
    <x v="0"/>
    <x v="0"/>
    <s v="10828"/>
    <s v="GLNANDA"/>
    <n v="0"/>
    <n v="16"/>
    <s v="Billed Revenues"/>
    <s v="EXV"/>
    <s v="NONBU"/>
    <s v="G0000110"/>
    <s v="N"/>
    <s v="MACSS Dist Billed Revenue-03"/>
    <s v=""/>
    <x v="0"/>
    <s v="CAD0330310"/>
    <s v="S"/>
    <s v="KY"/>
    <s v="REV"/>
    <s v="974"/>
    <s v="GLBATCH"/>
    <n v="3"/>
    <n v="2016"/>
  </r>
  <r>
    <s v="110"/>
    <d v="2016-03-15T00:00:00"/>
    <x v="6"/>
    <x v="0"/>
    <s v="10828"/>
    <s v="GLNANDA"/>
    <n v="-574.07000000000005"/>
    <n v="-2448"/>
    <s v="Billed Revenues"/>
    <s v="EXV"/>
    <s v="NONBU"/>
    <s v="G0000110"/>
    <s v="N"/>
    <s v="MACSS Dist Billed Revenue-03"/>
    <s v=""/>
    <x v="0"/>
    <s v="CAD0330310"/>
    <s v="S"/>
    <s v="KY"/>
    <s v="REV"/>
    <s v="974"/>
    <s v="GLBATCH"/>
    <n v="3"/>
    <n v="2016"/>
  </r>
  <r>
    <s v="110"/>
    <d v="2016-03-15T00:00:00"/>
    <x v="6"/>
    <x v="0"/>
    <s v="10828"/>
    <s v="GLNANDA"/>
    <n v="0"/>
    <n v="12"/>
    <s v="Billed Revenues"/>
    <s v="EXV"/>
    <s v="NONBU"/>
    <s v="G0000110"/>
    <s v="N"/>
    <s v="MACSS Dist Billed Revenue-03"/>
    <s v=""/>
    <x v="0"/>
    <s v="CAD0330310"/>
    <s v="S"/>
    <s v="KY"/>
    <s v="REV"/>
    <s v="974"/>
    <s v="GLBATCH"/>
    <n v="3"/>
    <n v="2016"/>
  </r>
  <r>
    <s v="110"/>
    <d v="2016-03-15T00:00:00"/>
    <x v="2"/>
    <x v="0"/>
    <s v="10828"/>
    <s v="GLNANDA"/>
    <n v="-705293.75"/>
    <n v="-6588036"/>
    <s v="Billed Revenues"/>
    <s v="EXV"/>
    <s v="NONBU"/>
    <s v="G0000110"/>
    <s v="N"/>
    <s v="MACSS Dist Billed Revenue-03"/>
    <s v=""/>
    <x v="0"/>
    <s v="CAD0330310"/>
    <s v="S"/>
    <s v="KY"/>
    <s v="REV"/>
    <s v="974"/>
    <s v="GLBATCH"/>
    <n v="3"/>
    <n v="2016"/>
  </r>
  <r>
    <s v="110"/>
    <d v="2016-03-15T00:00:00"/>
    <x v="2"/>
    <x v="0"/>
    <s v="10828"/>
    <s v="GLNANDA"/>
    <n v="0"/>
    <n v="1301"/>
    <s v="Billed Revenues"/>
    <s v="EXV"/>
    <s v="NONBU"/>
    <s v="G0000110"/>
    <s v="N"/>
    <s v="MACSS Dist Billed Revenue-03"/>
    <s v=""/>
    <x v="0"/>
    <s v="CAD0330310"/>
    <s v="S"/>
    <s v="KY"/>
    <s v="REV"/>
    <s v="974"/>
    <s v="GLBATCH"/>
    <n v="3"/>
    <n v="2016"/>
  </r>
  <r>
    <s v="110"/>
    <d v="2016-03-15T00:00:00"/>
    <x v="3"/>
    <x v="0"/>
    <s v="10828"/>
    <s v="GLNANDA"/>
    <n v="-13922.19"/>
    <n v="-112336"/>
    <s v="Billed Revenues"/>
    <s v="EXV"/>
    <s v="NONBU"/>
    <s v="G0000110"/>
    <s v="N"/>
    <s v="MACSS Dist Billed Revenue-03"/>
    <s v=""/>
    <x v="0"/>
    <s v="CAD0330310"/>
    <s v="S"/>
    <s v="KY"/>
    <s v="REV"/>
    <s v="974"/>
    <s v="GLBATCH"/>
    <n v="3"/>
    <n v="2016"/>
  </r>
  <r>
    <s v="110"/>
    <d v="2016-03-15T00:00:00"/>
    <x v="3"/>
    <x v="0"/>
    <s v="10828"/>
    <s v="GLNANDA"/>
    <n v="0"/>
    <n v="9"/>
    <s v="Billed Revenues"/>
    <s v="EXV"/>
    <s v="NONBU"/>
    <s v="G0000110"/>
    <s v="N"/>
    <s v="MACSS Dist Billed Revenue-03"/>
    <s v=""/>
    <x v="0"/>
    <s v="CAD0330310"/>
    <s v="S"/>
    <s v="KY"/>
    <s v="REV"/>
    <s v="974"/>
    <s v="GLBATCH"/>
    <n v="3"/>
    <n v="2016"/>
  </r>
  <r>
    <s v="110"/>
    <d v="2016-03-15T00:00:00"/>
    <x v="1"/>
    <x v="0"/>
    <s v="10828"/>
    <s v="GLNANDA"/>
    <n v="-253922.25"/>
    <n v="-2214308"/>
    <s v="Billed Revenues"/>
    <s v="EXV"/>
    <s v="NONBU"/>
    <s v="G0000110"/>
    <s v="N"/>
    <s v="MACSS Dist Billed Revenue-03"/>
    <s v=""/>
    <x v="0"/>
    <s v="CAD0330310"/>
    <s v="S"/>
    <s v="KY"/>
    <s v="REV"/>
    <s v="974"/>
    <s v="GLBATCH"/>
    <n v="3"/>
    <n v="2016"/>
  </r>
  <r>
    <s v="110"/>
    <d v="2016-03-15T00:00:00"/>
    <x v="1"/>
    <x v="0"/>
    <s v="10828"/>
    <s v="GLNANDA"/>
    <n v="0"/>
    <n v="1884"/>
    <s v="Billed Revenues"/>
    <s v="EXV"/>
    <s v="NONBU"/>
    <s v="G0000110"/>
    <s v="N"/>
    <s v="MACSS Dist Billed Revenue-03"/>
    <s v=""/>
    <x v="0"/>
    <s v="CAD0330310"/>
    <s v="S"/>
    <s v="KY"/>
    <s v="REV"/>
    <s v="974"/>
    <s v="GLBATCH"/>
    <n v="3"/>
    <n v="2016"/>
  </r>
  <r>
    <s v="110"/>
    <d v="2016-03-15T00:00:00"/>
    <x v="7"/>
    <x v="0"/>
    <s v="10828"/>
    <s v="GLNANDA"/>
    <n v="-66337.759999999995"/>
    <n v="-560979"/>
    <s v="Billed Revenues"/>
    <s v="EXV"/>
    <s v="NONBU"/>
    <s v="G0000110"/>
    <s v="N"/>
    <s v="MACSS Dist Billed Revenue-03"/>
    <s v=""/>
    <x v="0"/>
    <s v="CAD0330310"/>
    <s v="S"/>
    <s v="KY"/>
    <s v="REV"/>
    <s v="974"/>
    <s v="GLBATCH"/>
    <n v="3"/>
    <n v="2016"/>
  </r>
  <r>
    <s v="110"/>
    <d v="2016-03-15T00:00:00"/>
    <x v="7"/>
    <x v="0"/>
    <s v="10828"/>
    <s v="GLNANDA"/>
    <n v="0"/>
    <n v="43"/>
    <s v="Billed Revenues"/>
    <s v="EXV"/>
    <s v="NONBU"/>
    <s v="G0000110"/>
    <s v="N"/>
    <s v="MACSS Dist Billed Revenue-03"/>
    <s v=""/>
    <x v="0"/>
    <s v="CAD0330310"/>
    <s v="S"/>
    <s v="KY"/>
    <s v="REV"/>
    <s v="974"/>
    <s v="GLBATCH"/>
    <n v="3"/>
    <n v="2016"/>
  </r>
  <r>
    <s v="110"/>
    <d v="2016-03-15T00:00:00"/>
    <x v="5"/>
    <x v="0"/>
    <s v="10828"/>
    <s v="GLNANDA"/>
    <n v="-74684.53"/>
    <n v="-636402"/>
    <s v="Billed Revenues"/>
    <s v="EXV"/>
    <s v="NONBU"/>
    <s v="G0000110"/>
    <s v="N"/>
    <s v="MACSS Dist Billed Revenue-03"/>
    <s v=""/>
    <x v="0"/>
    <s v="CAD0330310"/>
    <s v="S"/>
    <s v="KY"/>
    <s v="REV"/>
    <s v="974"/>
    <s v="GLBATCH"/>
    <n v="3"/>
    <n v="2016"/>
  </r>
  <r>
    <s v="110"/>
    <d v="2016-03-15T00:00:00"/>
    <x v="5"/>
    <x v="0"/>
    <s v="10828"/>
    <s v="GLNANDA"/>
    <n v="0"/>
    <n v="199"/>
    <s v="Billed Revenues"/>
    <s v="EXV"/>
    <s v="NONBU"/>
    <s v="G0000110"/>
    <s v="N"/>
    <s v="MACSS Dist Billed Revenue-03"/>
    <s v=""/>
    <x v="0"/>
    <s v="CAD0330311"/>
    <s v="S"/>
    <s v="KY"/>
    <s v="REV"/>
    <s v="974"/>
    <s v="GLBATCH"/>
    <n v="3"/>
    <n v="2016"/>
  </r>
  <r>
    <s v="110"/>
    <d v="2016-03-15T00:00:00"/>
    <x v="6"/>
    <x v="0"/>
    <s v="10828"/>
    <s v="GLNANDA"/>
    <n v="-4489.05"/>
    <n v="-35229"/>
    <s v="Billed Revenues"/>
    <s v="EXV"/>
    <s v="NONBU"/>
    <s v="G0000110"/>
    <s v="N"/>
    <s v="MACSS Dist Billed Revenue-03"/>
    <s v=""/>
    <x v="0"/>
    <s v="CAD0330311"/>
    <s v="S"/>
    <s v="KY"/>
    <s v="REV"/>
    <s v="974"/>
    <s v="GLBATCH"/>
    <n v="3"/>
    <n v="2016"/>
  </r>
  <r>
    <s v="110"/>
    <d v="2016-03-15T00:00:00"/>
    <x v="6"/>
    <x v="0"/>
    <s v="10828"/>
    <s v="GLNANDA"/>
    <n v="0"/>
    <n v="17"/>
    <s v="Billed Revenues"/>
    <s v="EXV"/>
    <s v="NONBU"/>
    <s v="G0000110"/>
    <s v="N"/>
    <s v="MACSS Dist Billed Revenue-03"/>
    <s v=""/>
    <x v="0"/>
    <s v="CAD0330311"/>
    <s v="S"/>
    <s v="KY"/>
    <s v="REV"/>
    <s v="974"/>
    <s v="GLBATCH"/>
    <n v="3"/>
    <n v="2016"/>
  </r>
  <r>
    <s v="110"/>
    <d v="2016-03-15T00:00:00"/>
    <x v="3"/>
    <x v="0"/>
    <s v="10828"/>
    <s v="GLNANDA"/>
    <n v="-378581.29"/>
    <n v="-5342632"/>
    <s v="Billed Revenues"/>
    <s v="EXV"/>
    <s v="NONBU"/>
    <s v="G0000110"/>
    <s v="N"/>
    <s v="MACSS Dist Billed Revenue-03"/>
    <s v=""/>
    <x v="0"/>
    <s v="CAD0330311"/>
    <s v="S"/>
    <s v="KY"/>
    <s v="REV"/>
    <s v="974"/>
    <s v="GLBATCH"/>
    <n v="3"/>
    <n v="2016"/>
  </r>
  <r>
    <s v="110"/>
    <d v="2016-03-15T00:00:00"/>
    <x v="3"/>
    <x v="0"/>
    <s v="10828"/>
    <s v="GLNANDA"/>
    <n v="0"/>
    <n v="23"/>
    <s v="Billed Revenues"/>
    <s v="EXV"/>
    <s v="NONBU"/>
    <s v="G0000110"/>
    <s v="N"/>
    <s v="MACSS Dist Billed Revenue-03"/>
    <s v=""/>
    <x v="0"/>
    <s v="CAD0330311"/>
    <s v="S"/>
    <s v="KY"/>
    <s v="REV"/>
    <s v="974"/>
    <s v="GLBATCH"/>
    <n v="3"/>
    <n v="2016"/>
  </r>
  <r>
    <s v="110"/>
    <d v="2016-03-15T00:00:00"/>
    <x v="7"/>
    <x v="0"/>
    <s v="10828"/>
    <s v="GLNANDA"/>
    <n v="-119654.82"/>
    <n v="-1103356"/>
    <s v="Billed Revenues"/>
    <s v="EXV"/>
    <s v="NONBU"/>
    <s v="G0000110"/>
    <s v="N"/>
    <s v="MACSS Dist Billed Revenue-03"/>
    <s v=""/>
    <x v="0"/>
    <s v="CAD0330311"/>
    <s v="S"/>
    <s v="KY"/>
    <s v="REV"/>
    <s v="974"/>
    <s v="GLBATCH"/>
    <n v="3"/>
    <n v="2016"/>
  </r>
  <r>
    <s v="110"/>
    <d v="2016-03-15T00:00:00"/>
    <x v="7"/>
    <x v="0"/>
    <s v="10828"/>
    <s v="GLNANDA"/>
    <n v="0"/>
    <n v="46"/>
    <s v="Billed Revenues"/>
    <s v="EXV"/>
    <s v="NONBU"/>
    <s v="G0000110"/>
    <s v="N"/>
    <s v="MACSS Dist Billed Revenue-03"/>
    <s v=""/>
    <x v="0"/>
    <s v="CAD0330311"/>
    <s v="S"/>
    <s v="KY"/>
    <s v="REV"/>
    <s v="974"/>
    <s v="GLBATCH"/>
    <n v="3"/>
    <n v="2016"/>
  </r>
  <r>
    <s v="110"/>
    <d v="2016-03-15T00:00:00"/>
    <x v="5"/>
    <x v="0"/>
    <s v="10828"/>
    <s v="GLNANDA"/>
    <n v="-131371.71"/>
    <n v="-1122069"/>
    <s v="Billed Revenues"/>
    <s v="EXV"/>
    <s v="NONBU"/>
    <s v="G0000110"/>
    <s v="N"/>
    <s v="MACSS Dist Billed Revenue-03"/>
    <s v=""/>
    <x v="0"/>
    <s v="CAD0330311"/>
    <s v="S"/>
    <s v="KY"/>
    <s v="REV"/>
    <s v="974"/>
    <s v="GLBATCH"/>
    <n v="3"/>
    <n v="2016"/>
  </r>
  <r>
    <s v="110"/>
    <d v="2016-03-15T00:00:00"/>
    <x v="0"/>
    <x v="0"/>
    <s v="10828"/>
    <s v="GLNANDA"/>
    <n v="0"/>
    <n v="59"/>
    <s v="Billed Revenues"/>
    <s v="EXV"/>
    <s v="NONBU"/>
    <s v="G0000110"/>
    <s v="N"/>
    <s v="MACSS Dist Billed Revenue-03"/>
    <s v=""/>
    <x v="0"/>
    <s v="CAD0330311"/>
    <s v="S"/>
    <s v="KY"/>
    <s v="REV"/>
    <s v="974"/>
    <s v="GLBATCH"/>
    <n v="3"/>
    <n v="2016"/>
  </r>
  <r>
    <s v="110"/>
    <d v="2016-03-15T00:00:00"/>
    <x v="1"/>
    <x v="0"/>
    <s v="10828"/>
    <s v="GLNANDA"/>
    <n v="-316812.53999999998"/>
    <n v="-2756932"/>
    <s v="Billed Revenues"/>
    <s v="EXV"/>
    <s v="NONBU"/>
    <s v="G0000110"/>
    <s v="N"/>
    <s v="MACSS Dist Billed Revenue-03"/>
    <s v=""/>
    <x v="0"/>
    <s v="CAD0330311"/>
    <s v="S"/>
    <s v="KY"/>
    <s v="REV"/>
    <s v="974"/>
    <s v="GLBATCH"/>
    <n v="3"/>
    <n v="2016"/>
  </r>
  <r>
    <s v="110"/>
    <d v="2016-03-15T00:00:00"/>
    <x v="1"/>
    <x v="0"/>
    <s v="10828"/>
    <s v="GLNANDA"/>
    <n v="0"/>
    <n v="2460"/>
    <s v="Billed Revenues"/>
    <s v="EXV"/>
    <s v="NONBU"/>
    <s v="G0000110"/>
    <s v="N"/>
    <s v="MACSS Dist Billed Revenue-03"/>
    <s v=""/>
    <x v="0"/>
    <s v="CAD0330311"/>
    <s v="S"/>
    <s v="KY"/>
    <s v="REV"/>
    <s v="974"/>
    <s v="GLBATCH"/>
    <n v="3"/>
    <n v="2016"/>
  </r>
  <r>
    <s v="110"/>
    <d v="2016-03-15T00:00:00"/>
    <x v="2"/>
    <x v="0"/>
    <s v="10828"/>
    <s v="GLNANDA"/>
    <n v="-613717.21"/>
    <n v="-5000233"/>
    <s v="Billed Revenues"/>
    <s v="EXV"/>
    <s v="NONBU"/>
    <s v="G0000110"/>
    <s v="N"/>
    <s v="MACSS Dist Billed Revenue-03"/>
    <s v=""/>
    <x v="0"/>
    <s v="CAD0330311"/>
    <s v="S"/>
    <s v="KY"/>
    <s v="REV"/>
    <s v="974"/>
    <s v="GLBATCH"/>
    <n v="3"/>
    <n v="2016"/>
  </r>
  <r>
    <s v="110"/>
    <d v="2016-03-15T00:00:00"/>
    <x v="2"/>
    <x v="0"/>
    <s v="10828"/>
    <s v="GLNANDA"/>
    <n v="0"/>
    <n v="1768"/>
    <s v="Billed Revenues"/>
    <s v="EXV"/>
    <s v="NONBU"/>
    <s v="G0000110"/>
    <s v="N"/>
    <s v="MACSS Dist Billed Revenue-03"/>
    <s v=""/>
    <x v="0"/>
    <s v="CAD0330311"/>
    <s v="S"/>
    <s v="KY"/>
    <s v="REV"/>
    <s v="974"/>
    <s v="GLBATCH"/>
    <n v="3"/>
    <n v="2016"/>
  </r>
  <r>
    <s v="110"/>
    <d v="2016-03-15T00:00:00"/>
    <x v="4"/>
    <x v="0"/>
    <s v="10828"/>
    <s v="GLNANDA"/>
    <n v="-930360.17"/>
    <n v="-8512858"/>
    <s v="Billed Revenues"/>
    <s v="EXV"/>
    <s v="NONBU"/>
    <s v="G0000110"/>
    <s v="N"/>
    <s v="MACSS Dist Billed Revenue-03"/>
    <s v=""/>
    <x v="0"/>
    <s v="CAD0330311"/>
    <s v="S"/>
    <s v="KY"/>
    <s v="REV"/>
    <s v="974"/>
    <s v="GLBATCH"/>
    <n v="3"/>
    <n v="2016"/>
  </r>
  <r>
    <s v="110"/>
    <d v="2016-03-15T00:00:00"/>
    <x v="4"/>
    <x v="0"/>
    <s v="10828"/>
    <s v="GLNANDA"/>
    <n v="0"/>
    <n v="4443"/>
    <s v="Billed Revenues"/>
    <s v="EXV"/>
    <s v="NONBU"/>
    <s v="G0000110"/>
    <s v="N"/>
    <s v="MACSS Dist Billed Revenue-03"/>
    <s v=""/>
    <x v="0"/>
    <s v="CAD0330311"/>
    <s v="S"/>
    <s v="KY"/>
    <s v="REV"/>
    <s v="974"/>
    <s v="GLBATCH"/>
    <n v="3"/>
    <n v="2016"/>
  </r>
  <r>
    <s v="110"/>
    <d v="2016-03-15T00:00:00"/>
    <x v="0"/>
    <x v="0"/>
    <s v="10828"/>
    <s v="GLNANDA"/>
    <n v="-185741.9"/>
    <n v="-1444123"/>
    <s v="Billed Revenues"/>
    <s v="EXV"/>
    <s v="NONBU"/>
    <s v="G0000110"/>
    <s v="N"/>
    <s v="MACSS Dist Billed Revenue-03"/>
    <s v=""/>
    <x v="0"/>
    <s v="CAD0330311"/>
    <s v="S"/>
    <s v="KY"/>
    <s v="REV"/>
    <s v="974"/>
    <s v="GLBATCH"/>
    <n v="3"/>
    <n v="2016"/>
  </r>
  <r>
    <s v="110"/>
    <d v="2016-03-15T00:00:00"/>
    <x v="4"/>
    <x v="0"/>
    <s v="10828"/>
    <s v="GLNANDA"/>
    <n v="0"/>
    <n v="4575"/>
    <s v="Billed Revenues"/>
    <s v="EXV"/>
    <s v="NONBU"/>
    <s v="G0000110"/>
    <s v="N"/>
    <s v="MACSS Dist Billed Revenue-03"/>
    <s v=""/>
    <x v="0"/>
    <s v="CAD0330314"/>
    <s v="S"/>
    <s v="KY"/>
    <s v="REV"/>
    <s v="974"/>
    <s v="GLBATCH"/>
    <n v="3"/>
    <n v="2016"/>
  </r>
  <r>
    <s v="110"/>
    <d v="2016-03-15T00:00:00"/>
    <x v="4"/>
    <x v="0"/>
    <s v="10828"/>
    <s v="GLNANDA"/>
    <n v="-851842.98"/>
    <n v="-7724335"/>
    <s v="Billed Revenues"/>
    <s v="EXV"/>
    <s v="NONBU"/>
    <s v="G0000110"/>
    <s v="N"/>
    <s v="MACSS Dist Billed Revenue-03"/>
    <s v=""/>
    <x v="0"/>
    <s v="CAD0330314"/>
    <s v="S"/>
    <s v="KY"/>
    <s v="REV"/>
    <s v="974"/>
    <s v="GLBATCH"/>
    <n v="3"/>
    <n v="2016"/>
  </r>
  <r>
    <s v="110"/>
    <d v="2016-03-15T00:00:00"/>
    <x v="2"/>
    <x v="0"/>
    <s v="10828"/>
    <s v="GLNANDA"/>
    <n v="0"/>
    <n v="1315"/>
    <s v="Billed Revenues"/>
    <s v="EXV"/>
    <s v="NONBU"/>
    <s v="G0000110"/>
    <s v="N"/>
    <s v="MACSS Dist Billed Revenue-03"/>
    <s v=""/>
    <x v="0"/>
    <s v="CAD0330314"/>
    <s v="S"/>
    <s v="KY"/>
    <s v="REV"/>
    <s v="974"/>
    <s v="GLBATCH"/>
    <n v="3"/>
    <n v="2016"/>
  </r>
  <r>
    <s v="110"/>
    <d v="2016-03-15T00:00:00"/>
    <x v="2"/>
    <x v="0"/>
    <s v="10828"/>
    <s v="GLNANDA"/>
    <n v="-547014.87"/>
    <n v="-4565338"/>
    <s v="Billed Revenues"/>
    <s v="EXV"/>
    <s v="NONBU"/>
    <s v="G0000110"/>
    <s v="N"/>
    <s v="MACSS Dist Billed Revenue-03"/>
    <s v=""/>
    <x v="0"/>
    <s v="CAD0330314"/>
    <s v="S"/>
    <s v="KY"/>
    <s v="REV"/>
    <s v="974"/>
    <s v="GLBATCH"/>
    <n v="3"/>
    <n v="2016"/>
  </r>
  <r>
    <s v="110"/>
    <d v="2016-03-15T00:00:00"/>
    <x v="1"/>
    <x v="0"/>
    <s v="10828"/>
    <s v="GLNANDA"/>
    <n v="0"/>
    <n v="2604"/>
    <s v="Billed Revenues"/>
    <s v="EXV"/>
    <s v="NONBU"/>
    <s v="G0000110"/>
    <s v="N"/>
    <s v="MACSS Dist Billed Revenue-03"/>
    <s v=""/>
    <x v="0"/>
    <s v="CAD0330314"/>
    <s v="S"/>
    <s v="KY"/>
    <s v="REV"/>
    <s v="974"/>
    <s v="GLBATCH"/>
    <n v="3"/>
    <n v="2016"/>
  </r>
  <r>
    <s v="110"/>
    <d v="2016-03-15T00:00:00"/>
    <x v="1"/>
    <x v="0"/>
    <s v="10828"/>
    <s v="GLNANDA"/>
    <n v="-335101.03000000003"/>
    <n v="-2918507"/>
    <s v="Billed Revenues"/>
    <s v="EXV"/>
    <s v="NONBU"/>
    <s v="G0000110"/>
    <s v="N"/>
    <s v="MACSS Dist Billed Revenue-03"/>
    <s v=""/>
    <x v="0"/>
    <s v="CAD0330314"/>
    <s v="S"/>
    <s v="KY"/>
    <s v="REV"/>
    <s v="974"/>
    <s v="GLBATCH"/>
    <n v="3"/>
    <n v="2016"/>
  </r>
  <r>
    <s v="110"/>
    <d v="2016-03-15T00:00:00"/>
    <x v="0"/>
    <x v="0"/>
    <s v="10828"/>
    <s v="GLNANDA"/>
    <n v="0"/>
    <n v="20"/>
    <s v="Billed Revenues"/>
    <s v="EXV"/>
    <s v="NONBU"/>
    <s v="G0000110"/>
    <s v="N"/>
    <s v="MACSS Dist Billed Revenue-03"/>
    <s v=""/>
    <x v="0"/>
    <s v="CAD0330314"/>
    <s v="S"/>
    <s v="KY"/>
    <s v="REV"/>
    <s v="974"/>
    <s v="GLBATCH"/>
    <n v="3"/>
    <n v="2016"/>
  </r>
  <r>
    <s v="110"/>
    <d v="2016-03-15T00:00:00"/>
    <x v="0"/>
    <x v="0"/>
    <s v="10828"/>
    <s v="GLNANDA"/>
    <n v="-23605.75"/>
    <n v="-261996"/>
    <s v="Billed Revenues"/>
    <s v="EXV"/>
    <s v="NONBU"/>
    <s v="G0000110"/>
    <s v="N"/>
    <s v="MACSS Dist Billed Revenue-03"/>
    <s v=""/>
    <x v="0"/>
    <s v="CAD0330314"/>
    <s v="S"/>
    <s v="KY"/>
    <s v="REV"/>
    <s v="974"/>
    <s v="GLBATCH"/>
    <n v="3"/>
    <n v="2016"/>
  </r>
  <r>
    <s v="110"/>
    <d v="2016-03-15T00:00:00"/>
    <x v="7"/>
    <x v="0"/>
    <s v="10828"/>
    <s v="GLNANDA"/>
    <n v="0"/>
    <n v="34"/>
    <s v="Billed Revenues"/>
    <s v="EXV"/>
    <s v="NONBU"/>
    <s v="G0000110"/>
    <s v="N"/>
    <s v="MACSS Dist Billed Revenue-03"/>
    <s v=""/>
    <x v="0"/>
    <s v="CAD0330314"/>
    <s v="S"/>
    <s v="KY"/>
    <s v="REV"/>
    <s v="974"/>
    <s v="GLBATCH"/>
    <n v="3"/>
    <n v="2016"/>
  </r>
  <r>
    <s v="110"/>
    <d v="2016-03-15T00:00:00"/>
    <x v="7"/>
    <x v="0"/>
    <s v="10828"/>
    <s v="GLNANDA"/>
    <n v="-67494.320000000007"/>
    <n v="-595436"/>
    <s v="Billed Revenues"/>
    <s v="EXV"/>
    <s v="NONBU"/>
    <s v="G0000110"/>
    <s v="N"/>
    <s v="MACSS Dist Billed Revenue-03"/>
    <s v=""/>
    <x v="0"/>
    <s v="CAD0330314"/>
    <s v="S"/>
    <s v="KY"/>
    <s v="REV"/>
    <s v="974"/>
    <s v="GLBATCH"/>
    <n v="3"/>
    <n v="2016"/>
  </r>
  <r>
    <s v="110"/>
    <d v="2016-03-15T00:00:00"/>
    <x v="3"/>
    <x v="0"/>
    <s v="10828"/>
    <s v="GLNANDA"/>
    <n v="0"/>
    <n v="7"/>
    <s v="Billed Revenues"/>
    <s v="EXV"/>
    <s v="NONBU"/>
    <s v="G0000110"/>
    <s v="N"/>
    <s v="MACSS Dist Billed Revenue-03"/>
    <s v=""/>
    <x v="0"/>
    <s v="CAD0330314"/>
    <s v="S"/>
    <s v="KY"/>
    <s v="REV"/>
    <s v="974"/>
    <s v="GLBATCH"/>
    <n v="3"/>
    <n v="2016"/>
  </r>
  <r>
    <s v="110"/>
    <d v="2016-03-15T00:00:00"/>
    <x v="3"/>
    <x v="0"/>
    <s v="10828"/>
    <s v="GLNANDA"/>
    <n v="-101304.18"/>
    <n v="-576666"/>
    <s v="Billed Revenues"/>
    <s v="EXV"/>
    <s v="NONBU"/>
    <s v="G0000110"/>
    <s v="N"/>
    <s v="MACSS Dist Billed Revenue-03"/>
    <s v=""/>
    <x v="0"/>
    <s v="CAD0330314"/>
    <s v="S"/>
    <s v="KY"/>
    <s v="REV"/>
    <s v="974"/>
    <s v="GLBATCH"/>
    <n v="3"/>
    <n v="2016"/>
  </r>
  <r>
    <s v="110"/>
    <d v="2016-03-15T00:00:00"/>
    <x v="6"/>
    <x v="0"/>
    <s v="10828"/>
    <s v="GLNANDA"/>
    <n v="0"/>
    <n v="19"/>
    <s v="Billed Revenues"/>
    <s v="EXV"/>
    <s v="NONBU"/>
    <s v="G0000110"/>
    <s v="N"/>
    <s v="MACSS Dist Billed Revenue-03"/>
    <s v=""/>
    <x v="0"/>
    <s v="CAD0330314"/>
    <s v="S"/>
    <s v="KY"/>
    <s v="REV"/>
    <s v="974"/>
    <s v="GLBATCH"/>
    <n v="3"/>
    <n v="2016"/>
  </r>
  <r>
    <s v="110"/>
    <d v="2016-03-15T00:00:00"/>
    <x v="6"/>
    <x v="0"/>
    <s v="10828"/>
    <s v="GLNANDA"/>
    <n v="-1424.07"/>
    <n v="-8427"/>
    <s v="Billed Revenues"/>
    <s v="EXV"/>
    <s v="NONBU"/>
    <s v="G0000110"/>
    <s v="N"/>
    <s v="MACSS Dist Billed Revenue-03"/>
    <s v=""/>
    <x v="0"/>
    <s v="CAD0330314"/>
    <s v="S"/>
    <s v="KY"/>
    <s v="REV"/>
    <s v="974"/>
    <s v="GLBATCH"/>
    <n v="3"/>
    <n v="2016"/>
  </r>
  <r>
    <s v="110"/>
    <d v="2016-03-15T00:00:00"/>
    <x v="5"/>
    <x v="0"/>
    <s v="10828"/>
    <s v="GLNANDA"/>
    <n v="0"/>
    <n v="184"/>
    <s v="Billed Revenues"/>
    <s v="EXV"/>
    <s v="NONBU"/>
    <s v="G0000110"/>
    <s v="N"/>
    <s v="MACSS Dist Billed Revenue-03"/>
    <s v=""/>
    <x v="0"/>
    <s v="CAD0330314"/>
    <s v="S"/>
    <s v="KY"/>
    <s v="REV"/>
    <s v="974"/>
    <s v="GLBATCH"/>
    <n v="3"/>
    <n v="2016"/>
  </r>
  <r>
    <s v="110"/>
    <d v="2016-03-15T00:00:00"/>
    <x v="5"/>
    <x v="0"/>
    <s v="10828"/>
    <s v="GLNANDA"/>
    <n v="-128444.8"/>
    <n v="-1057325"/>
    <s v="Billed Revenues"/>
    <s v="EXV"/>
    <s v="NONBU"/>
    <s v="G0000110"/>
    <s v="N"/>
    <s v="MACSS Dist Billed Revenue-03"/>
    <s v=""/>
    <x v="0"/>
    <s v="CAD0330314"/>
    <s v="S"/>
    <s v="KY"/>
    <s v="REV"/>
    <s v="974"/>
    <s v="GLBATCH"/>
    <n v="3"/>
    <n v="2016"/>
  </r>
  <r>
    <s v="110"/>
    <d v="2016-03-15T00:00:00"/>
    <x v="5"/>
    <x v="0"/>
    <s v="10828"/>
    <s v="GLNANDA"/>
    <n v="-115264.49"/>
    <n v="-967580"/>
    <s v="Billed Revenues"/>
    <s v="EXV"/>
    <s v="NONBU"/>
    <s v="G0000110"/>
    <s v="N"/>
    <s v="MACSS Dist Billed Revenue-03"/>
    <s v=""/>
    <x v="0"/>
    <s v="CAD0330315"/>
    <s v="S"/>
    <s v="KY"/>
    <s v="REV"/>
    <s v="974"/>
    <s v="GLBATCH"/>
    <n v="3"/>
    <n v="2016"/>
  </r>
  <r>
    <s v="110"/>
    <d v="2016-03-15T00:00:00"/>
    <x v="4"/>
    <x v="0"/>
    <s v="10828"/>
    <s v="GLNANDA"/>
    <n v="-929964.44"/>
    <n v="-8443350"/>
    <s v="Billed Revenues"/>
    <s v="EXV"/>
    <s v="NONBU"/>
    <s v="G0000110"/>
    <s v="N"/>
    <s v="MACSS Dist Billed Revenue-03"/>
    <s v=""/>
    <x v="0"/>
    <s v="CAD0330315"/>
    <s v="S"/>
    <s v="KY"/>
    <s v="REV"/>
    <s v="974"/>
    <s v="GLBATCH"/>
    <n v="3"/>
    <n v="2016"/>
  </r>
  <r>
    <s v="110"/>
    <d v="2016-03-15T00:00:00"/>
    <x v="3"/>
    <x v="0"/>
    <s v="10828"/>
    <s v="GLNANDA"/>
    <n v="-21757.65"/>
    <n v="-184860"/>
    <s v="Billed Revenues"/>
    <s v="EXV"/>
    <s v="NONBU"/>
    <s v="G0000110"/>
    <s v="N"/>
    <s v="MACSS Dist Billed Revenue-03"/>
    <s v=""/>
    <x v="0"/>
    <s v="CAD0330315"/>
    <s v="S"/>
    <s v="KY"/>
    <s v="REV"/>
    <s v="974"/>
    <s v="GLBATCH"/>
    <n v="3"/>
    <n v="2016"/>
  </r>
  <r>
    <s v="110"/>
    <d v="2016-03-15T00:00:00"/>
    <x v="3"/>
    <x v="0"/>
    <s v="10828"/>
    <s v="GLNANDA"/>
    <n v="0"/>
    <n v="9"/>
    <s v="Billed Revenues"/>
    <s v="EXV"/>
    <s v="NONBU"/>
    <s v="G0000110"/>
    <s v="N"/>
    <s v="MACSS Dist Billed Revenue-03"/>
    <s v=""/>
    <x v="0"/>
    <s v="CAD0330315"/>
    <s v="S"/>
    <s v="KY"/>
    <s v="REV"/>
    <s v="974"/>
    <s v="GLBATCH"/>
    <n v="3"/>
    <n v="2016"/>
  </r>
  <r>
    <s v="110"/>
    <d v="2016-03-15T00:00:00"/>
    <x v="7"/>
    <x v="0"/>
    <s v="10828"/>
    <s v="GLNANDA"/>
    <n v="-113443.65"/>
    <n v="-1004751"/>
    <s v="Billed Revenues"/>
    <s v="EXV"/>
    <s v="NONBU"/>
    <s v="G0000110"/>
    <s v="N"/>
    <s v="MACSS Dist Billed Revenue-03"/>
    <s v=""/>
    <x v="0"/>
    <s v="CAD0330315"/>
    <s v="S"/>
    <s v="KY"/>
    <s v="REV"/>
    <s v="974"/>
    <s v="GLBATCH"/>
    <n v="3"/>
    <n v="2016"/>
  </r>
  <r>
    <s v="110"/>
    <d v="2016-03-15T00:00:00"/>
    <x v="7"/>
    <x v="0"/>
    <s v="10828"/>
    <s v="GLNANDA"/>
    <n v="0"/>
    <n v="50"/>
    <s v="Billed Revenues"/>
    <s v="EXV"/>
    <s v="NONBU"/>
    <s v="G0000110"/>
    <s v="N"/>
    <s v="MACSS Dist Billed Revenue-03"/>
    <s v=""/>
    <x v="0"/>
    <s v="CAD0330315"/>
    <s v="S"/>
    <s v="KY"/>
    <s v="REV"/>
    <s v="974"/>
    <s v="GLBATCH"/>
    <n v="3"/>
    <n v="2016"/>
  </r>
  <r>
    <s v="110"/>
    <d v="2016-03-15T00:00:00"/>
    <x v="4"/>
    <x v="0"/>
    <s v="10828"/>
    <s v="GLNANDA"/>
    <n v="0"/>
    <n v="5013"/>
    <s v="Billed Revenues"/>
    <s v="EXV"/>
    <s v="NONBU"/>
    <s v="G0000110"/>
    <s v="N"/>
    <s v="MACSS Dist Billed Revenue-03"/>
    <s v=""/>
    <x v="0"/>
    <s v="CAD0330315"/>
    <s v="S"/>
    <s v="KY"/>
    <s v="REV"/>
    <s v="974"/>
    <s v="GLBATCH"/>
    <n v="3"/>
    <n v="2016"/>
  </r>
  <r>
    <s v="110"/>
    <d v="2016-03-15T00:00:00"/>
    <x v="0"/>
    <x v="0"/>
    <s v="10828"/>
    <s v="GLNANDA"/>
    <n v="-41270.47"/>
    <n v="-537509"/>
    <s v="Billed Revenues"/>
    <s v="EXV"/>
    <s v="NONBU"/>
    <s v="G0000110"/>
    <s v="N"/>
    <s v="MACSS Dist Billed Revenue-03"/>
    <s v=""/>
    <x v="0"/>
    <s v="CAD0330315"/>
    <s v="S"/>
    <s v="KY"/>
    <s v="REV"/>
    <s v="974"/>
    <s v="GLBATCH"/>
    <n v="3"/>
    <n v="2016"/>
  </r>
  <r>
    <s v="110"/>
    <d v="2016-03-15T00:00:00"/>
    <x v="0"/>
    <x v="0"/>
    <s v="10828"/>
    <s v="GLNANDA"/>
    <n v="0"/>
    <n v="34"/>
    <s v="Billed Revenues"/>
    <s v="EXV"/>
    <s v="NONBU"/>
    <s v="G0000110"/>
    <s v="N"/>
    <s v="MACSS Dist Billed Revenue-03"/>
    <s v=""/>
    <x v="0"/>
    <s v="CAD0330315"/>
    <s v="S"/>
    <s v="KY"/>
    <s v="REV"/>
    <s v="974"/>
    <s v="GLBATCH"/>
    <n v="3"/>
    <n v="2016"/>
  </r>
  <r>
    <s v="110"/>
    <d v="2016-03-15T00:00:00"/>
    <x v="1"/>
    <x v="0"/>
    <s v="10828"/>
    <s v="GLNANDA"/>
    <n v="-301225.40999999997"/>
    <n v="-2623356"/>
    <s v="Billed Revenues"/>
    <s v="EXV"/>
    <s v="NONBU"/>
    <s v="G0000110"/>
    <s v="N"/>
    <s v="MACSS Dist Billed Revenue-03"/>
    <s v=""/>
    <x v="0"/>
    <s v="CAD0330315"/>
    <s v="S"/>
    <s v="KY"/>
    <s v="REV"/>
    <s v="974"/>
    <s v="GLBATCH"/>
    <n v="3"/>
    <n v="2016"/>
  </r>
  <r>
    <s v="110"/>
    <d v="2016-03-15T00:00:00"/>
    <x v="2"/>
    <x v="0"/>
    <s v="10828"/>
    <s v="GLNANDA"/>
    <n v="-859227.35"/>
    <n v="-7746650"/>
    <s v="Billed Revenues"/>
    <s v="EXV"/>
    <s v="NONBU"/>
    <s v="G0000110"/>
    <s v="N"/>
    <s v="MACSS Dist Billed Revenue-03"/>
    <s v=""/>
    <x v="0"/>
    <s v="CAD0330315"/>
    <s v="S"/>
    <s v="KY"/>
    <s v="REV"/>
    <s v="974"/>
    <s v="GLBATCH"/>
    <n v="3"/>
    <n v="2016"/>
  </r>
  <r>
    <s v="110"/>
    <d v="2016-03-15T00:00:00"/>
    <x v="1"/>
    <x v="0"/>
    <s v="10828"/>
    <s v="GLNANDA"/>
    <n v="0"/>
    <n v="2308"/>
    <s v="Billed Revenues"/>
    <s v="EXV"/>
    <s v="NONBU"/>
    <s v="G0000110"/>
    <s v="N"/>
    <s v="MACSS Dist Billed Revenue-03"/>
    <s v=""/>
    <x v="0"/>
    <s v="CAD0330315"/>
    <s v="S"/>
    <s v="KY"/>
    <s v="REV"/>
    <s v="974"/>
    <s v="GLBATCH"/>
    <n v="3"/>
    <n v="2016"/>
  </r>
  <r>
    <s v="110"/>
    <d v="2016-03-15T00:00:00"/>
    <x v="6"/>
    <x v="0"/>
    <s v="10828"/>
    <s v="GLNANDA"/>
    <n v="0"/>
    <n v="12"/>
    <s v="Billed Revenues"/>
    <s v="EXV"/>
    <s v="NONBU"/>
    <s v="G0000110"/>
    <s v="N"/>
    <s v="MACSS Dist Billed Revenue-03"/>
    <s v=""/>
    <x v="0"/>
    <s v="CAD0330315"/>
    <s v="S"/>
    <s v="KY"/>
    <s v="REV"/>
    <s v="974"/>
    <s v="GLBATCH"/>
    <n v="3"/>
    <n v="2016"/>
  </r>
  <r>
    <s v="110"/>
    <d v="2016-03-15T00:00:00"/>
    <x v="6"/>
    <x v="0"/>
    <s v="10828"/>
    <s v="GLNANDA"/>
    <n v="-3101.92"/>
    <n v="-20869"/>
    <s v="Billed Revenues"/>
    <s v="EXV"/>
    <s v="NONBU"/>
    <s v="G0000110"/>
    <s v="N"/>
    <s v="MACSS Dist Billed Revenue-03"/>
    <s v=""/>
    <x v="0"/>
    <s v="CAD0330315"/>
    <s v="S"/>
    <s v="KY"/>
    <s v="REV"/>
    <s v="974"/>
    <s v="GLBATCH"/>
    <n v="3"/>
    <n v="2016"/>
  </r>
  <r>
    <s v="110"/>
    <d v="2016-03-15T00:00:00"/>
    <x v="5"/>
    <x v="0"/>
    <s v="10828"/>
    <s v="GLNANDA"/>
    <n v="0"/>
    <n v="228"/>
    <s v="Billed Revenues"/>
    <s v="EXV"/>
    <s v="NONBU"/>
    <s v="G0000110"/>
    <s v="N"/>
    <s v="MACSS Dist Billed Revenue-03"/>
    <s v=""/>
    <x v="0"/>
    <s v="CAD0330315"/>
    <s v="S"/>
    <s v="KY"/>
    <s v="REV"/>
    <s v="974"/>
    <s v="GLBATCH"/>
    <n v="3"/>
    <n v="2016"/>
  </r>
  <r>
    <s v="110"/>
    <d v="2016-03-15T00:00:00"/>
    <x v="2"/>
    <x v="0"/>
    <s v="10828"/>
    <s v="GLNANDA"/>
    <n v="0"/>
    <n v="1806"/>
    <s v="Billed Revenues"/>
    <s v="EXV"/>
    <s v="NONBU"/>
    <s v="G0000110"/>
    <s v="N"/>
    <s v="MACSS Dist Billed Revenue-03"/>
    <s v=""/>
    <x v="0"/>
    <s v="CAD0330315"/>
    <s v="S"/>
    <s v="KY"/>
    <s v="REV"/>
    <s v="974"/>
    <s v="GLBATCH"/>
    <n v="3"/>
    <n v="2016"/>
  </r>
  <r>
    <s v="110"/>
    <d v="2016-03-15T00:00:00"/>
    <x v="1"/>
    <x v="0"/>
    <s v="10828"/>
    <s v="GLNANDA"/>
    <n v="0"/>
    <n v="2091"/>
    <s v="Billed Revenues"/>
    <s v="EXV"/>
    <s v="NONBU"/>
    <s v="G0000110"/>
    <s v="N"/>
    <s v="MACSS Dist Billed Revenue-03"/>
    <s v=""/>
    <x v="0"/>
    <s v="CAD0330316"/>
    <s v="S"/>
    <s v="KY"/>
    <s v="REV"/>
    <s v="974"/>
    <s v="GLBATCH"/>
    <n v="3"/>
    <n v="2016"/>
  </r>
  <r>
    <s v="110"/>
    <d v="2016-03-15T00:00:00"/>
    <x v="5"/>
    <x v="0"/>
    <s v="10828"/>
    <s v="GLNANDA"/>
    <n v="0"/>
    <n v="104"/>
    <s v="Billed Revenues"/>
    <s v="EXV"/>
    <s v="NONBU"/>
    <s v="G0000110"/>
    <s v="N"/>
    <s v="MACSS Dist Billed Revenue-03"/>
    <s v=""/>
    <x v="0"/>
    <s v="CAD0330316"/>
    <s v="S"/>
    <s v="KY"/>
    <s v="REV"/>
    <s v="974"/>
    <s v="GLBATCH"/>
    <n v="3"/>
    <n v="2016"/>
  </r>
  <r>
    <s v="110"/>
    <d v="2016-03-15T00:00:00"/>
    <x v="1"/>
    <x v="0"/>
    <s v="10828"/>
    <s v="GLNANDA"/>
    <n v="-256748.91"/>
    <n v="-2210263"/>
    <s v="Billed Revenues"/>
    <s v="EXV"/>
    <s v="NONBU"/>
    <s v="G0000110"/>
    <s v="N"/>
    <s v="MACSS Dist Billed Revenue-03"/>
    <s v=""/>
    <x v="0"/>
    <s v="CAD0330316"/>
    <s v="S"/>
    <s v="KY"/>
    <s v="REV"/>
    <s v="974"/>
    <s v="GLBATCH"/>
    <n v="3"/>
    <n v="2016"/>
  </r>
  <r>
    <s v="110"/>
    <d v="2016-03-15T00:00:00"/>
    <x v="4"/>
    <x v="0"/>
    <s v="10828"/>
    <s v="GLNANDA"/>
    <n v="-725178.32"/>
    <n v="-6498177"/>
    <s v="Billed Revenues"/>
    <s v="EXV"/>
    <s v="NONBU"/>
    <s v="G0000110"/>
    <s v="N"/>
    <s v="MACSS Dist Billed Revenue-03"/>
    <s v=""/>
    <x v="0"/>
    <s v="CAD0330316"/>
    <s v="S"/>
    <s v="KY"/>
    <s v="REV"/>
    <s v="974"/>
    <s v="GLBATCH"/>
    <n v="3"/>
    <n v="2016"/>
  </r>
  <r>
    <s v="110"/>
    <d v="2016-03-15T00:00:00"/>
    <x v="4"/>
    <x v="0"/>
    <s v="10828"/>
    <s v="GLNANDA"/>
    <n v="0"/>
    <n v="4384"/>
    <s v="Billed Revenues"/>
    <s v="EXV"/>
    <s v="NONBU"/>
    <s v="G0000110"/>
    <s v="N"/>
    <s v="MACSS Dist Billed Revenue-03"/>
    <s v=""/>
    <x v="0"/>
    <s v="CAD0330316"/>
    <s v="S"/>
    <s v="KY"/>
    <s v="REV"/>
    <s v="974"/>
    <s v="GLBATCH"/>
    <n v="3"/>
    <n v="2016"/>
  </r>
  <r>
    <s v="110"/>
    <d v="2016-03-15T00:00:00"/>
    <x v="6"/>
    <x v="0"/>
    <s v="10828"/>
    <s v="GLNANDA"/>
    <n v="-793.13"/>
    <n v="-3855"/>
    <s v="Billed Revenues"/>
    <s v="EXV"/>
    <s v="NONBU"/>
    <s v="G0000110"/>
    <s v="N"/>
    <s v="MACSS Dist Billed Revenue-03"/>
    <s v=""/>
    <x v="0"/>
    <s v="CAD0330316"/>
    <s v="S"/>
    <s v="KY"/>
    <s v="REV"/>
    <s v="974"/>
    <s v="GLBATCH"/>
    <n v="3"/>
    <n v="2016"/>
  </r>
  <r>
    <s v="110"/>
    <d v="2016-03-15T00:00:00"/>
    <x v="6"/>
    <x v="0"/>
    <s v="10828"/>
    <s v="GLNANDA"/>
    <n v="0"/>
    <n v="17"/>
    <s v="Billed Revenues"/>
    <s v="EXV"/>
    <s v="NONBU"/>
    <s v="G0000110"/>
    <s v="N"/>
    <s v="MACSS Dist Billed Revenue-03"/>
    <s v=""/>
    <x v="0"/>
    <s v="CAD0330316"/>
    <s v="S"/>
    <s v="KY"/>
    <s v="REV"/>
    <s v="974"/>
    <s v="GLBATCH"/>
    <n v="3"/>
    <n v="2016"/>
  </r>
  <r>
    <s v="110"/>
    <d v="2016-03-15T00:00:00"/>
    <x v="7"/>
    <x v="0"/>
    <s v="10828"/>
    <s v="GLNANDA"/>
    <n v="0"/>
    <n v="37"/>
    <s v="Billed Revenues"/>
    <s v="EXV"/>
    <s v="NONBU"/>
    <s v="G0000110"/>
    <s v="N"/>
    <s v="MACSS Dist Billed Revenue-03"/>
    <s v=""/>
    <x v="0"/>
    <s v="CAD0330316"/>
    <s v="S"/>
    <s v="KY"/>
    <s v="REV"/>
    <s v="974"/>
    <s v="GLBATCH"/>
    <n v="3"/>
    <n v="2016"/>
  </r>
  <r>
    <s v="110"/>
    <d v="2016-03-15T00:00:00"/>
    <x v="7"/>
    <x v="0"/>
    <s v="10828"/>
    <s v="GLNANDA"/>
    <n v="-112387.39"/>
    <n v="-1095625"/>
    <s v="Billed Revenues"/>
    <s v="EXV"/>
    <s v="NONBU"/>
    <s v="G0000110"/>
    <s v="N"/>
    <s v="MACSS Dist Billed Revenue-03"/>
    <s v=""/>
    <x v="0"/>
    <s v="CAD0330316"/>
    <s v="S"/>
    <s v="KY"/>
    <s v="REV"/>
    <s v="974"/>
    <s v="GLBATCH"/>
    <n v="3"/>
    <n v="2016"/>
  </r>
  <r>
    <s v="110"/>
    <d v="2016-03-15T00:00:00"/>
    <x v="2"/>
    <x v="0"/>
    <s v="10828"/>
    <s v="GLNANDA"/>
    <n v="-482613.47"/>
    <n v="-4097913"/>
    <s v="Billed Revenues"/>
    <s v="EXV"/>
    <s v="NONBU"/>
    <s v="G0000110"/>
    <s v="N"/>
    <s v="MACSS Dist Billed Revenue-03"/>
    <s v=""/>
    <x v="0"/>
    <s v="CAD0330316"/>
    <s v="S"/>
    <s v="KY"/>
    <s v="REV"/>
    <s v="974"/>
    <s v="GLBATCH"/>
    <n v="3"/>
    <n v="2016"/>
  </r>
  <r>
    <s v="110"/>
    <d v="2016-03-15T00:00:00"/>
    <x v="2"/>
    <x v="0"/>
    <s v="10828"/>
    <s v="GLNANDA"/>
    <n v="0"/>
    <n v="1303"/>
    <s v="Billed Revenues"/>
    <s v="EXV"/>
    <s v="NONBU"/>
    <s v="G0000110"/>
    <s v="N"/>
    <s v="MACSS Dist Billed Revenue-03"/>
    <s v=""/>
    <x v="0"/>
    <s v="CAD0330316"/>
    <s v="S"/>
    <s v="KY"/>
    <s v="REV"/>
    <s v="974"/>
    <s v="GLBATCH"/>
    <n v="3"/>
    <n v="2016"/>
  </r>
  <r>
    <s v="110"/>
    <d v="2016-03-15T00:00:00"/>
    <x v="3"/>
    <x v="0"/>
    <s v="10828"/>
    <s v="GLNANDA"/>
    <n v="0"/>
    <n v="16"/>
    <s v="Billed Revenues"/>
    <s v="EXV"/>
    <s v="NONBU"/>
    <s v="G0000110"/>
    <s v="N"/>
    <s v="MACSS Dist Billed Revenue-03"/>
    <s v=""/>
    <x v="0"/>
    <s v="CAD0330316"/>
    <s v="S"/>
    <s v="KY"/>
    <s v="REV"/>
    <s v="974"/>
    <s v="GLBATCH"/>
    <n v="3"/>
    <n v="2016"/>
  </r>
  <r>
    <s v="110"/>
    <d v="2016-03-15T00:00:00"/>
    <x v="0"/>
    <x v="0"/>
    <s v="10828"/>
    <s v="GLNANDA"/>
    <n v="-37644.99"/>
    <n v="-277138"/>
    <s v="Billed Revenues"/>
    <s v="EXV"/>
    <s v="NONBU"/>
    <s v="G0000110"/>
    <s v="N"/>
    <s v="MACSS Dist Billed Revenue-03"/>
    <s v=""/>
    <x v="0"/>
    <s v="CAD0330316"/>
    <s v="S"/>
    <s v="KY"/>
    <s v="REV"/>
    <s v="974"/>
    <s v="GLBATCH"/>
    <n v="3"/>
    <n v="2016"/>
  </r>
  <r>
    <s v="110"/>
    <d v="2016-03-15T00:00:00"/>
    <x v="0"/>
    <x v="0"/>
    <s v="10828"/>
    <s v="GLNANDA"/>
    <n v="0"/>
    <n v="33"/>
    <s v="Billed Revenues"/>
    <s v="EXV"/>
    <s v="NONBU"/>
    <s v="G0000110"/>
    <s v="N"/>
    <s v="MACSS Dist Billed Revenue-03"/>
    <s v=""/>
    <x v="0"/>
    <s v="CAD0330316"/>
    <s v="S"/>
    <s v="KY"/>
    <s v="REV"/>
    <s v="974"/>
    <s v="GLBATCH"/>
    <n v="3"/>
    <n v="2016"/>
  </r>
  <r>
    <s v="110"/>
    <d v="2016-03-15T00:00:00"/>
    <x v="3"/>
    <x v="0"/>
    <s v="10828"/>
    <s v="GLNANDA"/>
    <n v="-54280.55"/>
    <n v="-868285"/>
    <s v="Billed Revenues"/>
    <s v="EXV"/>
    <s v="NONBU"/>
    <s v="G0000110"/>
    <s v="N"/>
    <s v="MACSS Dist Billed Revenue-03"/>
    <s v=""/>
    <x v="0"/>
    <s v="CAD0330316"/>
    <s v="S"/>
    <s v="KY"/>
    <s v="REV"/>
    <s v="974"/>
    <s v="GLBATCH"/>
    <n v="3"/>
    <n v="2016"/>
  </r>
  <r>
    <s v="110"/>
    <d v="2016-03-15T00:00:00"/>
    <x v="5"/>
    <x v="0"/>
    <s v="10828"/>
    <s v="GLNANDA"/>
    <n v="-48648.11"/>
    <n v="-399073"/>
    <s v="Billed Revenues"/>
    <s v="EXV"/>
    <s v="NONBU"/>
    <s v="G0000110"/>
    <s v="N"/>
    <s v="MACSS Dist Billed Revenue-03"/>
    <s v=""/>
    <x v="0"/>
    <s v="CAD0330316"/>
    <s v="S"/>
    <s v="KY"/>
    <s v="REV"/>
    <s v="974"/>
    <s v="GLBATCH"/>
    <n v="3"/>
    <n v="2016"/>
  </r>
  <r>
    <s v="110"/>
    <d v="2016-03-15T00:00:00"/>
    <x v="6"/>
    <x v="0"/>
    <s v="10828"/>
    <s v="GLNANDA"/>
    <n v="-119.91"/>
    <n v="-577"/>
    <s v="Billed Revenues"/>
    <s v="EXV"/>
    <s v="NONBU"/>
    <s v="G0000110"/>
    <s v="N"/>
    <s v="MACSS Dist Billed Revenue-03"/>
    <s v=""/>
    <x v="0"/>
    <s v="CAD0330317"/>
    <s v="S"/>
    <s v="KY"/>
    <s v="REV"/>
    <s v="974"/>
    <s v="GLBATCH"/>
    <n v="3"/>
    <n v="2016"/>
  </r>
  <r>
    <s v="110"/>
    <d v="2016-03-15T00:00:00"/>
    <x v="1"/>
    <x v="0"/>
    <s v="10828"/>
    <s v="GLNANDA"/>
    <n v="0"/>
    <n v="2216"/>
    <s v="Billed Revenues"/>
    <s v="EXV"/>
    <s v="NONBU"/>
    <s v="G0000110"/>
    <s v="N"/>
    <s v="MACSS Dist Billed Revenue-03"/>
    <s v=""/>
    <x v="0"/>
    <s v="CAD0330317"/>
    <s v="S"/>
    <s v="KY"/>
    <s v="REV"/>
    <s v="974"/>
    <s v="GLBATCH"/>
    <n v="3"/>
    <n v="2016"/>
  </r>
  <r>
    <s v="110"/>
    <d v="2016-03-15T00:00:00"/>
    <x v="3"/>
    <x v="0"/>
    <s v="10828"/>
    <s v="GLNANDA"/>
    <n v="-80641.45"/>
    <n v="-1077400"/>
    <s v="Billed Revenues"/>
    <s v="EXV"/>
    <s v="NONBU"/>
    <s v="G0000110"/>
    <s v="N"/>
    <s v="MACSS Dist Billed Revenue-03"/>
    <s v=""/>
    <x v="0"/>
    <s v="CAD0330317"/>
    <s v="S"/>
    <s v="KY"/>
    <s v="REV"/>
    <s v="974"/>
    <s v="GLBATCH"/>
    <n v="3"/>
    <n v="2016"/>
  </r>
  <r>
    <s v="110"/>
    <d v="2016-03-15T00:00:00"/>
    <x v="4"/>
    <x v="0"/>
    <s v="10828"/>
    <s v="GLNANDA"/>
    <n v="0"/>
    <n v="3649"/>
    <s v="Billed Revenues"/>
    <s v="EXV"/>
    <s v="NONBU"/>
    <s v="G0000110"/>
    <s v="N"/>
    <s v="MACSS Dist Billed Revenue-03"/>
    <s v=""/>
    <x v="0"/>
    <s v="CAD0330317"/>
    <s v="S"/>
    <s v="KY"/>
    <s v="REV"/>
    <s v="974"/>
    <s v="GLBATCH"/>
    <n v="3"/>
    <n v="2016"/>
  </r>
  <r>
    <s v="110"/>
    <d v="2016-03-15T00:00:00"/>
    <x v="2"/>
    <x v="0"/>
    <s v="10828"/>
    <s v="GLNANDA"/>
    <n v="-154016.26"/>
    <n v="-1121970"/>
    <s v="Billed Revenues"/>
    <s v="EXV"/>
    <s v="NONBU"/>
    <s v="G0000110"/>
    <s v="N"/>
    <s v="MACSS Dist Billed Revenue-03"/>
    <s v=""/>
    <x v="0"/>
    <s v="CAD0330317"/>
    <s v="S"/>
    <s v="KY"/>
    <s v="REV"/>
    <s v="974"/>
    <s v="GLBATCH"/>
    <n v="3"/>
    <n v="2016"/>
  </r>
  <r>
    <s v="110"/>
    <d v="2016-03-15T00:00:00"/>
    <x v="2"/>
    <x v="0"/>
    <s v="10828"/>
    <s v="GLNANDA"/>
    <n v="0"/>
    <n v="962"/>
    <s v="Billed Revenues"/>
    <s v="EXV"/>
    <s v="NONBU"/>
    <s v="G0000110"/>
    <s v="N"/>
    <s v="MACSS Dist Billed Revenue-03"/>
    <s v=""/>
    <x v="0"/>
    <s v="CAD0330317"/>
    <s v="S"/>
    <s v="KY"/>
    <s v="REV"/>
    <s v="974"/>
    <s v="GLBATCH"/>
    <n v="3"/>
    <n v="2016"/>
  </r>
  <r>
    <s v="110"/>
    <d v="2016-03-15T00:00:00"/>
    <x v="0"/>
    <x v="0"/>
    <s v="10828"/>
    <s v="GLNANDA"/>
    <n v="0"/>
    <n v="20"/>
    <s v="Billed Revenues"/>
    <s v="EXV"/>
    <s v="NONBU"/>
    <s v="G0000110"/>
    <s v="N"/>
    <s v="MACSS Dist Billed Revenue-03"/>
    <s v=""/>
    <x v="0"/>
    <s v="CAD0330317"/>
    <s v="S"/>
    <s v="KY"/>
    <s v="REV"/>
    <s v="974"/>
    <s v="GLBATCH"/>
    <n v="3"/>
    <n v="2016"/>
  </r>
  <r>
    <s v="110"/>
    <d v="2016-03-15T00:00:00"/>
    <x v="6"/>
    <x v="0"/>
    <s v="10828"/>
    <s v="GLNANDA"/>
    <n v="0"/>
    <n v="2"/>
    <s v="Billed Revenues"/>
    <s v="EXV"/>
    <s v="NONBU"/>
    <s v="G0000110"/>
    <s v="N"/>
    <s v="MACSS Dist Billed Revenue-03"/>
    <s v=""/>
    <x v="0"/>
    <s v="CAD0330317"/>
    <s v="S"/>
    <s v="KY"/>
    <s v="REV"/>
    <s v="974"/>
    <s v="GLBATCH"/>
    <n v="3"/>
    <n v="2016"/>
  </r>
  <r>
    <s v="110"/>
    <d v="2016-03-15T00:00:00"/>
    <x v="5"/>
    <x v="0"/>
    <s v="10828"/>
    <s v="GLNANDA"/>
    <n v="0"/>
    <n v="79"/>
    <s v="Billed Revenues"/>
    <s v="EXV"/>
    <s v="NONBU"/>
    <s v="G0000110"/>
    <s v="N"/>
    <s v="MACSS Dist Billed Revenue-03"/>
    <s v=""/>
    <x v="0"/>
    <s v="CAD0330317"/>
    <s v="S"/>
    <s v="KY"/>
    <s v="REV"/>
    <s v="974"/>
    <s v="GLBATCH"/>
    <n v="3"/>
    <n v="2016"/>
  </r>
  <r>
    <s v="110"/>
    <d v="2016-03-15T00:00:00"/>
    <x v="3"/>
    <x v="0"/>
    <s v="10828"/>
    <s v="GLNANDA"/>
    <n v="0"/>
    <n v="8"/>
    <s v="Billed Revenues"/>
    <s v="EXV"/>
    <s v="NONBU"/>
    <s v="G0000110"/>
    <s v="N"/>
    <s v="MACSS Dist Billed Revenue-03"/>
    <s v=""/>
    <x v="0"/>
    <s v="CAD0330317"/>
    <s v="S"/>
    <s v="KY"/>
    <s v="REV"/>
    <s v="974"/>
    <s v="GLBATCH"/>
    <n v="3"/>
    <n v="2016"/>
  </r>
  <r>
    <s v="110"/>
    <d v="2016-03-15T00:00:00"/>
    <x v="5"/>
    <x v="0"/>
    <s v="10828"/>
    <s v="GLNANDA"/>
    <n v="-55934.47"/>
    <n v="-479035"/>
    <s v="Billed Revenues"/>
    <s v="EXV"/>
    <s v="NONBU"/>
    <s v="G0000110"/>
    <s v="N"/>
    <s v="MACSS Dist Billed Revenue-03"/>
    <s v=""/>
    <x v="0"/>
    <s v="CAD0330317"/>
    <s v="S"/>
    <s v="KY"/>
    <s v="REV"/>
    <s v="974"/>
    <s v="GLBATCH"/>
    <n v="3"/>
    <n v="2016"/>
  </r>
  <r>
    <s v="110"/>
    <d v="2016-03-15T00:00:00"/>
    <x v="7"/>
    <x v="0"/>
    <s v="10828"/>
    <s v="GLNANDA"/>
    <n v="-32084.65"/>
    <n v="-276723"/>
    <s v="Billed Revenues"/>
    <s v="EXV"/>
    <s v="NONBU"/>
    <s v="G0000110"/>
    <s v="N"/>
    <s v="MACSS Dist Billed Revenue-03"/>
    <s v=""/>
    <x v="0"/>
    <s v="CAD0330317"/>
    <s v="S"/>
    <s v="KY"/>
    <s v="REV"/>
    <s v="974"/>
    <s v="GLBATCH"/>
    <n v="3"/>
    <n v="2016"/>
  </r>
  <r>
    <s v="110"/>
    <d v="2016-03-15T00:00:00"/>
    <x v="4"/>
    <x v="0"/>
    <s v="10828"/>
    <s v="GLNANDA"/>
    <n v="-616238.79"/>
    <n v="-5511942"/>
    <s v="Billed Revenues"/>
    <s v="EXV"/>
    <s v="NONBU"/>
    <s v="G0000110"/>
    <s v="N"/>
    <s v="MACSS Dist Billed Revenue-03"/>
    <s v=""/>
    <x v="0"/>
    <s v="CAD0330317"/>
    <s v="S"/>
    <s v="KY"/>
    <s v="REV"/>
    <s v="974"/>
    <s v="GLBATCH"/>
    <n v="3"/>
    <n v="2016"/>
  </r>
  <r>
    <s v="110"/>
    <d v="2016-03-15T00:00:00"/>
    <x v="0"/>
    <x v="0"/>
    <s v="10828"/>
    <s v="GLNANDA"/>
    <n v="-9994.48"/>
    <n v="-76221"/>
    <s v="Billed Revenues"/>
    <s v="EXV"/>
    <s v="NONBU"/>
    <s v="G0000110"/>
    <s v="N"/>
    <s v="MACSS Dist Billed Revenue-03"/>
    <s v=""/>
    <x v="0"/>
    <s v="CAD0330317"/>
    <s v="S"/>
    <s v="KY"/>
    <s v="REV"/>
    <s v="974"/>
    <s v="GLBATCH"/>
    <n v="3"/>
    <n v="2016"/>
  </r>
  <r>
    <s v="110"/>
    <d v="2016-03-15T00:00:00"/>
    <x v="1"/>
    <x v="0"/>
    <s v="10828"/>
    <s v="GLNANDA"/>
    <n v="-235104.94"/>
    <n v="-1983336"/>
    <s v="Billed Revenues"/>
    <s v="EXV"/>
    <s v="NONBU"/>
    <s v="G0000110"/>
    <s v="N"/>
    <s v="MACSS Dist Billed Revenue-03"/>
    <s v=""/>
    <x v="0"/>
    <s v="CAD0330317"/>
    <s v="S"/>
    <s v="KY"/>
    <s v="REV"/>
    <s v="974"/>
    <s v="GLBATCH"/>
    <n v="3"/>
    <n v="2016"/>
  </r>
  <r>
    <s v="110"/>
    <d v="2016-03-15T00:00:00"/>
    <x v="7"/>
    <x v="0"/>
    <s v="10828"/>
    <s v="GLNANDA"/>
    <n v="0"/>
    <n v="16"/>
    <s v="Billed Revenues"/>
    <s v="EXV"/>
    <s v="NONBU"/>
    <s v="G0000110"/>
    <s v="N"/>
    <s v="MACSS Dist Billed Revenue-03"/>
    <s v=""/>
    <x v="0"/>
    <s v="CAD0330317"/>
    <s v="S"/>
    <s v="KY"/>
    <s v="REV"/>
    <s v="974"/>
    <s v="GLBATCH"/>
    <n v="3"/>
    <n v="2016"/>
  </r>
  <r>
    <s v="110"/>
    <d v="2016-03-15T00:00:00"/>
    <x v="6"/>
    <x v="0"/>
    <s v="10828"/>
    <s v="GLNANDA"/>
    <n v="-358.96"/>
    <n v="-1837"/>
    <s v="Billed Revenues"/>
    <s v="EXV"/>
    <s v="NONBU"/>
    <s v="G0000110"/>
    <s v="N"/>
    <s v="MACSS Dist Billed Revenue-03"/>
    <s v=""/>
    <x v="0"/>
    <s v="CAD0330318"/>
    <s v="S"/>
    <s v="KY"/>
    <s v="REV"/>
    <s v="974"/>
    <s v="GLBATCH"/>
    <n v="3"/>
    <n v="2016"/>
  </r>
  <r>
    <s v="110"/>
    <d v="2016-03-15T00:00:00"/>
    <x v="6"/>
    <x v="0"/>
    <s v="10828"/>
    <s v="GLNANDA"/>
    <n v="0"/>
    <n v="7"/>
    <s v="Billed Revenues"/>
    <s v="EXV"/>
    <s v="NONBU"/>
    <s v="G0000110"/>
    <s v="N"/>
    <s v="MACSS Dist Billed Revenue-03"/>
    <s v=""/>
    <x v="0"/>
    <s v="CAD0330318"/>
    <s v="S"/>
    <s v="KY"/>
    <s v="REV"/>
    <s v="974"/>
    <s v="GLBATCH"/>
    <n v="3"/>
    <n v="2016"/>
  </r>
  <r>
    <s v="110"/>
    <d v="2016-03-15T00:00:00"/>
    <x v="7"/>
    <x v="0"/>
    <s v="10828"/>
    <s v="GLNANDA"/>
    <n v="-65009.99"/>
    <n v="-560575"/>
    <s v="Billed Revenues"/>
    <s v="EXV"/>
    <s v="NONBU"/>
    <s v="G0000110"/>
    <s v="N"/>
    <s v="MACSS Dist Billed Revenue-03"/>
    <s v=""/>
    <x v="0"/>
    <s v="CAD0330318"/>
    <s v="S"/>
    <s v="KY"/>
    <s v="REV"/>
    <s v="974"/>
    <s v="GLBATCH"/>
    <n v="3"/>
    <n v="2016"/>
  </r>
  <r>
    <s v="110"/>
    <d v="2016-03-15T00:00:00"/>
    <x v="7"/>
    <x v="0"/>
    <s v="10828"/>
    <s v="GLNANDA"/>
    <n v="0"/>
    <n v="17"/>
    <s v="Billed Revenues"/>
    <s v="EXV"/>
    <s v="NONBU"/>
    <s v="G0000110"/>
    <s v="N"/>
    <s v="MACSS Dist Billed Revenue-03"/>
    <s v=""/>
    <x v="0"/>
    <s v="CAD0330318"/>
    <s v="S"/>
    <s v="KY"/>
    <s v="REV"/>
    <s v="974"/>
    <s v="GLBATCH"/>
    <n v="3"/>
    <n v="2016"/>
  </r>
  <r>
    <s v="110"/>
    <d v="2016-03-15T00:00:00"/>
    <x v="5"/>
    <x v="0"/>
    <s v="10828"/>
    <s v="GLNANDA"/>
    <n v="-72675.47"/>
    <n v="-646606"/>
    <s v="Billed Revenues"/>
    <s v="EXV"/>
    <s v="NONBU"/>
    <s v="G0000110"/>
    <s v="N"/>
    <s v="MACSS Dist Billed Revenue-03"/>
    <s v=""/>
    <x v="0"/>
    <s v="CAD0330318"/>
    <s v="S"/>
    <s v="KY"/>
    <s v="REV"/>
    <s v="974"/>
    <s v="GLBATCH"/>
    <n v="3"/>
    <n v="2016"/>
  </r>
  <r>
    <s v="110"/>
    <d v="2016-03-15T00:00:00"/>
    <x v="5"/>
    <x v="0"/>
    <s v="10828"/>
    <s v="GLNANDA"/>
    <n v="0"/>
    <n v="86"/>
    <s v="Billed Revenues"/>
    <s v="EXV"/>
    <s v="NONBU"/>
    <s v="G0000110"/>
    <s v="N"/>
    <s v="MACSS Dist Billed Revenue-03"/>
    <s v=""/>
    <x v="0"/>
    <s v="CAD0330318"/>
    <s v="S"/>
    <s v="KY"/>
    <s v="REV"/>
    <s v="974"/>
    <s v="GLBATCH"/>
    <n v="3"/>
    <n v="2016"/>
  </r>
  <r>
    <s v="110"/>
    <d v="2016-03-15T00:00:00"/>
    <x v="3"/>
    <x v="0"/>
    <s v="10828"/>
    <s v="GLNANDA"/>
    <n v="-29629.68"/>
    <n v="-317950"/>
    <s v="Billed Revenues"/>
    <s v="EXV"/>
    <s v="NONBU"/>
    <s v="G0000110"/>
    <s v="N"/>
    <s v="MACSS Dist Billed Revenue-03"/>
    <s v=""/>
    <x v="0"/>
    <s v="CAD0330318"/>
    <s v="S"/>
    <s v="KY"/>
    <s v="REV"/>
    <s v="974"/>
    <s v="GLBATCH"/>
    <n v="3"/>
    <n v="2016"/>
  </r>
  <r>
    <s v="110"/>
    <d v="2016-03-15T00:00:00"/>
    <x v="3"/>
    <x v="0"/>
    <s v="10828"/>
    <s v="GLNANDA"/>
    <n v="0"/>
    <n v="9"/>
    <s v="Billed Revenues"/>
    <s v="EXV"/>
    <s v="NONBU"/>
    <s v="G0000110"/>
    <s v="N"/>
    <s v="MACSS Dist Billed Revenue-03"/>
    <s v=""/>
    <x v="0"/>
    <s v="CAD0330318"/>
    <s v="S"/>
    <s v="KY"/>
    <s v="REV"/>
    <s v="974"/>
    <s v="GLBATCH"/>
    <n v="3"/>
    <n v="2016"/>
  </r>
  <r>
    <s v="110"/>
    <d v="2016-03-15T00:00:00"/>
    <x v="2"/>
    <x v="0"/>
    <s v="10828"/>
    <s v="GLNANDA"/>
    <n v="-158331.49"/>
    <n v="-1163400"/>
    <s v="Billed Revenues"/>
    <s v="EXV"/>
    <s v="NONBU"/>
    <s v="G0000110"/>
    <s v="N"/>
    <s v="MACSS Dist Billed Revenue-03"/>
    <s v=""/>
    <x v="0"/>
    <s v="CAD0330318"/>
    <s v="S"/>
    <s v="KY"/>
    <s v="REV"/>
    <s v="974"/>
    <s v="GLBATCH"/>
    <n v="3"/>
    <n v="2016"/>
  </r>
  <r>
    <s v="110"/>
    <d v="2016-03-15T00:00:00"/>
    <x v="2"/>
    <x v="0"/>
    <s v="10828"/>
    <s v="GLNANDA"/>
    <n v="0"/>
    <n v="1029"/>
    <s v="Billed Revenues"/>
    <s v="EXV"/>
    <s v="NONBU"/>
    <s v="G0000110"/>
    <s v="N"/>
    <s v="MACSS Dist Billed Revenue-03"/>
    <s v=""/>
    <x v="0"/>
    <s v="CAD0330318"/>
    <s v="S"/>
    <s v="KY"/>
    <s v="REV"/>
    <s v="974"/>
    <s v="GLBATCH"/>
    <n v="3"/>
    <n v="2016"/>
  </r>
  <r>
    <s v="110"/>
    <d v="2016-03-15T00:00:00"/>
    <x v="0"/>
    <x v="0"/>
    <s v="10828"/>
    <s v="GLNANDA"/>
    <n v="-15767.65"/>
    <n v="-98276"/>
    <s v="Billed Revenues"/>
    <s v="EXV"/>
    <s v="NONBU"/>
    <s v="G0000110"/>
    <s v="N"/>
    <s v="MACSS Dist Billed Revenue-03"/>
    <s v=""/>
    <x v="0"/>
    <s v="CAD0330318"/>
    <s v="S"/>
    <s v="KY"/>
    <s v="REV"/>
    <s v="974"/>
    <s v="GLBATCH"/>
    <n v="3"/>
    <n v="2016"/>
  </r>
  <r>
    <s v="110"/>
    <d v="2016-03-15T00:00:00"/>
    <x v="0"/>
    <x v="0"/>
    <s v="10828"/>
    <s v="GLNANDA"/>
    <n v="0"/>
    <n v="44"/>
    <s v="Billed Revenues"/>
    <s v="EXV"/>
    <s v="NONBU"/>
    <s v="G0000110"/>
    <s v="N"/>
    <s v="MACSS Dist Billed Revenue-03"/>
    <s v=""/>
    <x v="0"/>
    <s v="CAD0330318"/>
    <s v="S"/>
    <s v="KY"/>
    <s v="REV"/>
    <s v="974"/>
    <s v="GLBATCH"/>
    <n v="3"/>
    <n v="2016"/>
  </r>
  <r>
    <s v="110"/>
    <d v="2016-03-15T00:00:00"/>
    <x v="4"/>
    <x v="0"/>
    <s v="10828"/>
    <s v="GLNANDA"/>
    <n v="-642749.01"/>
    <n v="-5752387"/>
    <s v="Billed Revenues"/>
    <s v="EXV"/>
    <s v="NONBU"/>
    <s v="G0000110"/>
    <s v="N"/>
    <s v="MACSS Dist Billed Revenue-03"/>
    <s v=""/>
    <x v="0"/>
    <s v="CAD0330318"/>
    <s v="S"/>
    <s v="KY"/>
    <s v="REV"/>
    <s v="974"/>
    <s v="GLBATCH"/>
    <n v="3"/>
    <n v="2016"/>
  </r>
  <r>
    <s v="110"/>
    <d v="2016-03-15T00:00:00"/>
    <x v="4"/>
    <x v="0"/>
    <s v="10828"/>
    <s v="GLNANDA"/>
    <n v="0"/>
    <n v="3917"/>
    <s v="Billed Revenues"/>
    <s v="EXV"/>
    <s v="NONBU"/>
    <s v="G0000110"/>
    <s v="N"/>
    <s v="MACSS Dist Billed Revenue-03"/>
    <s v=""/>
    <x v="0"/>
    <s v="CAD0330318"/>
    <s v="S"/>
    <s v="KY"/>
    <s v="REV"/>
    <s v="974"/>
    <s v="GLBATCH"/>
    <n v="3"/>
    <n v="2016"/>
  </r>
  <r>
    <s v="110"/>
    <d v="2016-03-15T00:00:00"/>
    <x v="1"/>
    <x v="0"/>
    <s v="10828"/>
    <s v="GLNANDA"/>
    <n v="0"/>
    <n v="2567"/>
    <s v="Billed Revenues"/>
    <s v="EXV"/>
    <s v="NONBU"/>
    <s v="G0000110"/>
    <s v="N"/>
    <s v="MACSS Dist Billed Revenue-03"/>
    <s v=""/>
    <x v="0"/>
    <s v="CAD0330318"/>
    <s v="S"/>
    <s v="KY"/>
    <s v="REV"/>
    <s v="974"/>
    <s v="GLBATCH"/>
    <n v="3"/>
    <n v="2016"/>
  </r>
  <r>
    <s v="110"/>
    <d v="2016-03-15T00:00:00"/>
    <x v="1"/>
    <x v="0"/>
    <s v="10828"/>
    <s v="GLNANDA"/>
    <n v="-287177.33"/>
    <n v="-2454181"/>
    <s v="Billed Revenues"/>
    <s v="EXV"/>
    <s v="NONBU"/>
    <s v="G0000110"/>
    <s v="N"/>
    <s v="MACSS Dist Billed Revenue-03"/>
    <s v=""/>
    <x v="0"/>
    <s v="CAD0330318"/>
    <s v="S"/>
    <s v="KY"/>
    <s v="REV"/>
    <s v="974"/>
    <s v="GLBATCH"/>
    <n v="3"/>
    <n v="2016"/>
  </r>
  <r>
    <s v="110"/>
    <d v="2016-03-15T00:00:00"/>
    <x v="7"/>
    <x v="0"/>
    <s v="10828"/>
    <s v="GLNANDA"/>
    <n v="0"/>
    <n v="19"/>
    <s v="Billed Revenues"/>
    <s v="EXV"/>
    <s v="NONBU"/>
    <s v="G0000110"/>
    <s v="N"/>
    <s v="MACSS Dist Billed Revenue-03"/>
    <s v=""/>
    <x v="0"/>
    <s v="CAD0330321"/>
    <s v="S"/>
    <s v="KY"/>
    <s v="REV"/>
    <s v="974"/>
    <s v="GLBATCH"/>
    <n v="3"/>
    <n v="2016"/>
  </r>
  <r>
    <s v="110"/>
    <d v="2016-03-15T00:00:00"/>
    <x v="7"/>
    <x v="0"/>
    <s v="10828"/>
    <s v="GLNANDA"/>
    <n v="-50557.279999999999"/>
    <n v="-402103"/>
    <s v="Billed Revenues"/>
    <s v="EXV"/>
    <s v="NONBU"/>
    <s v="G0000110"/>
    <s v="N"/>
    <s v="MACSS Dist Billed Revenue-03"/>
    <s v=""/>
    <x v="0"/>
    <s v="CAD0330321"/>
    <s v="S"/>
    <s v="KY"/>
    <s v="REV"/>
    <s v="974"/>
    <s v="GLBATCH"/>
    <n v="3"/>
    <n v="2016"/>
  </r>
  <r>
    <s v="110"/>
    <d v="2016-03-15T00:00:00"/>
    <x v="5"/>
    <x v="0"/>
    <s v="10828"/>
    <s v="GLNANDA"/>
    <n v="0"/>
    <n v="106"/>
    <s v="Billed Revenues"/>
    <s v="EXV"/>
    <s v="NONBU"/>
    <s v="G0000110"/>
    <s v="N"/>
    <s v="MACSS Dist Billed Revenue-03"/>
    <s v=""/>
    <x v="0"/>
    <s v="CAD0330321"/>
    <s v="S"/>
    <s v="KY"/>
    <s v="REV"/>
    <s v="974"/>
    <s v="GLBATCH"/>
    <n v="3"/>
    <n v="2016"/>
  </r>
  <r>
    <s v="110"/>
    <d v="2016-03-15T00:00:00"/>
    <x v="4"/>
    <x v="0"/>
    <s v="10828"/>
    <s v="GLNANDA"/>
    <n v="-676120.3"/>
    <n v="-6036206"/>
    <s v="Billed Revenues"/>
    <s v="EXV"/>
    <s v="NONBU"/>
    <s v="G0000110"/>
    <s v="N"/>
    <s v="MACSS Dist Billed Revenue-03"/>
    <s v=""/>
    <x v="0"/>
    <s v="CAD0330321"/>
    <s v="S"/>
    <s v="KY"/>
    <s v="REV"/>
    <s v="974"/>
    <s v="GLBATCH"/>
    <n v="3"/>
    <n v="2016"/>
  </r>
  <r>
    <s v="110"/>
    <d v="2016-03-15T00:00:00"/>
    <x v="4"/>
    <x v="0"/>
    <s v="10828"/>
    <s v="GLNANDA"/>
    <n v="0"/>
    <n v="4220"/>
    <s v="Billed Revenues"/>
    <s v="EXV"/>
    <s v="NONBU"/>
    <s v="G0000110"/>
    <s v="N"/>
    <s v="MACSS Dist Billed Revenue-03"/>
    <s v=""/>
    <x v="0"/>
    <s v="CAD0330321"/>
    <s v="S"/>
    <s v="KY"/>
    <s v="REV"/>
    <s v="974"/>
    <s v="GLBATCH"/>
    <n v="3"/>
    <n v="2016"/>
  </r>
  <r>
    <s v="110"/>
    <d v="2016-03-15T00:00:00"/>
    <x v="3"/>
    <x v="0"/>
    <s v="10828"/>
    <s v="GLNANDA"/>
    <n v="-19192.2"/>
    <n v="-175221"/>
    <s v="Billed Revenues"/>
    <s v="EXV"/>
    <s v="NONBU"/>
    <s v="G0000110"/>
    <s v="N"/>
    <s v="MACSS Dist Billed Revenue-03"/>
    <s v=""/>
    <x v="0"/>
    <s v="CAD0330321"/>
    <s v="S"/>
    <s v="KY"/>
    <s v="REV"/>
    <s v="974"/>
    <s v="GLBATCH"/>
    <n v="3"/>
    <n v="2016"/>
  </r>
  <r>
    <s v="110"/>
    <d v="2016-03-15T00:00:00"/>
    <x v="3"/>
    <x v="0"/>
    <s v="10828"/>
    <s v="GLNANDA"/>
    <n v="0"/>
    <n v="17"/>
    <s v="Billed Revenues"/>
    <s v="EXV"/>
    <s v="NONBU"/>
    <s v="G0000110"/>
    <s v="N"/>
    <s v="MACSS Dist Billed Revenue-03"/>
    <s v=""/>
    <x v="0"/>
    <s v="CAD0330321"/>
    <s v="S"/>
    <s v="KY"/>
    <s v="REV"/>
    <s v="974"/>
    <s v="GLBATCH"/>
    <n v="3"/>
    <n v="2016"/>
  </r>
  <r>
    <s v="110"/>
    <d v="2016-03-15T00:00:00"/>
    <x v="6"/>
    <x v="0"/>
    <s v="10828"/>
    <s v="GLNANDA"/>
    <n v="-1857.57"/>
    <n v="-13811"/>
    <s v="Billed Revenues"/>
    <s v="EXV"/>
    <s v="NONBU"/>
    <s v="G0000110"/>
    <s v="N"/>
    <s v="MACSS Dist Billed Revenue-03"/>
    <s v=""/>
    <x v="0"/>
    <s v="CAD0330321"/>
    <s v="S"/>
    <s v="KY"/>
    <s v="REV"/>
    <s v="974"/>
    <s v="GLBATCH"/>
    <n v="3"/>
    <n v="2016"/>
  </r>
  <r>
    <s v="110"/>
    <d v="2016-03-15T00:00:00"/>
    <x v="6"/>
    <x v="0"/>
    <s v="10828"/>
    <s v="GLNANDA"/>
    <n v="0"/>
    <n v="10"/>
    <s v="Billed Revenues"/>
    <s v="EXV"/>
    <s v="NONBU"/>
    <s v="G0000110"/>
    <s v="N"/>
    <s v="MACSS Dist Billed Revenue-03"/>
    <s v=""/>
    <x v="0"/>
    <s v="CAD0330321"/>
    <s v="S"/>
    <s v="KY"/>
    <s v="REV"/>
    <s v="974"/>
    <s v="GLBATCH"/>
    <n v="3"/>
    <n v="2016"/>
  </r>
  <r>
    <s v="110"/>
    <d v="2016-03-15T00:00:00"/>
    <x v="2"/>
    <x v="0"/>
    <s v="10828"/>
    <s v="GLNANDA"/>
    <n v="-269636.75"/>
    <n v="-2110108"/>
    <s v="Billed Revenues"/>
    <s v="EXV"/>
    <s v="NONBU"/>
    <s v="G0000110"/>
    <s v="N"/>
    <s v="MACSS Dist Billed Revenue-03"/>
    <s v=""/>
    <x v="0"/>
    <s v="CAD0330321"/>
    <s v="S"/>
    <s v="KY"/>
    <s v="REV"/>
    <s v="974"/>
    <s v="GLBATCH"/>
    <n v="3"/>
    <n v="2016"/>
  </r>
  <r>
    <s v="110"/>
    <d v="2016-03-15T00:00:00"/>
    <x v="2"/>
    <x v="0"/>
    <s v="10828"/>
    <s v="GLNANDA"/>
    <n v="0"/>
    <n v="1251"/>
    <s v="Billed Revenues"/>
    <s v="EXV"/>
    <s v="NONBU"/>
    <s v="G0000110"/>
    <s v="N"/>
    <s v="MACSS Dist Billed Revenue-03"/>
    <s v=""/>
    <x v="0"/>
    <s v="CAD0330321"/>
    <s v="S"/>
    <s v="KY"/>
    <s v="REV"/>
    <s v="974"/>
    <s v="GLBATCH"/>
    <n v="3"/>
    <n v="2016"/>
  </r>
  <r>
    <s v="110"/>
    <d v="2016-03-15T00:00:00"/>
    <x v="1"/>
    <x v="0"/>
    <s v="10828"/>
    <s v="GLNANDA"/>
    <n v="-225113.1"/>
    <n v="-1912493"/>
    <s v="Billed Revenues"/>
    <s v="EXV"/>
    <s v="NONBU"/>
    <s v="G0000110"/>
    <s v="N"/>
    <s v="MACSS Dist Billed Revenue-03"/>
    <s v=""/>
    <x v="0"/>
    <s v="CAD0330321"/>
    <s v="S"/>
    <s v="KY"/>
    <s v="REV"/>
    <s v="974"/>
    <s v="GLBATCH"/>
    <n v="3"/>
    <n v="2016"/>
  </r>
  <r>
    <s v="110"/>
    <d v="2016-03-15T00:00:00"/>
    <x v="1"/>
    <x v="0"/>
    <s v="10828"/>
    <s v="GLNANDA"/>
    <n v="0"/>
    <n v="1991"/>
    <s v="Billed Revenues"/>
    <s v="EXV"/>
    <s v="NONBU"/>
    <s v="G0000110"/>
    <s v="N"/>
    <s v="MACSS Dist Billed Revenue-03"/>
    <s v=""/>
    <x v="0"/>
    <s v="CAD0330321"/>
    <s v="S"/>
    <s v="KY"/>
    <s v="REV"/>
    <s v="974"/>
    <s v="GLBATCH"/>
    <n v="3"/>
    <n v="2016"/>
  </r>
  <r>
    <s v="110"/>
    <d v="2016-03-15T00:00:00"/>
    <x v="0"/>
    <x v="0"/>
    <s v="10828"/>
    <s v="GLNANDA"/>
    <n v="-59447.88"/>
    <n v="-472012"/>
    <s v="Billed Revenues"/>
    <s v="EXV"/>
    <s v="NONBU"/>
    <s v="G0000110"/>
    <s v="N"/>
    <s v="MACSS Dist Billed Revenue-03"/>
    <s v=""/>
    <x v="0"/>
    <s v="CAD0330321"/>
    <s v="S"/>
    <s v="KY"/>
    <s v="REV"/>
    <s v="974"/>
    <s v="GLBATCH"/>
    <n v="3"/>
    <n v="2016"/>
  </r>
  <r>
    <s v="110"/>
    <d v="2016-03-15T00:00:00"/>
    <x v="0"/>
    <x v="0"/>
    <s v="10828"/>
    <s v="GLNANDA"/>
    <n v="0"/>
    <n v="72"/>
    <s v="Billed Revenues"/>
    <s v="EXV"/>
    <s v="NONBU"/>
    <s v="G0000110"/>
    <s v="N"/>
    <s v="MACSS Dist Billed Revenue-03"/>
    <s v=""/>
    <x v="0"/>
    <s v="CAD0330321"/>
    <s v="S"/>
    <s v="KY"/>
    <s v="REV"/>
    <s v="974"/>
    <s v="GLBATCH"/>
    <n v="3"/>
    <n v="2016"/>
  </r>
  <r>
    <s v="110"/>
    <d v="2016-03-15T00:00:00"/>
    <x v="5"/>
    <x v="0"/>
    <s v="10828"/>
    <s v="GLNANDA"/>
    <n v="-63917.66"/>
    <n v="-530470"/>
    <s v="Billed Revenues"/>
    <s v="EXV"/>
    <s v="NONBU"/>
    <s v="G0000110"/>
    <s v="N"/>
    <s v="MACSS Dist Billed Revenue-03"/>
    <s v=""/>
    <x v="0"/>
    <s v="CAD0330321"/>
    <s v="S"/>
    <s v="KY"/>
    <s v="REV"/>
    <s v="974"/>
    <s v="GLBATCH"/>
    <n v="3"/>
    <n v="2016"/>
  </r>
  <r>
    <s v="110"/>
    <d v="2016-03-15T00:00:00"/>
    <x v="5"/>
    <x v="0"/>
    <s v="10828"/>
    <s v="GLNANDA"/>
    <n v="0"/>
    <n v="146"/>
    <s v="Billed Revenues"/>
    <s v="EXV"/>
    <s v="NONBU"/>
    <s v="G0000110"/>
    <s v="N"/>
    <s v="MACSS Dist Billed Revenue-03"/>
    <s v=""/>
    <x v="0"/>
    <s v="CAD0330322"/>
    <s v="S"/>
    <s v="KY"/>
    <s v="REV"/>
    <s v="974"/>
    <s v="GLBATCH"/>
    <n v="3"/>
    <n v="2016"/>
  </r>
  <r>
    <s v="110"/>
    <d v="2016-03-15T00:00:00"/>
    <x v="3"/>
    <x v="0"/>
    <s v="10828"/>
    <s v="GLNANDA"/>
    <n v="-42424.92"/>
    <n v="-241333"/>
    <s v="Billed Revenues"/>
    <s v="EXV"/>
    <s v="NONBU"/>
    <s v="G0000110"/>
    <s v="N"/>
    <s v="MACSS Dist Billed Revenue-03"/>
    <s v=""/>
    <x v="0"/>
    <s v="CAD0330322"/>
    <s v="S"/>
    <s v="KY"/>
    <s v="REV"/>
    <s v="974"/>
    <s v="GLBATCH"/>
    <n v="3"/>
    <n v="2016"/>
  </r>
  <r>
    <s v="110"/>
    <d v="2016-03-15T00:00:00"/>
    <x v="3"/>
    <x v="0"/>
    <s v="10828"/>
    <s v="GLNANDA"/>
    <n v="0"/>
    <n v="8"/>
    <s v="Billed Revenues"/>
    <s v="EXV"/>
    <s v="NONBU"/>
    <s v="G0000110"/>
    <s v="N"/>
    <s v="MACSS Dist Billed Revenue-03"/>
    <s v=""/>
    <x v="0"/>
    <s v="CAD0330322"/>
    <s v="S"/>
    <s v="KY"/>
    <s v="REV"/>
    <s v="974"/>
    <s v="GLBATCH"/>
    <n v="3"/>
    <n v="2016"/>
  </r>
  <r>
    <s v="110"/>
    <d v="2016-03-15T00:00:00"/>
    <x v="2"/>
    <x v="0"/>
    <s v="10828"/>
    <s v="GLNANDA"/>
    <n v="-266935.52"/>
    <n v="-2091195"/>
    <s v="Billed Revenues"/>
    <s v="EXV"/>
    <s v="NONBU"/>
    <s v="G0000110"/>
    <s v="N"/>
    <s v="MACSS Dist Billed Revenue-03"/>
    <s v=""/>
    <x v="0"/>
    <s v="CAD0330322"/>
    <s v="S"/>
    <s v="KY"/>
    <s v="REV"/>
    <s v="974"/>
    <s v="GLBATCH"/>
    <n v="3"/>
    <n v="2016"/>
  </r>
  <r>
    <s v="110"/>
    <d v="2016-03-15T00:00:00"/>
    <x v="2"/>
    <x v="0"/>
    <s v="10828"/>
    <s v="GLNANDA"/>
    <n v="0"/>
    <n v="1098"/>
    <s v="Billed Revenues"/>
    <s v="EXV"/>
    <s v="NONBU"/>
    <s v="G0000110"/>
    <s v="N"/>
    <s v="MACSS Dist Billed Revenue-03"/>
    <s v=""/>
    <x v="0"/>
    <s v="CAD0330322"/>
    <s v="S"/>
    <s v="KY"/>
    <s v="REV"/>
    <s v="974"/>
    <s v="GLBATCH"/>
    <n v="3"/>
    <n v="2016"/>
  </r>
  <r>
    <s v="110"/>
    <d v="2016-03-15T00:00:00"/>
    <x v="0"/>
    <x v="0"/>
    <s v="10828"/>
    <s v="GLNANDA"/>
    <n v="-30621.43"/>
    <n v="-279701"/>
    <s v="Billed Revenues"/>
    <s v="EXV"/>
    <s v="NONBU"/>
    <s v="G0000110"/>
    <s v="N"/>
    <s v="MACSS Dist Billed Revenue-03"/>
    <s v=""/>
    <x v="0"/>
    <s v="CAD0330322"/>
    <s v="S"/>
    <s v="KY"/>
    <s v="REV"/>
    <s v="974"/>
    <s v="GLBATCH"/>
    <n v="3"/>
    <n v="2016"/>
  </r>
  <r>
    <s v="110"/>
    <d v="2016-03-15T00:00:00"/>
    <x v="0"/>
    <x v="0"/>
    <s v="10828"/>
    <s v="GLNANDA"/>
    <n v="0"/>
    <n v="53"/>
    <s v="Billed Revenues"/>
    <s v="EXV"/>
    <s v="NONBU"/>
    <s v="G0000110"/>
    <s v="N"/>
    <s v="MACSS Dist Billed Revenue-03"/>
    <s v=""/>
    <x v="0"/>
    <s v="CAD0330322"/>
    <s v="S"/>
    <s v="KY"/>
    <s v="REV"/>
    <s v="974"/>
    <s v="GLBATCH"/>
    <n v="3"/>
    <n v="2016"/>
  </r>
  <r>
    <s v="110"/>
    <d v="2016-03-15T00:00:00"/>
    <x v="5"/>
    <x v="0"/>
    <s v="10828"/>
    <s v="GLNANDA"/>
    <n v="-86773.45"/>
    <n v="-744593"/>
    <s v="Billed Revenues"/>
    <s v="EXV"/>
    <s v="NONBU"/>
    <s v="G0000110"/>
    <s v="N"/>
    <s v="MACSS Dist Billed Revenue-03"/>
    <s v=""/>
    <x v="0"/>
    <s v="CAD0330322"/>
    <s v="S"/>
    <s v="KY"/>
    <s v="REV"/>
    <s v="974"/>
    <s v="GLBATCH"/>
    <n v="3"/>
    <n v="2016"/>
  </r>
  <r>
    <s v="110"/>
    <d v="2016-03-15T00:00:00"/>
    <x v="4"/>
    <x v="0"/>
    <s v="10828"/>
    <s v="GLNANDA"/>
    <n v="0"/>
    <n v="3644"/>
    <s v="Billed Revenues"/>
    <s v="EXV"/>
    <s v="NONBU"/>
    <s v="G0000110"/>
    <s v="N"/>
    <s v="MACSS Dist Billed Revenue-03"/>
    <s v=""/>
    <x v="0"/>
    <s v="CAD0330322"/>
    <s v="S"/>
    <s v="KY"/>
    <s v="REV"/>
    <s v="974"/>
    <s v="GLBATCH"/>
    <n v="3"/>
    <n v="2016"/>
  </r>
  <r>
    <s v="110"/>
    <d v="2016-03-15T00:00:00"/>
    <x v="1"/>
    <x v="0"/>
    <s v="10828"/>
    <s v="GLNANDA"/>
    <n v="-220107.07"/>
    <n v="-1861920"/>
    <s v="Billed Revenues"/>
    <s v="EXV"/>
    <s v="NONBU"/>
    <s v="G0000110"/>
    <s v="N"/>
    <s v="MACSS Dist Billed Revenue-03"/>
    <s v=""/>
    <x v="0"/>
    <s v="CAD0330322"/>
    <s v="S"/>
    <s v="KY"/>
    <s v="REV"/>
    <s v="974"/>
    <s v="GLBATCH"/>
    <n v="3"/>
    <n v="2016"/>
  </r>
  <r>
    <s v="110"/>
    <d v="2016-03-15T00:00:00"/>
    <x v="1"/>
    <x v="0"/>
    <s v="10828"/>
    <s v="GLNANDA"/>
    <n v="0"/>
    <n v="2028"/>
    <s v="Billed Revenues"/>
    <s v="EXV"/>
    <s v="NONBU"/>
    <s v="G0000110"/>
    <s v="N"/>
    <s v="MACSS Dist Billed Revenue-03"/>
    <s v=""/>
    <x v="0"/>
    <s v="CAD0330322"/>
    <s v="S"/>
    <s v="KY"/>
    <s v="REV"/>
    <s v="974"/>
    <s v="GLBATCH"/>
    <n v="3"/>
    <n v="2016"/>
  </r>
  <r>
    <s v="110"/>
    <d v="2016-03-15T00:00:00"/>
    <x v="6"/>
    <x v="0"/>
    <s v="10828"/>
    <s v="GLNANDA"/>
    <n v="-649.80999999999995"/>
    <n v="-3532"/>
    <s v="Billed Revenues"/>
    <s v="EXV"/>
    <s v="NONBU"/>
    <s v="G0000110"/>
    <s v="N"/>
    <s v="MACSS Dist Billed Revenue-03"/>
    <s v=""/>
    <x v="0"/>
    <s v="CAD0330322"/>
    <s v="S"/>
    <s v="KY"/>
    <s v="REV"/>
    <s v="974"/>
    <s v="GLBATCH"/>
    <n v="3"/>
    <n v="2016"/>
  </r>
  <r>
    <s v="110"/>
    <d v="2016-03-15T00:00:00"/>
    <x v="6"/>
    <x v="0"/>
    <s v="10828"/>
    <s v="GLNANDA"/>
    <n v="0"/>
    <n v="13"/>
    <s v="Billed Revenues"/>
    <s v="EXV"/>
    <s v="NONBU"/>
    <s v="G0000110"/>
    <s v="N"/>
    <s v="MACSS Dist Billed Revenue-03"/>
    <s v=""/>
    <x v="0"/>
    <s v="CAD0330322"/>
    <s v="S"/>
    <s v="KY"/>
    <s v="REV"/>
    <s v="974"/>
    <s v="GLBATCH"/>
    <n v="3"/>
    <n v="2016"/>
  </r>
  <r>
    <s v="110"/>
    <d v="2016-03-15T00:00:00"/>
    <x v="7"/>
    <x v="0"/>
    <s v="10828"/>
    <s v="GLNANDA"/>
    <n v="-73125.41"/>
    <n v="-632873"/>
    <s v="Billed Revenues"/>
    <s v="EXV"/>
    <s v="NONBU"/>
    <s v="G0000110"/>
    <s v="N"/>
    <s v="MACSS Dist Billed Revenue-03"/>
    <s v=""/>
    <x v="0"/>
    <s v="CAD0330322"/>
    <s v="S"/>
    <s v="KY"/>
    <s v="REV"/>
    <s v="974"/>
    <s v="GLBATCH"/>
    <n v="3"/>
    <n v="2016"/>
  </r>
  <r>
    <s v="110"/>
    <d v="2016-03-15T00:00:00"/>
    <x v="7"/>
    <x v="0"/>
    <s v="10828"/>
    <s v="GLNANDA"/>
    <n v="0"/>
    <n v="37"/>
    <s v="Billed Revenues"/>
    <s v="EXV"/>
    <s v="NONBU"/>
    <s v="G0000110"/>
    <s v="N"/>
    <s v="MACSS Dist Billed Revenue-03"/>
    <s v=""/>
    <x v="0"/>
    <s v="CAD0330322"/>
    <s v="S"/>
    <s v="KY"/>
    <s v="REV"/>
    <s v="974"/>
    <s v="GLBATCH"/>
    <n v="3"/>
    <n v="2016"/>
  </r>
  <r>
    <s v="110"/>
    <d v="2016-03-15T00:00:00"/>
    <x v="4"/>
    <x v="0"/>
    <s v="10828"/>
    <s v="GLNANDA"/>
    <n v="-611180.39"/>
    <n v="-5473133"/>
    <s v="Billed Revenues"/>
    <s v="EXV"/>
    <s v="NONBU"/>
    <s v="G0000110"/>
    <s v="N"/>
    <s v="MACSS Dist Billed Revenue-03"/>
    <s v=""/>
    <x v="0"/>
    <s v="CAD0330322"/>
    <s v="S"/>
    <s v="KY"/>
    <s v="REV"/>
    <s v="974"/>
    <s v="GLBATCH"/>
    <n v="3"/>
    <n v="2016"/>
  </r>
  <r>
    <s v="110"/>
    <d v="2016-03-15T00:00:00"/>
    <x v="7"/>
    <x v="0"/>
    <s v="10828"/>
    <s v="GLNANDA"/>
    <n v="0"/>
    <n v="23"/>
    <s v="Billed Revenues"/>
    <s v="EXV"/>
    <s v="NONBU"/>
    <s v="G0000110"/>
    <s v="N"/>
    <s v="MACSS Dist Billed Revenue-03"/>
    <s v=""/>
    <x v="0"/>
    <s v="CAD0330323"/>
    <s v="S"/>
    <s v="KY"/>
    <s v="REV"/>
    <s v="974"/>
    <s v="GLBATCH"/>
    <n v="3"/>
    <n v="2016"/>
  </r>
  <r>
    <s v="110"/>
    <d v="2016-03-15T00:00:00"/>
    <x v="7"/>
    <x v="0"/>
    <s v="10828"/>
    <s v="GLNANDA"/>
    <n v="-54505.13"/>
    <n v="-492025"/>
    <s v="Billed Revenues"/>
    <s v="EXV"/>
    <s v="NONBU"/>
    <s v="G0000110"/>
    <s v="N"/>
    <s v="MACSS Dist Billed Revenue-03"/>
    <s v=""/>
    <x v="0"/>
    <s v="CAD0330323"/>
    <s v="S"/>
    <s v="KY"/>
    <s v="REV"/>
    <s v="974"/>
    <s v="GLBATCH"/>
    <n v="3"/>
    <n v="2016"/>
  </r>
  <r>
    <s v="110"/>
    <d v="2016-03-15T00:00:00"/>
    <x v="6"/>
    <x v="0"/>
    <s v="10828"/>
    <s v="GLNANDA"/>
    <n v="0"/>
    <n v="15"/>
    <s v="Billed Revenues"/>
    <s v="EXV"/>
    <s v="NONBU"/>
    <s v="G0000110"/>
    <s v="N"/>
    <s v="MACSS Dist Billed Revenue-03"/>
    <s v=""/>
    <x v="0"/>
    <s v="CAD0330323"/>
    <s v="S"/>
    <s v="KY"/>
    <s v="REV"/>
    <s v="974"/>
    <s v="GLBATCH"/>
    <n v="3"/>
    <n v="2016"/>
  </r>
  <r>
    <s v="110"/>
    <d v="2016-03-15T00:00:00"/>
    <x v="6"/>
    <x v="0"/>
    <s v="10828"/>
    <s v="GLNANDA"/>
    <n v="-927.92"/>
    <n v="-3310"/>
    <s v="Billed Revenues"/>
    <s v="EXV"/>
    <s v="NONBU"/>
    <s v="G0000110"/>
    <s v="N"/>
    <s v="MACSS Dist Billed Revenue-03"/>
    <s v=""/>
    <x v="0"/>
    <s v="CAD0330323"/>
    <s v="S"/>
    <s v="KY"/>
    <s v="REV"/>
    <s v="974"/>
    <s v="GLBATCH"/>
    <n v="3"/>
    <n v="2016"/>
  </r>
  <r>
    <s v="110"/>
    <d v="2016-03-15T00:00:00"/>
    <x v="5"/>
    <x v="0"/>
    <s v="10828"/>
    <s v="GLNANDA"/>
    <n v="0"/>
    <n v="173"/>
    <s v="Billed Revenues"/>
    <s v="EXV"/>
    <s v="NONBU"/>
    <s v="G0000110"/>
    <s v="N"/>
    <s v="MACSS Dist Billed Revenue-03"/>
    <s v=""/>
    <x v="0"/>
    <s v="CAD0330323"/>
    <s v="S"/>
    <s v="KY"/>
    <s v="REV"/>
    <s v="974"/>
    <s v="GLBATCH"/>
    <n v="3"/>
    <n v="2016"/>
  </r>
  <r>
    <s v="110"/>
    <d v="2016-03-15T00:00:00"/>
    <x v="5"/>
    <x v="0"/>
    <s v="10828"/>
    <s v="GLNANDA"/>
    <n v="-89516.19"/>
    <n v="-746826"/>
    <s v="Billed Revenues"/>
    <s v="EXV"/>
    <s v="NONBU"/>
    <s v="G0000110"/>
    <s v="N"/>
    <s v="MACSS Dist Billed Revenue-03"/>
    <s v=""/>
    <x v="0"/>
    <s v="CAD0330323"/>
    <s v="S"/>
    <s v="KY"/>
    <s v="REV"/>
    <s v="974"/>
    <s v="GLBATCH"/>
    <n v="3"/>
    <n v="2016"/>
  </r>
  <r>
    <s v="110"/>
    <d v="2016-03-15T00:00:00"/>
    <x v="4"/>
    <x v="0"/>
    <s v="10828"/>
    <s v="GLNANDA"/>
    <n v="0"/>
    <n v="3867"/>
    <s v="Billed Revenues"/>
    <s v="EXV"/>
    <s v="NONBU"/>
    <s v="G0000110"/>
    <s v="N"/>
    <s v="MACSS Dist Billed Revenue-03"/>
    <s v=""/>
    <x v="0"/>
    <s v="CAD0330323"/>
    <s v="S"/>
    <s v="KY"/>
    <s v="REV"/>
    <s v="974"/>
    <s v="GLBATCH"/>
    <n v="3"/>
    <n v="2016"/>
  </r>
  <r>
    <s v="110"/>
    <d v="2016-03-15T00:00:00"/>
    <x v="4"/>
    <x v="0"/>
    <s v="10828"/>
    <s v="GLNANDA"/>
    <n v="-584420.49"/>
    <n v="-5198330"/>
    <s v="Billed Revenues"/>
    <s v="EXV"/>
    <s v="NONBU"/>
    <s v="G0000110"/>
    <s v="N"/>
    <s v="MACSS Dist Billed Revenue-03"/>
    <s v=""/>
    <x v="0"/>
    <s v="CAD0330323"/>
    <s v="S"/>
    <s v="KY"/>
    <s v="REV"/>
    <s v="974"/>
    <s v="GLBATCH"/>
    <n v="3"/>
    <n v="2016"/>
  </r>
  <r>
    <s v="110"/>
    <d v="2016-03-15T00:00:00"/>
    <x v="2"/>
    <x v="0"/>
    <s v="10828"/>
    <s v="GLNANDA"/>
    <n v="0"/>
    <n v="1159"/>
    <s v="Billed Revenues"/>
    <s v="EXV"/>
    <s v="NONBU"/>
    <s v="G0000110"/>
    <s v="N"/>
    <s v="MACSS Dist Billed Revenue-03"/>
    <s v=""/>
    <x v="0"/>
    <s v="CAD0330323"/>
    <s v="S"/>
    <s v="KY"/>
    <s v="REV"/>
    <s v="974"/>
    <s v="GLBATCH"/>
    <n v="3"/>
    <n v="2016"/>
  </r>
  <r>
    <s v="110"/>
    <d v="2016-03-15T00:00:00"/>
    <x v="2"/>
    <x v="0"/>
    <s v="10828"/>
    <s v="GLNANDA"/>
    <n v="-250110.61"/>
    <n v="-1884602"/>
    <s v="Billed Revenues"/>
    <s v="EXV"/>
    <s v="NONBU"/>
    <s v="G0000110"/>
    <s v="N"/>
    <s v="MACSS Dist Billed Revenue-03"/>
    <s v=""/>
    <x v="0"/>
    <s v="CAD0330323"/>
    <s v="S"/>
    <s v="KY"/>
    <s v="REV"/>
    <s v="974"/>
    <s v="GLBATCH"/>
    <n v="3"/>
    <n v="2016"/>
  </r>
  <r>
    <s v="110"/>
    <d v="2016-03-15T00:00:00"/>
    <x v="1"/>
    <x v="0"/>
    <s v="10828"/>
    <s v="GLNANDA"/>
    <n v="0"/>
    <n v="2432"/>
    <s v="Billed Revenues"/>
    <s v="EXV"/>
    <s v="NONBU"/>
    <s v="G0000110"/>
    <s v="N"/>
    <s v="MACSS Dist Billed Revenue-03"/>
    <s v=""/>
    <x v="0"/>
    <s v="CAD0330323"/>
    <s v="S"/>
    <s v="KY"/>
    <s v="REV"/>
    <s v="974"/>
    <s v="GLBATCH"/>
    <n v="3"/>
    <n v="2016"/>
  </r>
  <r>
    <s v="110"/>
    <d v="2016-03-15T00:00:00"/>
    <x v="1"/>
    <x v="0"/>
    <s v="10828"/>
    <s v="GLNANDA"/>
    <n v="-254741.2"/>
    <n v="-2159540"/>
    <s v="Billed Revenues"/>
    <s v="EXV"/>
    <s v="NONBU"/>
    <s v="G0000110"/>
    <s v="N"/>
    <s v="MACSS Dist Billed Revenue-03"/>
    <s v=""/>
    <x v="0"/>
    <s v="CAD0330323"/>
    <s v="S"/>
    <s v="KY"/>
    <s v="REV"/>
    <s v="974"/>
    <s v="GLBATCH"/>
    <n v="3"/>
    <n v="2016"/>
  </r>
  <r>
    <s v="110"/>
    <d v="2016-03-15T00:00:00"/>
    <x v="0"/>
    <x v="0"/>
    <s v="10828"/>
    <s v="GLNANDA"/>
    <n v="0"/>
    <n v="91"/>
    <s v="Billed Revenues"/>
    <s v="EXV"/>
    <s v="NONBU"/>
    <s v="G0000110"/>
    <s v="N"/>
    <s v="MACSS Dist Billed Revenue-03"/>
    <s v=""/>
    <x v="0"/>
    <s v="CAD0330323"/>
    <s v="S"/>
    <s v="KY"/>
    <s v="REV"/>
    <s v="974"/>
    <s v="GLBATCH"/>
    <n v="3"/>
    <n v="2016"/>
  </r>
  <r>
    <s v="110"/>
    <d v="2016-03-15T00:00:00"/>
    <x v="0"/>
    <x v="0"/>
    <s v="10828"/>
    <s v="GLNANDA"/>
    <n v="-268065.91999999998"/>
    <n v="-2742213"/>
    <s v="Billed Revenues"/>
    <s v="EXV"/>
    <s v="NONBU"/>
    <s v="G0000110"/>
    <s v="N"/>
    <s v="MACSS Dist Billed Revenue-03"/>
    <s v=""/>
    <x v="0"/>
    <s v="CAD0330323"/>
    <s v="S"/>
    <s v="KY"/>
    <s v="REV"/>
    <s v="974"/>
    <s v="GLBATCH"/>
    <n v="3"/>
    <n v="2016"/>
  </r>
  <r>
    <s v="110"/>
    <d v="2016-03-15T00:00:00"/>
    <x v="3"/>
    <x v="0"/>
    <s v="10828"/>
    <s v="GLNANDA"/>
    <n v="0"/>
    <n v="12"/>
    <s v="Billed Revenues"/>
    <s v="EXV"/>
    <s v="NONBU"/>
    <s v="G0000110"/>
    <s v="N"/>
    <s v="MACSS Dist Billed Revenue-03"/>
    <s v=""/>
    <x v="0"/>
    <s v="CAD0330323"/>
    <s v="S"/>
    <s v="KY"/>
    <s v="REV"/>
    <s v="974"/>
    <s v="GLBATCH"/>
    <n v="3"/>
    <n v="2016"/>
  </r>
  <r>
    <s v="110"/>
    <d v="2016-03-15T00:00:00"/>
    <x v="3"/>
    <x v="0"/>
    <s v="10828"/>
    <s v="GLNANDA"/>
    <n v="-213336.83"/>
    <n v="-2172349"/>
    <s v="Billed Revenues"/>
    <s v="EXV"/>
    <s v="NONBU"/>
    <s v="G0000110"/>
    <s v="N"/>
    <s v="MACSS Dist Billed Revenue-03"/>
    <s v=""/>
    <x v="0"/>
    <s v="CAD0330323"/>
    <s v="S"/>
    <s v="KY"/>
    <s v="REV"/>
    <s v="974"/>
    <s v="GLBATCH"/>
    <n v="3"/>
    <n v="2016"/>
  </r>
  <r>
    <s v="110"/>
    <d v="2016-03-15T00:00:00"/>
    <x v="4"/>
    <x v="0"/>
    <s v="10828"/>
    <s v="GLNANDA"/>
    <n v="0"/>
    <n v="2428"/>
    <s v="Billed Revenues"/>
    <s v="EXV"/>
    <s v="NONBU"/>
    <s v="G0000110"/>
    <s v="N"/>
    <s v="MACSS Dist Billed Revenue-03"/>
    <s v=""/>
    <x v="0"/>
    <s v="CAD0330324"/>
    <s v="S"/>
    <s v="KY"/>
    <s v="REV"/>
    <s v="974"/>
    <s v="GLBATCH"/>
    <n v="3"/>
    <n v="2016"/>
  </r>
  <r>
    <s v="110"/>
    <d v="2016-03-15T00:00:00"/>
    <x v="2"/>
    <x v="0"/>
    <s v="10828"/>
    <s v="GLNANDA"/>
    <n v="-162691.75"/>
    <n v="-1271700"/>
    <s v="Billed Revenues"/>
    <s v="EXV"/>
    <s v="NONBU"/>
    <s v="G0000110"/>
    <s v="N"/>
    <s v="MACSS Dist Billed Revenue-03"/>
    <s v=""/>
    <x v="0"/>
    <s v="CAD0330324"/>
    <s v="S"/>
    <s v="KY"/>
    <s v="REV"/>
    <s v="974"/>
    <s v="GLBATCH"/>
    <n v="3"/>
    <n v="2016"/>
  </r>
  <r>
    <s v="110"/>
    <d v="2016-03-15T00:00:00"/>
    <x v="2"/>
    <x v="0"/>
    <s v="10828"/>
    <s v="GLNANDA"/>
    <n v="0"/>
    <n v="725"/>
    <s v="Billed Revenues"/>
    <s v="EXV"/>
    <s v="NONBU"/>
    <s v="G0000110"/>
    <s v="N"/>
    <s v="MACSS Dist Billed Revenue-03"/>
    <s v=""/>
    <x v="0"/>
    <s v="CAD0330324"/>
    <s v="S"/>
    <s v="KY"/>
    <s v="REV"/>
    <s v="974"/>
    <s v="GLBATCH"/>
    <n v="3"/>
    <n v="2016"/>
  </r>
  <r>
    <s v="110"/>
    <d v="2016-03-15T00:00:00"/>
    <x v="0"/>
    <x v="0"/>
    <s v="10828"/>
    <s v="GLNANDA"/>
    <n v="0"/>
    <n v="27"/>
    <s v="Billed Revenues"/>
    <s v="EXV"/>
    <s v="NONBU"/>
    <s v="G0000110"/>
    <s v="N"/>
    <s v="MACSS Dist Billed Revenue-03"/>
    <s v=""/>
    <x v="0"/>
    <s v="CAD0330324"/>
    <s v="S"/>
    <s v="KY"/>
    <s v="REV"/>
    <s v="974"/>
    <s v="GLBATCH"/>
    <n v="3"/>
    <n v="2016"/>
  </r>
  <r>
    <s v="110"/>
    <d v="2016-03-15T00:00:00"/>
    <x v="3"/>
    <x v="0"/>
    <s v="10828"/>
    <s v="GLNANDA"/>
    <n v="0"/>
    <n v="9"/>
    <s v="Billed Revenues"/>
    <s v="EXV"/>
    <s v="NONBU"/>
    <s v="G0000110"/>
    <s v="N"/>
    <s v="MACSS Dist Billed Revenue-03"/>
    <s v=""/>
    <x v="0"/>
    <s v="CAD0330324"/>
    <s v="S"/>
    <s v="KY"/>
    <s v="REV"/>
    <s v="974"/>
    <s v="GLBATCH"/>
    <n v="3"/>
    <n v="2016"/>
  </r>
  <r>
    <s v="110"/>
    <d v="2016-03-15T00:00:00"/>
    <x v="3"/>
    <x v="0"/>
    <s v="10828"/>
    <s v="GLNANDA"/>
    <n v="-316096.48"/>
    <n v="-3941169"/>
    <s v="Billed Revenues"/>
    <s v="EXV"/>
    <s v="NONBU"/>
    <s v="G0000110"/>
    <s v="N"/>
    <s v="MACSS Dist Billed Revenue-03"/>
    <s v=""/>
    <x v="0"/>
    <s v="CAD0330324"/>
    <s v="S"/>
    <s v="KY"/>
    <s v="REV"/>
    <s v="974"/>
    <s v="GLBATCH"/>
    <n v="3"/>
    <n v="2016"/>
  </r>
  <r>
    <s v="110"/>
    <d v="2016-03-15T00:00:00"/>
    <x v="5"/>
    <x v="0"/>
    <s v="10828"/>
    <s v="GLNANDA"/>
    <n v="-35705.21"/>
    <n v="-274328"/>
    <s v="Billed Revenues"/>
    <s v="EXV"/>
    <s v="NONBU"/>
    <s v="G0000110"/>
    <s v="N"/>
    <s v="MACSS Dist Billed Revenue-03"/>
    <s v=""/>
    <x v="0"/>
    <s v="CAD0330324"/>
    <s v="S"/>
    <s v="KY"/>
    <s v="REV"/>
    <s v="974"/>
    <s v="GLBATCH"/>
    <n v="3"/>
    <n v="2016"/>
  </r>
  <r>
    <s v="110"/>
    <d v="2016-03-15T00:00:00"/>
    <x v="6"/>
    <x v="0"/>
    <s v="10828"/>
    <s v="GLNANDA"/>
    <n v="-440.27"/>
    <n v="-1939"/>
    <s v="Billed Revenues"/>
    <s v="EXV"/>
    <s v="NONBU"/>
    <s v="G0000110"/>
    <s v="N"/>
    <s v="MACSS Dist Billed Revenue-03"/>
    <s v=""/>
    <x v="0"/>
    <s v="CAD0330324"/>
    <s v="S"/>
    <s v="KY"/>
    <s v="REV"/>
    <s v="974"/>
    <s v="GLBATCH"/>
    <n v="3"/>
    <n v="2016"/>
  </r>
  <r>
    <s v="110"/>
    <d v="2016-03-15T00:00:00"/>
    <x v="6"/>
    <x v="0"/>
    <s v="10828"/>
    <s v="GLNANDA"/>
    <n v="0"/>
    <n v="9"/>
    <s v="Billed Revenues"/>
    <s v="EXV"/>
    <s v="NONBU"/>
    <s v="G0000110"/>
    <s v="N"/>
    <s v="MACSS Dist Billed Revenue-03"/>
    <s v=""/>
    <x v="0"/>
    <s v="CAD0330324"/>
    <s v="S"/>
    <s v="KY"/>
    <s v="REV"/>
    <s v="974"/>
    <s v="GLBATCH"/>
    <n v="3"/>
    <n v="2016"/>
  </r>
  <r>
    <s v="110"/>
    <d v="2016-03-15T00:00:00"/>
    <x v="1"/>
    <x v="0"/>
    <s v="10828"/>
    <s v="GLNANDA"/>
    <n v="-164935.23000000001"/>
    <n v="-1376724"/>
    <s v="Billed Revenues"/>
    <s v="EXV"/>
    <s v="NONBU"/>
    <s v="G0000110"/>
    <s v="N"/>
    <s v="MACSS Dist Billed Revenue-03"/>
    <s v=""/>
    <x v="0"/>
    <s v="CAD0330324"/>
    <s v="S"/>
    <s v="KY"/>
    <s v="REV"/>
    <s v="974"/>
    <s v="GLBATCH"/>
    <n v="3"/>
    <n v="2016"/>
  </r>
  <r>
    <s v="110"/>
    <d v="2016-03-15T00:00:00"/>
    <x v="7"/>
    <x v="0"/>
    <s v="10828"/>
    <s v="GLNANDA"/>
    <n v="0"/>
    <n v="46"/>
    <s v="Billed Revenues"/>
    <s v="EXV"/>
    <s v="NONBU"/>
    <s v="G0000110"/>
    <s v="N"/>
    <s v="MACSS Dist Billed Revenue-03"/>
    <s v=""/>
    <x v="0"/>
    <s v="CAD0330324"/>
    <s v="S"/>
    <s v="KY"/>
    <s v="REV"/>
    <s v="974"/>
    <s v="GLBATCH"/>
    <n v="3"/>
    <n v="2016"/>
  </r>
  <r>
    <s v="110"/>
    <d v="2016-03-15T00:00:00"/>
    <x v="7"/>
    <x v="0"/>
    <s v="10828"/>
    <s v="GLNANDA"/>
    <n v="-96446.04"/>
    <n v="-838164"/>
    <s v="Billed Revenues"/>
    <s v="EXV"/>
    <s v="NONBU"/>
    <s v="G0000110"/>
    <s v="N"/>
    <s v="MACSS Dist Billed Revenue-03"/>
    <s v=""/>
    <x v="0"/>
    <s v="CAD0330324"/>
    <s v="S"/>
    <s v="KY"/>
    <s v="REV"/>
    <s v="974"/>
    <s v="GLBATCH"/>
    <n v="3"/>
    <n v="2016"/>
  </r>
  <r>
    <s v="110"/>
    <d v="2016-03-15T00:00:00"/>
    <x v="0"/>
    <x v="0"/>
    <s v="10828"/>
    <s v="GLNANDA"/>
    <n v="-7031.01"/>
    <n v="-65284"/>
    <s v="Billed Revenues"/>
    <s v="EXV"/>
    <s v="NONBU"/>
    <s v="G0000110"/>
    <s v="N"/>
    <s v="MACSS Dist Billed Revenue-03"/>
    <s v=""/>
    <x v="0"/>
    <s v="CAD0330324"/>
    <s v="S"/>
    <s v="KY"/>
    <s v="REV"/>
    <s v="974"/>
    <s v="GLBATCH"/>
    <n v="3"/>
    <n v="2016"/>
  </r>
  <r>
    <s v="110"/>
    <d v="2016-03-15T00:00:00"/>
    <x v="5"/>
    <x v="0"/>
    <s v="10828"/>
    <s v="GLNANDA"/>
    <n v="0"/>
    <n v="99"/>
    <s v="Billed Revenues"/>
    <s v="EXV"/>
    <s v="NONBU"/>
    <s v="G0000110"/>
    <s v="N"/>
    <s v="MACSS Dist Billed Revenue-03"/>
    <s v=""/>
    <x v="0"/>
    <s v="CAD0330324"/>
    <s v="S"/>
    <s v="KY"/>
    <s v="REV"/>
    <s v="974"/>
    <s v="GLBATCH"/>
    <n v="3"/>
    <n v="2016"/>
  </r>
  <r>
    <s v="110"/>
    <d v="2016-03-15T00:00:00"/>
    <x v="1"/>
    <x v="0"/>
    <s v="10828"/>
    <s v="GLNANDA"/>
    <n v="0"/>
    <n v="1649"/>
    <s v="Billed Revenues"/>
    <s v="EXV"/>
    <s v="NONBU"/>
    <s v="G0000110"/>
    <s v="N"/>
    <s v="MACSS Dist Billed Revenue-03"/>
    <s v=""/>
    <x v="0"/>
    <s v="CAD0330324"/>
    <s v="S"/>
    <s v="KY"/>
    <s v="REV"/>
    <s v="974"/>
    <s v="GLBATCH"/>
    <n v="3"/>
    <n v="2016"/>
  </r>
  <r>
    <s v="110"/>
    <d v="2016-03-15T00:00:00"/>
    <x v="4"/>
    <x v="0"/>
    <s v="10828"/>
    <s v="GLNANDA"/>
    <n v="-380630.44"/>
    <n v="-3371557"/>
    <s v="Billed Revenues"/>
    <s v="EXV"/>
    <s v="NONBU"/>
    <s v="G0000110"/>
    <s v="N"/>
    <s v="MACSS Dist Billed Revenue-03"/>
    <s v=""/>
    <x v="0"/>
    <s v="CAD0330324"/>
    <s v="S"/>
    <s v="KY"/>
    <s v="REV"/>
    <s v="974"/>
    <s v="GLBATCH"/>
    <n v="3"/>
    <n v="2016"/>
  </r>
  <r>
    <s v="110"/>
    <d v="2016-03-15T00:00:00"/>
    <x v="4"/>
    <x v="0"/>
    <s v="10828"/>
    <s v="GLNANDA"/>
    <n v="-849729.51"/>
    <n v="-7593656"/>
    <s v="Billed Revenues"/>
    <s v="EXV"/>
    <s v="NONBU"/>
    <s v="G0000110"/>
    <s v="N"/>
    <s v="MACSS Dist Billed Revenue-03"/>
    <s v=""/>
    <x v="0"/>
    <s v="CAD0330328"/>
    <s v="S"/>
    <s v="KY"/>
    <s v="REV"/>
    <s v="974"/>
    <s v="GLBATCH"/>
    <n v="3"/>
    <n v="2016"/>
  </r>
  <r>
    <s v="110"/>
    <d v="2016-03-15T00:00:00"/>
    <x v="4"/>
    <x v="0"/>
    <s v="10828"/>
    <s v="GLNANDA"/>
    <n v="0"/>
    <n v="5429"/>
    <s v="Billed Revenues"/>
    <s v="EXV"/>
    <s v="NONBU"/>
    <s v="G0000110"/>
    <s v="N"/>
    <s v="MACSS Dist Billed Revenue-03"/>
    <s v=""/>
    <x v="0"/>
    <s v="CAD0330328"/>
    <s v="S"/>
    <s v="KY"/>
    <s v="REV"/>
    <s v="974"/>
    <s v="GLBATCH"/>
    <n v="3"/>
    <n v="2016"/>
  </r>
  <r>
    <s v="110"/>
    <d v="2016-03-15T00:00:00"/>
    <x v="1"/>
    <x v="0"/>
    <s v="10828"/>
    <s v="GLNANDA"/>
    <n v="-291854.49"/>
    <n v="-2490850"/>
    <s v="Billed Revenues"/>
    <s v="EXV"/>
    <s v="NONBU"/>
    <s v="G0000110"/>
    <s v="N"/>
    <s v="MACSS Dist Billed Revenue-03"/>
    <s v=""/>
    <x v="0"/>
    <s v="CAD0330328"/>
    <s v="S"/>
    <s v="KY"/>
    <s v="REV"/>
    <s v="974"/>
    <s v="GLBATCH"/>
    <n v="3"/>
    <n v="2016"/>
  </r>
  <r>
    <s v="110"/>
    <d v="2016-03-15T00:00:00"/>
    <x v="1"/>
    <x v="0"/>
    <s v="10828"/>
    <s v="GLNANDA"/>
    <n v="0"/>
    <n v="2640"/>
    <s v="Billed Revenues"/>
    <s v="EXV"/>
    <s v="NONBU"/>
    <s v="G0000110"/>
    <s v="N"/>
    <s v="MACSS Dist Billed Revenue-03"/>
    <s v=""/>
    <x v="0"/>
    <s v="CAD0330328"/>
    <s v="S"/>
    <s v="KY"/>
    <s v="REV"/>
    <s v="974"/>
    <s v="GLBATCH"/>
    <n v="3"/>
    <n v="2016"/>
  </r>
  <r>
    <s v="110"/>
    <d v="2016-03-15T00:00:00"/>
    <x v="6"/>
    <x v="0"/>
    <s v="10828"/>
    <s v="GLNANDA"/>
    <n v="-834.03"/>
    <n v="-2476"/>
    <s v="Billed Revenues"/>
    <s v="EXV"/>
    <s v="NONBU"/>
    <s v="G0000110"/>
    <s v="N"/>
    <s v="MACSS Dist Billed Revenue-03"/>
    <s v=""/>
    <x v="0"/>
    <s v="CAD0330328"/>
    <s v="S"/>
    <s v="KY"/>
    <s v="REV"/>
    <s v="974"/>
    <s v="GLBATCH"/>
    <n v="3"/>
    <n v="2016"/>
  </r>
  <r>
    <s v="110"/>
    <d v="2016-03-15T00:00:00"/>
    <x v="6"/>
    <x v="0"/>
    <s v="10828"/>
    <s v="GLNANDA"/>
    <n v="0"/>
    <n v="4"/>
    <s v="Billed Revenues"/>
    <s v="EXV"/>
    <s v="NONBU"/>
    <s v="G0000110"/>
    <s v="N"/>
    <s v="MACSS Dist Billed Revenue-03"/>
    <s v=""/>
    <x v="0"/>
    <s v="CAD0330328"/>
    <s v="S"/>
    <s v="KY"/>
    <s v="REV"/>
    <s v="974"/>
    <s v="GLBATCH"/>
    <n v="3"/>
    <n v="2016"/>
  </r>
  <r>
    <s v="110"/>
    <d v="2016-03-15T00:00:00"/>
    <x v="7"/>
    <x v="0"/>
    <s v="10828"/>
    <s v="GLNANDA"/>
    <n v="-59106.01"/>
    <n v="-502326"/>
    <s v="Billed Revenues"/>
    <s v="EXV"/>
    <s v="NONBU"/>
    <s v="G0000110"/>
    <s v="N"/>
    <s v="MACSS Dist Billed Revenue-03"/>
    <s v=""/>
    <x v="0"/>
    <s v="CAD0330328"/>
    <s v="S"/>
    <s v="KY"/>
    <s v="REV"/>
    <s v="974"/>
    <s v="GLBATCH"/>
    <n v="3"/>
    <n v="2016"/>
  </r>
  <r>
    <s v="110"/>
    <d v="2016-03-15T00:00:00"/>
    <x v="7"/>
    <x v="0"/>
    <s v="10828"/>
    <s v="GLNANDA"/>
    <n v="0"/>
    <n v="38"/>
    <s v="Billed Revenues"/>
    <s v="EXV"/>
    <s v="NONBU"/>
    <s v="G0000110"/>
    <s v="N"/>
    <s v="MACSS Dist Billed Revenue-03"/>
    <s v=""/>
    <x v="0"/>
    <s v="CAD0330328"/>
    <s v="S"/>
    <s v="KY"/>
    <s v="REV"/>
    <s v="974"/>
    <s v="GLBATCH"/>
    <n v="3"/>
    <n v="2016"/>
  </r>
  <r>
    <s v="110"/>
    <d v="2016-03-15T00:00:00"/>
    <x v="5"/>
    <x v="0"/>
    <s v="10828"/>
    <s v="GLNANDA"/>
    <n v="0"/>
    <n v="150"/>
    <s v="Billed Revenues"/>
    <s v="EXV"/>
    <s v="NONBU"/>
    <s v="G0000110"/>
    <s v="N"/>
    <s v="MACSS Dist Billed Revenue-03"/>
    <s v=""/>
    <x v="0"/>
    <s v="CAD0330328"/>
    <s v="S"/>
    <s v="KY"/>
    <s v="REV"/>
    <s v="974"/>
    <s v="GLBATCH"/>
    <n v="3"/>
    <n v="2016"/>
  </r>
  <r>
    <s v="110"/>
    <d v="2016-03-15T00:00:00"/>
    <x v="5"/>
    <x v="0"/>
    <s v="10828"/>
    <s v="GLNANDA"/>
    <n v="-57489.99"/>
    <n v="-460064"/>
    <s v="Billed Revenues"/>
    <s v="EXV"/>
    <s v="NONBU"/>
    <s v="G0000110"/>
    <s v="N"/>
    <s v="MACSS Dist Billed Revenue-03"/>
    <s v=""/>
    <x v="0"/>
    <s v="CAD0330328"/>
    <s v="S"/>
    <s v="KY"/>
    <s v="REV"/>
    <s v="974"/>
    <s v="GLBATCH"/>
    <n v="3"/>
    <n v="2016"/>
  </r>
  <r>
    <s v="110"/>
    <d v="2016-03-15T00:00:00"/>
    <x v="3"/>
    <x v="0"/>
    <s v="10828"/>
    <s v="GLNANDA"/>
    <n v="-343744.75"/>
    <n v="-4088362"/>
    <s v="Billed Revenues"/>
    <s v="EXV"/>
    <s v="NONBU"/>
    <s v="G0000110"/>
    <s v="N"/>
    <s v="MACSS Dist Billed Revenue-03"/>
    <s v=""/>
    <x v="0"/>
    <s v="CAD0330328"/>
    <s v="S"/>
    <s v="KY"/>
    <s v="REV"/>
    <s v="974"/>
    <s v="GLBATCH"/>
    <n v="3"/>
    <n v="2016"/>
  </r>
  <r>
    <s v="110"/>
    <d v="2016-03-15T00:00:00"/>
    <x v="3"/>
    <x v="0"/>
    <s v="10828"/>
    <s v="GLNANDA"/>
    <n v="0"/>
    <n v="17"/>
    <s v="Billed Revenues"/>
    <s v="EXV"/>
    <s v="NONBU"/>
    <s v="G0000110"/>
    <s v="N"/>
    <s v="MACSS Dist Billed Revenue-03"/>
    <s v=""/>
    <x v="0"/>
    <s v="CAD0330328"/>
    <s v="S"/>
    <s v="KY"/>
    <s v="REV"/>
    <s v="974"/>
    <s v="GLBATCH"/>
    <n v="3"/>
    <n v="2016"/>
  </r>
  <r>
    <s v="110"/>
    <d v="2016-03-15T00:00:00"/>
    <x v="0"/>
    <x v="0"/>
    <s v="10828"/>
    <s v="GLNANDA"/>
    <n v="-605807.35999999999"/>
    <n v="-9361559"/>
    <s v="Billed Revenues"/>
    <s v="EXV"/>
    <s v="NONBU"/>
    <s v="G0000110"/>
    <s v="N"/>
    <s v="MACSS Dist Billed Revenue-03"/>
    <s v=""/>
    <x v="0"/>
    <s v="CAD0330328"/>
    <s v="S"/>
    <s v="KY"/>
    <s v="REV"/>
    <s v="974"/>
    <s v="GLBATCH"/>
    <n v="3"/>
    <n v="2016"/>
  </r>
  <r>
    <s v="110"/>
    <d v="2016-03-15T00:00:00"/>
    <x v="0"/>
    <x v="0"/>
    <s v="10828"/>
    <s v="GLNANDA"/>
    <n v="0"/>
    <n v="42"/>
    <s v="Billed Revenues"/>
    <s v="EXV"/>
    <s v="NONBU"/>
    <s v="G0000110"/>
    <s v="N"/>
    <s v="MACSS Dist Billed Revenue-03"/>
    <s v=""/>
    <x v="0"/>
    <s v="CAD0330328"/>
    <s v="S"/>
    <s v="KY"/>
    <s v="REV"/>
    <s v="974"/>
    <s v="GLBATCH"/>
    <n v="3"/>
    <n v="2016"/>
  </r>
  <r>
    <s v="110"/>
    <d v="2016-03-15T00:00:00"/>
    <x v="2"/>
    <x v="0"/>
    <s v="10828"/>
    <s v="GLNANDA"/>
    <n v="-322207.18"/>
    <n v="-2542543"/>
    <s v="Billed Revenues"/>
    <s v="EXV"/>
    <s v="NONBU"/>
    <s v="G0000110"/>
    <s v="N"/>
    <s v="MACSS Dist Billed Revenue-03"/>
    <s v=""/>
    <x v="0"/>
    <s v="CAD0330328"/>
    <s v="S"/>
    <s v="KY"/>
    <s v="REV"/>
    <s v="974"/>
    <s v="GLBATCH"/>
    <n v="3"/>
    <n v="2016"/>
  </r>
  <r>
    <s v="110"/>
    <d v="2016-03-15T00:00:00"/>
    <x v="2"/>
    <x v="0"/>
    <s v="10828"/>
    <s v="GLNANDA"/>
    <n v="0"/>
    <n v="1538"/>
    <s v="Billed Revenues"/>
    <s v="EXV"/>
    <s v="NONBU"/>
    <s v="G0000110"/>
    <s v="N"/>
    <s v="MACSS Dist Billed Revenue-03"/>
    <s v=""/>
    <x v="0"/>
    <s v="CAD0330328"/>
    <s v="S"/>
    <s v="KY"/>
    <s v="REV"/>
    <s v="974"/>
    <s v="GLBATCH"/>
    <n v="3"/>
    <n v="2016"/>
  </r>
  <r>
    <s v="110"/>
    <d v="2016-03-15T00:00:00"/>
    <x v="1"/>
    <x v="0"/>
    <s v="10828"/>
    <s v="GLNANDA"/>
    <n v="0"/>
    <n v="2371"/>
    <s v="Billed Revenues"/>
    <s v="EXV"/>
    <s v="NONBU"/>
    <s v="G0000110"/>
    <s v="N"/>
    <s v="MACSS Dist Billed Revenue-03"/>
    <s v=""/>
    <x v="0"/>
    <s v="CAD0330329"/>
    <s v="S"/>
    <s v="KY"/>
    <s v="REV"/>
    <s v="974"/>
    <s v="GLBATCH"/>
    <n v="3"/>
    <n v="2016"/>
  </r>
  <r>
    <s v="110"/>
    <d v="2016-03-15T00:00:00"/>
    <x v="4"/>
    <x v="0"/>
    <s v="10828"/>
    <s v="GLNANDA"/>
    <n v="-489161.35"/>
    <n v="-4336681"/>
    <s v="Billed Revenues"/>
    <s v="EXV"/>
    <s v="NONBU"/>
    <s v="G0000110"/>
    <s v="N"/>
    <s v="MACSS Dist Billed Revenue-03"/>
    <s v=""/>
    <x v="0"/>
    <s v="CAD0330329"/>
    <s v="S"/>
    <s v="KY"/>
    <s v="REV"/>
    <s v="974"/>
    <s v="GLBATCH"/>
    <n v="3"/>
    <n v="2016"/>
  </r>
  <r>
    <s v="110"/>
    <d v="2016-03-15T00:00:00"/>
    <x v="6"/>
    <x v="0"/>
    <s v="10828"/>
    <s v="GLNANDA"/>
    <n v="0"/>
    <n v="15"/>
    <s v="Billed Revenues"/>
    <s v="EXV"/>
    <s v="NONBU"/>
    <s v="G0000110"/>
    <s v="N"/>
    <s v="MACSS Dist Billed Revenue-03"/>
    <s v=""/>
    <x v="0"/>
    <s v="CAD0330329"/>
    <s v="S"/>
    <s v="KY"/>
    <s v="REV"/>
    <s v="974"/>
    <s v="GLBATCH"/>
    <n v="3"/>
    <n v="2016"/>
  </r>
  <r>
    <s v="110"/>
    <d v="2016-03-15T00:00:00"/>
    <x v="7"/>
    <x v="0"/>
    <s v="10828"/>
    <s v="GLNANDA"/>
    <n v="-37474.5"/>
    <n v="-267274"/>
    <s v="Billed Revenues"/>
    <s v="EXV"/>
    <s v="NONBU"/>
    <s v="G0000110"/>
    <s v="N"/>
    <s v="MACSS Dist Billed Revenue-03"/>
    <s v=""/>
    <x v="0"/>
    <s v="CAD0330329"/>
    <s v="S"/>
    <s v="KY"/>
    <s v="REV"/>
    <s v="974"/>
    <s v="GLBATCH"/>
    <n v="3"/>
    <n v="2016"/>
  </r>
  <r>
    <s v="110"/>
    <d v="2016-03-15T00:00:00"/>
    <x v="5"/>
    <x v="0"/>
    <s v="10828"/>
    <s v="GLNANDA"/>
    <n v="0"/>
    <n v="142"/>
    <s v="Billed Revenues"/>
    <s v="EXV"/>
    <s v="NONBU"/>
    <s v="G0000110"/>
    <s v="N"/>
    <s v="MACSS Dist Billed Revenue-03"/>
    <s v=""/>
    <x v="0"/>
    <s v="CAD0330329"/>
    <s v="S"/>
    <s v="KY"/>
    <s v="REV"/>
    <s v="974"/>
    <s v="GLBATCH"/>
    <n v="3"/>
    <n v="2016"/>
  </r>
  <r>
    <s v="110"/>
    <d v="2016-03-15T00:00:00"/>
    <x v="3"/>
    <x v="0"/>
    <s v="10828"/>
    <s v="GLNANDA"/>
    <n v="0"/>
    <n v="30"/>
    <s v="Billed Revenues"/>
    <s v="EXV"/>
    <s v="NONBU"/>
    <s v="G0000110"/>
    <s v="N"/>
    <s v="MACSS Dist Billed Revenue-03"/>
    <s v=""/>
    <x v="0"/>
    <s v="CAD0330329"/>
    <s v="S"/>
    <s v="KY"/>
    <s v="REV"/>
    <s v="974"/>
    <s v="GLBATCH"/>
    <n v="3"/>
    <n v="2016"/>
  </r>
  <r>
    <s v="110"/>
    <d v="2016-03-15T00:00:00"/>
    <x v="0"/>
    <x v="0"/>
    <s v="10828"/>
    <s v="GLNANDA"/>
    <n v="0"/>
    <n v="55"/>
    <s v="Billed Revenues"/>
    <s v="EXV"/>
    <s v="NONBU"/>
    <s v="G0000110"/>
    <s v="N"/>
    <s v="MACSS Dist Billed Revenue-03"/>
    <s v=""/>
    <x v="0"/>
    <s v="CAD0330329"/>
    <s v="S"/>
    <s v="KY"/>
    <s v="REV"/>
    <s v="974"/>
    <s v="GLBATCH"/>
    <n v="3"/>
    <n v="2016"/>
  </r>
  <r>
    <s v="110"/>
    <d v="2016-03-15T00:00:00"/>
    <x v="0"/>
    <x v="0"/>
    <s v="10828"/>
    <s v="GLNANDA"/>
    <n v="-119819.05"/>
    <n v="-1731713"/>
    <s v="Billed Revenues"/>
    <s v="EXV"/>
    <s v="NONBU"/>
    <s v="G0000110"/>
    <s v="N"/>
    <s v="MACSS Dist Billed Revenue-03"/>
    <s v=""/>
    <x v="0"/>
    <s v="CAD0330329"/>
    <s v="S"/>
    <s v="KY"/>
    <s v="REV"/>
    <s v="974"/>
    <s v="GLBATCH"/>
    <n v="3"/>
    <n v="2016"/>
  </r>
  <r>
    <s v="110"/>
    <d v="2016-03-15T00:00:00"/>
    <x v="7"/>
    <x v="0"/>
    <s v="10828"/>
    <s v="GLNANDA"/>
    <n v="0"/>
    <n v="31"/>
    <s v="Billed Revenues"/>
    <s v="EXV"/>
    <s v="NONBU"/>
    <s v="G0000110"/>
    <s v="N"/>
    <s v="MACSS Dist Billed Revenue-03"/>
    <s v=""/>
    <x v="0"/>
    <s v="CAD0330329"/>
    <s v="S"/>
    <s v="KY"/>
    <s v="REV"/>
    <s v="974"/>
    <s v="GLBATCH"/>
    <n v="3"/>
    <n v="2016"/>
  </r>
  <r>
    <s v="110"/>
    <d v="2016-03-15T00:00:00"/>
    <x v="6"/>
    <x v="0"/>
    <s v="10828"/>
    <s v="GLNANDA"/>
    <n v="-756.56"/>
    <n v="-4059"/>
    <s v="Billed Revenues"/>
    <s v="EXV"/>
    <s v="NONBU"/>
    <s v="G0000110"/>
    <s v="N"/>
    <s v="MACSS Dist Billed Revenue-03"/>
    <s v=""/>
    <x v="0"/>
    <s v="CAD0330329"/>
    <s v="S"/>
    <s v="KY"/>
    <s v="REV"/>
    <s v="974"/>
    <s v="GLBATCH"/>
    <n v="3"/>
    <n v="2016"/>
  </r>
  <r>
    <s v="110"/>
    <d v="2016-03-15T00:00:00"/>
    <x v="4"/>
    <x v="0"/>
    <s v="10828"/>
    <s v="GLNANDA"/>
    <n v="0"/>
    <n v="3269"/>
    <s v="Billed Revenues"/>
    <s v="EXV"/>
    <s v="NONBU"/>
    <s v="G0000110"/>
    <s v="N"/>
    <s v="MACSS Dist Billed Revenue-03"/>
    <s v=""/>
    <x v="0"/>
    <s v="CAD0330329"/>
    <s v="S"/>
    <s v="KY"/>
    <s v="REV"/>
    <s v="974"/>
    <s v="GLBATCH"/>
    <n v="3"/>
    <n v="2016"/>
  </r>
  <r>
    <s v="110"/>
    <d v="2016-03-15T00:00:00"/>
    <x v="2"/>
    <x v="0"/>
    <s v="10828"/>
    <s v="GLNANDA"/>
    <n v="-530247.53"/>
    <n v="-4663070"/>
    <s v="Billed Revenues"/>
    <s v="EXV"/>
    <s v="NONBU"/>
    <s v="G0000110"/>
    <s v="N"/>
    <s v="MACSS Dist Billed Revenue-03"/>
    <s v=""/>
    <x v="0"/>
    <s v="CAD0330329"/>
    <s v="S"/>
    <s v="KY"/>
    <s v="REV"/>
    <s v="974"/>
    <s v="GLBATCH"/>
    <n v="3"/>
    <n v="2016"/>
  </r>
  <r>
    <s v="110"/>
    <d v="2016-03-15T00:00:00"/>
    <x v="2"/>
    <x v="0"/>
    <s v="10828"/>
    <s v="GLNANDA"/>
    <n v="0"/>
    <n v="1330"/>
    <s v="Billed Revenues"/>
    <s v="EXV"/>
    <s v="NONBU"/>
    <s v="G0000110"/>
    <s v="N"/>
    <s v="MACSS Dist Billed Revenue-03"/>
    <s v=""/>
    <x v="0"/>
    <s v="CAD0330329"/>
    <s v="S"/>
    <s v="KY"/>
    <s v="REV"/>
    <s v="974"/>
    <s v="GLBATCH"/>
    <n v="3"/>
    <n v="2016"/>
  </r>
  <r>
    <s v="110"/>
    <d v="2016-03-15T00:00:00"/>
    <x v="3"/>
    <x v="0"/>
    <s v="10828"/>
    <s v="GLNANDA"/>
    <n v="-269306.82"/>
    <n v="-3365142"/>
    <s v="Billed Revenues"/>
    <s v="EXV"/>
    <s v="NONBU"/>
    <s v="G0000110"/>
    <s v="N"/>
    <s v="MACSS Dist Billed Revenue-03"/>
    <s v=""/>
    <x v="0"/>
    <s v="CAD0330329"/>
    <s v="S"/>
    <s v="KY"/>
    <s v="REV"/>
    <s v="974"/>
    <s v="GLBATCH"/>
    <n v="3"/>
    <n v="2016"/>
  </r>
  <r>
    <s v="110"/>
    <d v="2016-03-15T00:00:00"/>
    <x v="5"/>
    <x v="0"/>
    <s v="10828"/>
    <s v="GLNANDA"/>
    <n v="-68505.509999999995"/>
    <n v="-555335"/>
    <s v="Billed Revenues"/>
    <s v="EXV"/>
    <s v="NONBU"/>
    <s v="G0000110"/>
    <s v="N"/>
    <s v="MACSS Dist Billed Revenue-03"/>
    <s v=""/>
    <x v="0"/>
    <s v="CAD0330329"/>
    <s v="S"/>
    <s v="KY"/>
    <s v="REV"/>
    <s v="974"/>
    <s v="GLBATCH"/>
    <n v="3"/>
    <n v="2016"/>
  </r>
  <r>
    <s v="110"/>
    <d v="2016-03-15T00:00:00"/>
    <x v="1"/>
    <x v="0"/>
    <s v="10828"/>
    <s v="GLNANDA"/>
    <n v="-250980.97"/>
    <n v="-2129173"/>
    <s v="Billed Revenues"/>
    <s v="EXV"/>
    <s v="NONBU"/>
    <s v="G0000110"/>
    <s v="N"/>
    <s v="MACSS Dist Billed Revenue-03"/>
    <s v=""/>
    <x v="0"/>
    <s v="CAD0330329"/>
    <s v="S"/>
    <s v="KY"/>
    <s v="REV"/>
    <s v="974"/>
    <s v="GLBATCH"/>
    <n v="3"/>
    <n v="2016"/>
  </r>
  <r>
    <s v="110"/>
    <d v="2016-03-15T00:00:00"/>
    <x v="3"/>
    <x v="0"/>
    <s v="10828"/>
    <s v="GLNANDA"/>
    <n v="0"/>
    <n v="32"/>
    <s v="Billed Revenues"/>
    <s v="EXV"/>
    <s v="NONBU"/>
    <s v="G0000110"/>
    <s v="N"/>
    <s v="MACSS Dist Billed Revenue-03"/>
    <s v=""/>
    <x v="0"/>
    <s v="CAD0330330"/>
    <s v="S"/>
    <s v="KY"/>
    <s v="REV"/>
    <s v="974"/>
    <s v="GLBATCH"/>
    <n v="3"/>
    <n v="2016"/>
  </r>
  <r>
    <s v="110"/>
    <d v="2016-03-15T00:00:00"/>
    <x v="4"/>
    <x v="0"/>
    <s v="10828"/>
    <s v="GLNANDA"/>
    <n v="-519161.9"/>
    <n v="-4635016"/>
    <s v="Billed Revenues"/>
    <s v="EXV"/>
    <s v="NONBU"/>
    <s v="G0000110"/>
    <s v="N"/>
    <s v="MACSS Dist Billed Revenue-03"/>
    <s v=""/>
    <x v="0"/>
    <s v="CAD0330330"/>
    <s v="S"/>
    <s v="KY"/>
    <s v="REV"/>
    <s v="974"/>
    <s v="GLBATCH"/>
    <n v="3"/>
    <n v="2016"/>
  </r>
  <r>
    <s v="110"/>
    <d v="2016-03-15T00:00:00"/>
    <x v="0"/>
    <x v="0"/>
    <s v="10828"/>
    <s v="GLNANDA"/>
    <n v="-127070.09"/>
    <n v="-1643375"/>
    <s v="Billed Revenues"/>
    <s v="EXV"/>
    <s v="NONBU"/>
    <s v="G0000110"/>
    <s v="N"/>
    <s v="MACSS Dist Billed Revenue-03"/>
    <s v=""/>
    <x v="0"/>
    <s v="CAD0330330"/>
    <s v="S"/>
    <s v="KY"/>
    <s v="REV"/>
    <s v="974"/>
    <s v="GLBATCH"/>
    <n v="3"/>
    <n v="2016"/>
  </r>
  <r>
    <s v="110"/>
    <d v="2016-03-15T00:00:00"/>
    <x v="0"/>
    <x v="0"/>
    <s v="10828"/>
    <s v="GLNANDA"/>
    <n v="0"/>
    <n v="41"/>
    <s v="Billed Revenues"/>
    <s v="EXV"/>
    <s v="NONBU"/>
    <s v="G0000110"/>
    <s v="N"/>
    <s v="MACSS Dist Billed Revenue-03"/>
    <s v=""/>
    <x v="0"/>
    <s v="CAD0330330"/>
    <s v="S"/>
    <s v="KY"/>
    <s v="REV"/>
    <s v="974"/>
    <s v="GLBATCH"/>
    <n v="3"/>
    <n v="2016"/>
  </r>
  <r>
    <s v="110"/>
    <d v="2016-03-15T00:00:00"/>
    <x v="6"/>
    <x v="0"/>
    <s v="10828"/>
    <s v="GLNANDA"/>
    <n v="0"/>
    <n v="18"/>
    <s v="Billed Revenues"/>
    <s v="EXV"/>
    <s v="NONBU"/>
    <s v="G0000110"/>
    <s v="N"/>
    <s v="MACSS Dist Billed Revenue-03"/>
    <s v=""/>
    <x v="0"/>
    <s v="CAD0330330"/>
    <s v="S"/>
    <s v="KY"/>
    <s v="REV"/>
    <s v="974"/>
    <s v="GLBATCH"/>
    <n v="3"/>
    <n v="2016"/>
  </r>
  <r>
    <s v="110"/>
    <d v="2016-03-15T00:00:00"/>
    <x v="7"/>
    <x v="0"/>
    <s v="10828"/>
    <s v="GLNANDA"/>
    <n v="-113809.25"/>
    <n v="-1014057"/>
    <s v="Billed Revenues"/>
    <s v="EXV"/>
    <s v="NONBU"/>
    <s v="G0000110"/>
    <s v="N"/>
    <s v="MACSS Dist Billed Revenue-03"/>
    <s v=""/>
    <x v="0"/>
    <s v="CAD0330330"/>
    <s v="S"/>
    <s v="KY"/>
    <s v="REV"/>
    <s v="974"/>
    <s v="GLBATCH"/>
    <n v="3"/>
    <n v="2016"/>
  </r>
  <r>
    <s v="110"/>
    <d v="2016-03-15T00:00:00"/>
    <x v="2"/>
    <x v="0"/>
    <s v="10828"/>
    <s v="GLNANDA"/>
    <n v="0"/>
    <n v="1244"/>
    <s v="Billed Revenues"/>
    <s v="EXV"/>
    <s v="NONBU"/>
    <s v="G0000110"/>
    <s v="N"/>
    <s v="MACSS Dist Billed Revenue-03"/>
    <s v=""/>
    <x v="0"/>
    <s v="CAD0330330"/>
    <s v="S"/>
    <s v="KY"/>
    <s v="REV"/>
    <s v="974"/>
    <s v="GLBATCH"/>
    <n v="3"/>
    <n v="2016"/>
  </r>
  <r>
    <s v="110"/>
    <d v="2016-03-15T00:00:00"/>
    <x v="2"/>
    <x v="0"/>
    <s v="10828"/>
    <s v="GLNANDA"/>
    <n v="-697188.1"/>
    <n v="-6912322"/>
    <s v="Billed Revenues"/>
    <s v="EXV"/>
    <s v="NONBU"/>
    <s v="G0000110"/>
    <s v="N"/>
    <s v="MACSS Dist Billed Revenue-03"/>
    <s v=""/>
    <x v="0"/>
    <s v="CAD0330330"/>
    <s v="S"/>
    <s v="KY"/>
    <s v="REV"/>
    <s v="974"/>
    <s v="GLBATCH"/>
    <n v="3"/>
    <n v="2016"/>
  </r>
  <r>
    <s v="110"/>
    <d v="2016-03-15T00:00:00"/>
    <x v="7"/>
    <x v="0"/>
    <s v="10828"/>
    <s v="GLNANDA"/>
    <n v="0"/>
    <n v="40"/>
    <s v="Billed Revenues"/>
    <s v="EXV"/>
    <s v="NONBU"/>
    <s v="G0000110"/>
    <s v="N"/>
    <s v="MACSS Dist Billed Revenue-03"/>
    <s v=""/>
    <x v="0"/>
    <s v="CAD0330330"/>
    <s v="S"/>
    <s v="KY"/>
    <s v="REV"/>
    <s v="974"/>
    <s v="GLBATCH"/>
    <n v="3"/>
    <n v="2016"/>
  </r>
  <r>
    <s v="110"/>
    <d v="2016-03-15T00:00:00"/>
    <x v="1"/>
    <x v="0"/>
    <s v="10828"/>
    <s v="GLNANDA"/>
    <n v="0"/>
    <n v="2804"/>
    <s v="Billed Revenues"/>
    <s v="EXV"/>
    <s v="NONBU"/>
    <s v="G0000110"/>
    <s v="N"/>
    <s v="MACSS Dist Billed Revenue-03"/>
    <s v=""/>
    <x v="0"/>
    <s v="CAD0330330"/>
    <s v="S"/>
    <s v="KY"/>
    <s v="REV"/>
    <s v="974"/>
    <s v="GLBATCH"/>
    <n v="3"/>
    <n v="2016"/>
  </r>
  <r>
    <s v="110"/>
    <d v="2016-03-15T00:00:00"/>
    <x v="1"/>
    <x v="0"/>
    <s v="10828"/>
    <s v="GLNANDA"/>
    <n v="-300933.09000000003"/>
    <n v="-2572056"/>
    <s v="Billed Revenues"/>
    <s v="EXV"/>
    <s v="NONBU"/>
    <s v="G0000110"/>
    <s v="N"/>
    <s v="MACSS Dist Billed Revenue-03"/>
    <s v=""/>
    <x v="0"/>
    <s v="CAD0330330"/>
    <s v="S"/>
    <s v="KY"/>
    <s v="REV"/>
    <s v="974"/>
    <s v="GLBATCH"/>
    <n v="3"/>
    <n v="2016"/>
  </r>
  <r>
    <s v="110"/>
    <d v="2016-03-15T00:00:00"/>
    <x v="5"/>
    <x v="0"/>
    <s v="10828"/>
    <s v="GLNANDA"/>
    <n v="-104741.29"/>
    <n v="-997465"/>
    <s v="Billed Revenues"/>
    <s v="EXV"/>
    <s v="NONBU"/>
    <s v="G0000110"/>
    <s v="N"/>
    <s v="MACSS Dist Billed Revenue-03"/>
    <s v=""/>
    <x v="0"/>
    <s v="CAD0330330"/>
    <s v="S"/>
    <s v="KY"/>
    <s v="REV"/>
    <s v="974"/>
    <s v="GLBATCH"/>
    <n v="3"/>
    <n v="2016"/>
  </r>
  <r>
    <s v="110"/>
    <d v="2016-03-15T00:00:00"/>
    <x v="5"/>
    <x v="0"/>
    <s v="10828"/>
    <s v="GLNANDA"/>
    <n v="0"/>
    <n v="206"/>
    <s v="Billed Revenues"/>
    <s v="EXV"/>
    <s v="NONBU"/>
    <s v="G0000110"/>
    <s v="N"/>
    <s v="MACSS Dist Billed Revenue-03"/>
    <s v=""/>
    <x v="0"/>
    <s v="CAD0330330"/>
    <s v="S"/>
    <s v="KY"/>
    <s v="REV"/>
    <s v="974"/>
    <s v="GLBATCH"/>
    <n v="3"/>
    <n v="2016"/>
  </r>
  <r>
    <s v="110"/>
    <d v="2016-03-15T00:00:00"/>
    <x v="6"/>
    <x v="0"/>
    <s v="10828"/>
    <s v="GLNANDA"/>
    <n v="-3508.81"/>
    <n v="-22801"/>
    <s v="Billed Revenues"/>
    <s v="EXV"/>
    <s v="NONBU"/>
    <s v="G0000110"/>
    <s v="N"/>
    <s v="MACSS Dist Billed Revenue-03"/>
    <s v=""/>
    <x v="0"/>
    <s v="CAD0330330"/>
    <s v="S"/>
    <s v="KY"/>
    <s v="REV"/>
    <s v="974"/>
    <s v="GLBATCH"/>
    <n v="3"/>
    <n v="2016"/>
  </r>
  <r>
    <s v="110"/>
    <d v="2016-03-15T00:00:00"/>
    <x v="4"/>
    <x v="0"/>
    <s v="10828"/>
    <s v="GLNANDA"/>
    <n v="0"/>
    <n v="3314"/>
    <s v="Billed Revenues"/>
    <s v="EXV"/>
    <s v="NONBU"/>
    <s v="G0000110"/>
    <s v="N"/>
    <s v="MACSS Dist Billed Revenue-03"/>
    <s v=""/>
    <x v="0"/>
    <s v="CAD0330330"/>
    <s v="S"/>
    <s v="KY"/>
    <s v="REV"/>
    <s v="974"/>
    <s v="GLBATCH"/>
    <n v="3"/>
    <n v="2016"/>
  </r>
  <r>
    <s v="110"/>
    <d v="2016-03-15T00:00:00"/>
    <x v="3"/>
    <x v="0"/>
    <s v="10828"/>
    <s v="GLNANDA"/>
    <n v="-496962.21"/>
    <n v="-5985437"/>
    <s v="Billed Revenues"/>
    <s v="EXV"/>
    <s v="NONBU"/>
    <s v="G0000110"/>
    <s v="N"/>
    <s v="MACSS Dist Billed Revenue-03"/>
    <s v=""/>
    <x v="0"/>
    <s v="CAD0330330"/>
    <s v="S"/>
    <s v="KY"/>
    <s v="REV"/>
    <s v="974"/>
    <s v="GLBATCH"/>
    <n v="3"/>
    <n v="2016"/>
  </r>
  <r>
    <s v="110"/>
    <d v="2016-04-15T00:00:00"/>
    <x v="0"/>
    <x v="0"/>
    <s v="10828"/>
    <s v="GLNANDA"/>
    <n v="-218281.72"/>
    <n v="-2368749"/>
    <s v="Billed Revenues"/>
    <s v="EXV"/>
    <s v="NONBU"/>
    <s v="G0000110"/>
    <s v="N"/>
    <s v="MACSS Dist Billed Revenue-03"/>
    <s v=""/>
    <x v="0"/>
    <s v="CAD0330331"/>
    <s v="S"/>
    <s v="KY"/>
    <s v="REV"/>
    <s v="974"/>
    <s v="GLBATCH"/>
    <n v="4"/>
    <n v="2016"/>
  </r>
  <r>
    <s v="110"/>
    <d v="2016-04-15T00:00:00"/>
    <x v="0"/>
    <x v="0"/>
    <s v="10828"/>
    <s v="GLNANDA"/>
    <n v="0"/>
    <n v="55"/>
    <s v="Billed Revenues"/>
    <s v="EXV"/>
    <s v="NONBU"/>
    <s v="G0000110"/>
    <s v="N"/>
    <s v="MACSS Dist Billed Revenue-03"/>
    <s v=""/>
    <x v="0"/>
    <s v="CAD0330331"/>
    <s v="S"/>
    <s v="KY"/>
    <s v="REV"/>
    <s v="974"/>
    <s v="GLBATCH"/>
    <n v="4"/>
    <n v="2016"/>
  </r>
  <r>
    <s v="110"/>
    <d v="2016-04-15T00:00:00"/>
    <x v="1"/>
    <x v="0"/>
    <s v="10828"/>
    <s v="GLNANDA"/>
    <n v="-218144.59"/>
    <n v="-1840095"/>
    <s v="Billed Revenues"/>
    <s v="EXV"/>
    <s v="NONBU"/>
    <s v="G0000110"/>
    <s v="N"/>
    <s v="MACSS Dist Billed Revenue-03"/>
    <s v=""/>
    <x v="0"/>
    <s v="CAD0330331"/>
    <s v="S"/>
    <s v="KY"/>
    <s v="REV"/>
    <s v="974"/>
    <s v="GLBATCH"/>
    <n v="4"/>
    <n v="2016"/>
  </r>
  <r>
    <s v="110"/>
    <d v="2016-04-15T00:00:00"/>
    <x v="1"/>
    <x v="0"/>
    <s v="10828"/>
    <s v="GLNANDA"/>
    <n v="0"/>
    <n v="2056"/>
    <s v="Billed Revenues"/>
    <s v="EXV"/>
    <s v="NONBU"/>
    <s v="G0000110"/>
    <s v="N"/>
    <s v="MACSS Dist Billed Revenue-03"/>
    <s v=""/>
    <x v="0"/>
    <s v="CAD0330331"/>
    <s v="S"/>
    <s v="KY"/>
    <s v="REV"/>
    <s v="974"/>
    <s v="GLBATCH"/>
    <n v="4"/>
    <n v="2016"/>
  </r>
  <r>
    <s v="110"/>
    <d v="2016-04-15T00:00:00"/>
    <x v="4"/>
    <x v="0"/>
    <s v="10828"/>
    <s v="GLNANDA"/>
    <n v="0"/>
    <n v="4429"/>
    <s v="Billed Revenues"/>
    <s v="EXV"/>
    <s v="NONBU"/>
    <s v="G0000110"/>
    <s v="N"/>
    <s v="MACSS Dist Billed Revenue-03"/>
    <s v=""/>
    <x v="0"/>
    <s v="CAD0330331"/>
    <s v="S"/>
    <s v="KY"/>
    <s v="REV"/>
    <s v="974"/>
    <s v="GLBATCH"/>
    <n v="4"/>
    <n v="2016"/>
  </r>
  <r>
    <s v="110"/>
    <d v="2016-04-15T00:00:00"/>
    <x v="4"/>
    <x v="0"/>
    <s v="10828"/>
    <s v="GLNANDA"/>
    <n v="-662509.96"/>
    <n v="-5855916"/>
    <s v="Billed Revenues"/>
    <s v="EXV"/>
    <s v="NONBU"/>
    <s v="G0000110"/>
    <s v="N"/>
    <s v="MACSS Dist Billed Revenue-03"/>
    <s v=""/>
    <x v="0"/>
    <s v="CAD0330331"/>
    <s v="S"/>
    <s v="KY"/>
    <s v="REV"/>
    <s v="974"/>
    <s v="GLBATCH"/>
    <n v="4"/>
    <n v="2016"/>
  </r>
  <r>
    <s v="110"/>
    <d v="2016-04-15T00:00:00"/>
    <x v="6"/>
    <x v="0"/>
    <s v="10828"/>
    <s v="GLNANDA"/>
    <n v="-1018.82"/>
    <n v="-5238"/>
    <s v="Billed Revenues"/>
    <s v="EXV"/>
    <s v="NONBU"/>
    <s v="G0000110"/>
    <s v="N"/>
    <s v="MACSS Dist Billed Revenue-03"/>
    <s v=""/>
    <x v="0"/>
    <s v="CAD0330331"/>
    <s v="S"/>
    <s v="KY"/>
    <s v="REV"/>
    <s v="974"/>
    <s v="GLBATCH"/>
    <n v="4"/>
    <n v="2016"/>
  </r>
  <r>
    <s v="110"/>
    <d v="2016-04-15T00:00:00"/>
    <x v="6"/>
    <x v="0"/>
    <s v="10828"/>
    <s v="GLNANDA"/>
    <n v="0"/>
    <n v="21"/>
    <s v="Billed Revenues"/>
    <s v="EXV"/>
    <s v="NONBU"/>
    <s v="G0000110"/>
    <s v="N"/>
    <s v="MACSS Dist Billed Revenue-03"/>
    <s v=""/>
    <x v="0"/>
    <s v="CAD0330331"/>
    <s v="S"/>
    <s v="KY"/>
    <s v="REV"/>
    <s v="974"/>
    <s v="GLBATCH"/>
    <n v="4"/>
    <n v="2016"/>
  </r>
  <r>
    <s v="110"/>
    <d v="2016-04-15T00:00:00"/>
    <x v="7"/>
    <x v="0"/>
    <s v="10828"/>
    <s v="GLNANDA"/>
    <n v="-51060.63"/>
    <n v="-438997"/>
    <s v="Billed Revenues"/>
    <s v="EXV"/>
    <s v="NONBU"/>
    <s v="G0000110"/>
    <s v="N"/>
    <s v="MACSS Dist Billed Revenue-03"/>
    <s v=""/>
    <x v="0"/>
    <s v="CAD0330331"/>
    <s v="S"/>
    <s v="KY"/>
    <s v="REV"/>
    <s v="974"/>
    <s v="GLBATCH"/>
    <n v="4"/>
    <n v="2016"/>
  </r>
  <r>
    <s v="110"/>
    <d v="2016-04-15T00:00:00"/>
    <x v="7"/>
    <x v="0"/>
    <s v="10828"/>
    <s v="GLNANDA"/>
    <n v="0"/>
    <n v="16"/>
    <s v="Billed Revenues"/>
    <s v="EXV"/>
    <s v="NONBU"/>
    <s v="G0000110"/>
    <s v="N"/>
    <s v="MACSS Dist Billed Revenue-03"/>
    <s v=""/>
    <x v="0"/>
    <s v="CAD0330331"/>
    <s v="S"/>
    <s v="KY"/>
    <s v="REV"/>
    <s v="974"/>
    <s v="GLBATCH"/>
    <n v="4"/>
    <n v="2016"/>
  </r>
  <r>
    <s v="110"/>
    <d v="2016-04-15T00:00:00"/>
    <x v="5"/>
    <x v="0"/>
    <s v="10828"/>
    <s v="GLNANDA"/>
    <n v="-64671.360000000001"/>
    <n v="-526426"/>
    <s v="Billed Revenues"/>
    <s v="EXV"/>
    <s v="NONBU"/>
    <s v="G0000110"/>
    <s v="N"/>
    <s v="MACSS Dist Billed Revenue-03"/>
    <s v=""/>
    <x v="0"/>
    <s v="CAD0330331"/>
    <s v="S"/>
    <s v="KY"/>
    <s v="REV"/>
    <s v="974"/>
    <s v="GLBATCH"/>
    <n v="4"/>
    <n v="2016"/>
  </r>
  <r>
    <s v="110"/>
    <d v="2016-04-15T00:00:00"/>
    <x v="5"/>
    <x v="0"/>
    <s v="10828"/>
    <s v="GLNANDA"/>
    <n v="0"/>
    <n v="131"/>
    <s v="Billed Revenues"/>
    <s v="EXV"/>
    <s v="NONBU"/>
    <s v="G0000110"/>
    <s v="N"/>
    <s v="MACSS Dist Billed Revenue-03"/>
    <s v=""/>
    <x v="0"/>
    <s v="CAD0330331"/>
    <s v="S"/>
    <s v="KY"/>
    <s v="REV"/>
    <s v="974"/>
    <s v="GLBATCH"/>
    <n v="4"/>
    <n v="2016"/>
  </r>
  <r>
    <s v="110"/>
    <d v="2016-04-15T00:00:00"/>
    <x v="3"/>
    <x v="0"/>
    <s v="10828"/>
    <s v="GLNANDA"/>
    <n v="-3090.32"/>
    <n v="-24951"/>
    <s v="Billed Revenues"/>
    <s v="EXV"/>
    <s v="NONBU"/>
    <s v="G0000110"/>
    <s v="N"/>
    <s v="MACSS Dist Billed Revenue-03"/>
    <s v=""/>
    <x v="0"/>
    <s v="CAD0330331"/>
    <s v="S"/>
    <s v="KY"/>
    <s v="REV"/>
    <s v="974"/>
    <s v="GLBATCH"/>
    <n v="4"/>
    <n v="2016"/>
  </r>
  <r>
    <s v="110"/>
    <d v="2016-04-15T00:00:00"/>
    <x v="3"/>
    <x v="0"/>
    <s v="10828"/>
    <s v="GLNANDA"/>
    <n v="0"/>
    <n v="6"/>
    <s v="Billed Revenues"/>
    <s v="EXV"/>
    <s v="NONBU"/>
    <s v="G0000110"/>
    <s v="N"/>
    <s v="MACSS Dist Billed Revenue-03"/>
    <s v=""/>
    <x v="0"/>
    <s v="CAD0330331"/>
    <s v="S"/>
    <s v="KY"/>
    <s v="REV"/>
    <s v="974"/>
    <s v="GLBATCH"/>
    <n v="4"/>
    <n v="2016"/>
  </r>
  <r>
    <s v="110"/>
    <d v="2016-04-15T00:00:00"/>
    <x v="2"/>
    <x v="0"/>
    <s v="10828"/>
    <s v="GLNANDA"/>
    <n v="-628634.43999999994"/>
    <n v="-4966883"/>
    <s v="Billed Revenues"/>
    <s v="EXV"/>
    <s v="NONBU"/>
    <s v="G0000110"/>
    <s v="N"/>
    <s v="MACSS Dist Billed Revenue-03"/>
    <s v=""/>
    <x v="0"/>
    <s v="CAD0330331"/>
    <s v="S"/>
    <s v="KY"/>
    <s v="REV"/>
    <s v="974"/>
    <s v="GLBATCH"/>
    <n v="4"/>
    <n v="2016"/>
  </r>
  <r>
    <s v="110"/>
    <d v="2016-04-15T00:00:00"/>
    <x v="2"/>
    <x v="0"/>
    <s v="10828"/>
    <s v="GLNANDA"/>
    <n v="0"/>
    <n v="1582"/>
    <s v="Billed Revenues"/>
    <s v="EXV"/>
    <s v="NONBU"/>
    <s v="G0000110"/>
    <s v="N"/>
    <s v="MACSS Dist Billed Revenue-03"/>
    <s v=""/>
    <x v="0"/>
    <s v="CAD0330331"/>
    <s v="S"/>
    <s v="KY"/>
    <s v="REV"/>
    <s v="974"/>
    <s v="GLBATCH"/>
    <n v="4"/>
    <n v="2016"/>
  </r>
  <r>
    <s v="110"/>
    <d v="2016-03-15T00:00:00"/>
    <x v="5"/>
    <x v="0"/>
    <s v="10828"/>
    <s v="GLNANDA"/>
    <n v="0"/>
    <n v="4"/>
    <s v="Billed Revenues"/>
    <s v="EXV"/>
    <s v="NONBU"/>
    <s v="G0000110"/>
    <s v="N"/>
    <s v="MACSS Dist Billed Revenue-03"/>
    <s v=""/>
    <x v="0"/>
    <s v="CAD0330331"/>
    <s v="S"/>
    <s v="KY"/>
    <s v="REV"/>
    <s v="974"/>
    <s v="GLBATCH"/>
    <n v="3"/>
    <n v="2016"/>
  </r>
  <r>
    <s v="110"/>
    <d v="2016-03-15T00:00:00"/>
    <x v="2"/>
    <x v="0"/>
    <s v="10828"/>
    <s v="GLNANDA"/>
    <n v="-20657.75"/>
    <n v="-167961"/>
    <s v="Billed Revenues"/>
    <s v="EXV"/>
    <s v="NONBU"/>
    <s v="G0000110"/>
    <s v="N"/>
    <s v="MACSS Dist Billed Revenue-03"/>
    <s v=""/>
    <x v="0"/>
    <s v="CAD0330331"/>
    <s v="S"/>
    <s v="KY"/>
    <s v="REV"/>
    <s v="974"/>
    <s v="GLBATCH"/>
    <n v="3"/>
    <n v="2016"/>
  </r>
  <r>
    <s v="110"/>
    <d v="2016-03-15T00:00:00"/>
    <x v="4"/>
    <x v="0"/>
    <s v="10828"/>
    <s v="GLNANDA"/>
    <n v="-6781.12"/>
    <n v="-59340"/>
    <s v="Billed Revenues"/>
    <s v="EXV"/>
    <s v="NONBU"/>
    <s v="G0000110"/>
    <s v="N"/>
    <s v="MACSS Dist Billed Revenue-03"/>
    <s v=""/>
    <x v="0"/>
    <s v="CAD0330331"/>
    <s v="S"/>
    <s v="KY"/>
    <s v="REV"/>
    <s v="974"/>
    <s v="GLBATCH"/>
    <n v="3"/>
    <n v="2016"/>
  </r>
  <r>
    <s v="110"/>
    <d v="2016-03-15T00:00:00"/>
    <x v="6"/>
    <x v="0"/>
    <s v="10828"/>
    <s v="GLNANDA"/>
    <n v="-129747.07"/>
    <n v="-733857"/>
    <s v="Billed Revenues"/>
    <s v="EXV"/>
    <s v="NONBU"/>
    <s v="G0000110"/>
    <s v="N"/>
    <s v="MACSS Dist Billed Revenue-03"/>
    <s v=""/>
    <x v="0"/>
    <s v="CAD0330331"/>
    <s v="S"/>
    <s v="KY"/>
    <s v="REV"/>
    <s v="974"/>
    <s v="GLBATCH"/>
    <n v="3"/>
    <n v="2016"/>
  </r>
  <r>
    <s v="110"/>
    <d v="2016-03-15T00:00:00"/>
    <x v="1"/>
    <x v="0"/>
    <s v="10828"/>
    <s v="GLNANDA"/>
    <n v="-2182.06"/>
    <n v="-18040"/>
    <s v="Billed Revenues"/>
    <s v="EXV"/>
    <s v="NONBU"/>
    <s v="G0000110"/>
    <s v="N"/>
    <s v="MACSS Dist Billed Revenue-03"/>
    <s v=""/>
    <x v="0"/>
    <s v="CAD0330331"/>
    <s v="S"/>
    <s v="KY"/>
    <s v="REV"/>
    <s v="974"/>
    <s v="GLBATCH"/>
    <n v="3"/>
    <n v="2016"/>
  </r>
  <r>
    <s v="110"/>
    <d v="2016-03-15T00:00:00"/>
    <x v="0"/>
    <x v="0"/>
    <s v="10828"/>
    <s v="GLNANDA"/>
    <n v="0"/>
    <n v="15"/>
    <s v="Billed Revenues"/>
    <s v="EXV"/>
    <s v="NONBU"/>
    <s v="G0000110"/>
    <s v="N"/>
    <s v="MACSS Dist Billed Revenue-03"/>
    <s v=""/>
    <x v="0"/>
    <s v="CAD0330331"/>
    <s v="S"/>
    <s v="KY"/>
    <s v="REV"/>
    <s v="974"/>
    <s v="GLBATCH"/>
    <n v="3"/>
    <n v="2016"/>
  </r>
  <r>
    <s v="110"/>
    <d v="2016-03-15T00:00:00"/>
    <x v="0"/>
    <x v="0"/>
    <s v="10828"/>
    <s v="GLNANDA"/>
    <n v="-635970.30000000005"/>
    <n v="-11864706"/>
    <s v="Billed Revenues"/>
    <s v="EXV"/>
    <s v="NONBU"/>
    <s v="G0000110"/>
    <s v="N"/>
    <s v="MACSS Dist Billed Revenue-03"/>
    <s v=""/>
    <x v="0"/>
    <s v="CAD0330331"/>
    <s v="S"/>
    <s v="KY"/>
    <s v="REV"/>
    <s v="974"/>
    <s v="GLBATCH"/>
    <n v="3"/>
    <n v="2016"/>
  </r>
  <r>
    <s v="110"/>
    <d v="2016-03-15T00:00:00"/>
    <x v="2"/>
    <x v="0"/>
    <s v="10828"/>
    <s v="GLNANDA"/>
    <n v="0"/>
    <n v="54"/>
    <s v="Billed Revenues"/>
    <s v="EXV"/>
    <s v="NONBU"/>
    <s v="G0000110"/>
    <s v="N"/>
    <s v="MACSS Dist Billed Revenue-03"/>
    <s v=""/>
    <x v="0"/>
    <s v="CAD0330331"/>
    <s v="S"/>
    <s v="KY"/>
    <s v="REV"/>
    <s v="974"/>
    <s v="GLBATCH"/>
    <n v="3"/>
    <n v="2016"/>
  </r>
  <r>
    <s v="110"/>
    <d v="2016-03-15T00:00:00"/>
    <x v="4"/>
    <x v="0"/>
    <s v="10828"/>
    <s v="GLNANDA"/>
    <n v="0"/>
    <n v="64"/>
    <s v="Billed Revenues"/>
    <s v="EXV"/>
    <s v="NONBU"/>
    <s v="G0000110"/>
    <s v="N"/>
    <s v="MACSS Dist Billed Revenue-03"/>
    <s v=""/>
    <x v="0"/>
    <s v="CAD0330331"/>
    <s v="S"/>
    <s v="KY"/>
    <s v="REV"/>
    <s v="974"/>
    <s v="GLBATCH"/>
    <n v="3"/>
    <n v="2016"/>
  </r>
  <r>
    <s v="110"/>
    <d v="2016-03-15T00:00:00"/>
    <x v="3"/>
    <x v="0"/>
    <s v="10828"/>
    <s v="GLNANDA"/>
    <n v="17385.82"/>
    <n v="-254353"/>
    <s v="Billed Revenues"/>
    <s v="EXV"/>
    <s v="NONBU"/>
    <s v="G0000110"/>
    <s v="N"/>
    <s v="MACSS Dist Billed Revenue-03"/>
    <s v=""/>
    <x v="0"/>
    <s v="CAD0330331"/>
    <s v="S"/>
    <s v="KY"/>
    <s v="REV"/>
    <s v="974"/>
    <s v="GLBATCH"/>
    <n v="3"/>
    <n v="2016"/>
  </r>
  <r>
    <s v="110"/>
    <d v="2016-03-15T00:00:00"/>
    <x v="3"/>
    <x v="0"/>
    <s v="10828"/>
    <s v="GLNANDA"/>
    <n v="0"/>
    <n v="8"/>
    <s v="Billed Revenues"/>
    <s v="EXV"/>
    <s v="NONBU"/>
    <s v="G0000110"/>
    <s v="N"/>
    <s v="MACSS Dist Billed Revenue-03"/>
    <s v=""/>
    <x v="0"/>
    <s v="CAD0330331"/>
    <s v="S"/>
    <s v="KY"/>
    <s v="REV"/>
    <s v="974"/>
    <s v="GLBATCH"/>
    <n v="3"/>
    <n v="2016"/>
  </r>
  <r>
    <s v="110"/>
    <d v="2016-03-15T00:00:00"/>
    <x v="7"/>
    <x v="0"/>
    <s v="10828"/>
    <s v="GLNANDA"/>
    <n v="-1093.06"/>
    <n v="-3640"/>
    <s v="Billed Revenues"/>
    <s v="EXV"/>
    <s v="NONBU"/>
    <s v="G0000110"/>
    <s v="N"/>
    <s v="MACSS Dist Billed Revenue-03"/>
    <s v=""/>
    <x v="0"/>
    <s v="CAD0330331"/>
    <s v="S"/>
    <s v="KY"/>
    <s v="REV"/>
    <s v="974"/>
    <s v="GLBATCH"/>
    <n v="3"/>
    <n v="2016"/>
  </r>
  <r>
    <s v="110"/>
    <d v="2016-03-15T00:00:00"/>
    <x v="7"/>
    <x v="0"/>
    <s v="10828"/>
    <s v="GLNANDA"/>
    <n v="0"/>
    <n v="2"/>
    <s v="Billed Revenues"/>
    <s v="EXV"/>
    <s v="NONBU"/>
    <s v="G0000110"/>
    <s v="N"/>
    <s v="MACSS Dist Billed Revenue-03"/>
    <s v=""/>
    <x v="0"/>
    <s v="CAD0330331"/>
    <s v="S"/>
    <s v="KY"/>
    <s v="REV"/>
    <s v="974"/>
    <s v="GLBATCH"/>
    <n v="3"/>
    <n v="2016"/>
  </r>
  <r>
    <s v="110"/>
    <d v="2016-03-15T00:00:00"/>
    <x v="6"/>
    <x v="0"/>
    <s v="10828"/>
    <s v="GLNANDA"/>
    <n v="0"/>
    <n v="52"/>
    <s v="Billed Revenues"/>
    <s v="EXV"/>
    <s v="NONBU"/>
    <s v="G0000110"/>
    <s v="N"/>
    <s v="MACSS Dist Billed Revenue-03"/>
    <s v=""/>
    <x v="0"/>
    <s v="CAD0330331"/>
    <s v="S"/>
    <s v="KY"/>
    <s v="REV"/>
    <s v="974"/>
    <s v="GLBATCH"/>
    <n v="3"/>
    <n v="2016"/>
  </r>
  <r>
    <s v="110"/>
    <d v="2016-03-15T00:00:00"/>
    <x v="1"/>
    <x v="0"/>
    <s v="10828"/>
    <s v="GLNANDA"/>
    <n v="0"/>
    <n v="30"/>
    <s v="Billed Revenues"/>
    <s v="EXV"/>
    <s v="NONBU"/>
    <s v="G0000110"/>
    <s v="N"/>
    <s v="MACSS Dist Billed Revenue-03"/>
    <s v=""/>
    <x v="0"/>
    <s v="CAD0330331"/>
    <s v="S"/>
    <s v="KY"/>
    <s v="REV"/>
    <s v="974"/>
    <s v="GLBATCH"/>
    <n v="3"/>
    <n v="2016"/>
  </r>
  <r>
    <s v="110"/>
    <d v="2016-03-15T00:00:00"/>
    <x v="5"/>
    <x v="0"/>
    <s v="10828"/>
    <s v="GLNANDA"/>
    <n v="-492.52"/>
    <n v="-3279"/>
    <s v="Billed Revenues"/>
    <s v="EXV"/>
    <s v="NONBU"/>
    <s v="G0000110"/>
    <s v="N"/>
    <s v="MACSS Dist Billed Revenue-03"/>
    <s v=""/>
    <x v="0"/>
    <s v="CAD0330331"/>
    <s v="S"/>
    <s v="KY"/>
    <s v="REV"/>
    <s v="974"/>
    <s v="GLBATCH"/>
    <n v="3"/>
    <n v="2016"/>
  </r>
  <r>
    <s v="110"/>
    <d v="2016-04-15T00:00:00"/>
    <x v="4"/>
    <x v="0"/>
    <s v="10828"/>
    <s v="GLNANDA"/>
    <n v="0"/>
    <n v="4730"/>
    <s v="Billed Revenues"/>
    <s v="EXV"/>
    <s v="NONBU"/>
    <s v="G0000110"/>
    <s v="N"/>
    <s v="MACSS Dist Billed Revenue-03"/>
    <s v=""/>
    <x v="0"/>
    <s v="CAD0330401"/>
    <s v="S"/>
    <s v="KY"/>
    <s v="REV"/>
    <s v="974"/>
    <s v="GLBATCH"/>
    <n v="4"/>
    <n v="2016"/>
  </r>
  <r>
    <s v="110"/>
    <d v="2016-04-15T00:00:00"/>
    <x v="1"/>
    <x v="0"/>
    <s v="10828"/>
    <s v="GLNANDA"/>
    <n v="-293313.59999999998"/>
    <n v="-2460058"/>
    <s v="Billed Revenues"/>
    <s v="EXV"/>
    <s v="NONBU"/>
    <s v="G0000110"/>
    <s v="N"/>
    <s v="MACSS Dist Billed Revenue-03"/>
    <s v=""/>
    <x v="0"/>
    <s v="CAD0330401"/>
    <s v="S"/>
    <s v="KY"/>
    <s v="REV"/>
    <s v="974"/>
    <s v="GLBATCH"/>
    <n v="4"/>
    <n v="2016"/>
  </r>
  <r>
    <s v="110"/>
    <d v="2016-04-15T00:00:00"/>
    <x v="5"/>
    <x v="0"/>
    <s v="10828"/>
    <s v="GLNANDA"/>
    <n v="0"/>
    <n v="73"/>
    <s v="Billed Revenues"/>
    <s v="EXV"/>
    <s v="NONBU"/>
    <s v="G0000110"/>
    <s v="N"/>
    <s v="MACSS Dist Billed Revenue-03"/>
    <s v=""/>
    <x v="0"/>
    <s v="CAD0330401"/>
    <s v="S"/>
    <s v="KY"/>
    <s v="REV"/>
    <s v="974"/>
    <s v="GLBATCH"/>
    <n v="4"/>
    <n v="2016"/>
  </r>
  <r>
    <s v="110"/>
    <d v="2016-04-15T00:00:00"/>
    <x v="6"/>
    <x v="0"/>
    <s v="10828"/>
    <s v="GLNANDA"/>
    <n v="-1050.8499999999999"/>
    <n v="-7156"/>
    <s v="Billed Revenues"/>
    <s v="EXV"/>
    <s v="NONBU"/>
    <s v="G0000110"/>
    <s v="N"/>
    <s v="MACSS Dist Billed Revenue-03"/>
    <s v=""/>
    <x v="0"/>
    <s v="CAD0330401"/>
    <s v="S"/>
    <s v="KY"/>
    <s v="REV"/>
    <s v="974"/>
    <s v="GLBATCH"/>
    <n v="4"/>
    <n v="2016"/>
  </r>
  <r>
    <s v="110"/>
    <d v="2016-04-15T00:00:00"/>
    <x v="6"/>
    <x v="0"/>
    <s v="10828"/>
    <s v="GLNANDA"/>
    <n v="0"/>
    <n v="9"/>
    <s v="Billed Revenues"/>
    <s v="EXV"/>
    <s v="NONBU"/>
    <s v="G0000110"/>
    <s v="N"/>
    <s v="MACSS Dist Billed Revenue-03"/>
    <s v=""/>
    <x v="0"/>
    <s v="CAD0330401"/>
    <s v="S"/>
    <s v="KY"/>
    <s v="REV"/>
    <s v="974"/>
    <s v="GLBATCH"/>
    <n v="4"/>
    <n v="2016"/>
  </r>
  <r>
    <s v="110"/>
    <d v="2016-04-15T00:00:00"/>
    <x v="2"/>
    <x v="0"/>
    <s v="10828"/>
    <s v="GLNANDA"/>
    <n v="-197498.99"/>
    <n v="-1546175"/>
    <s v="Billed Revenues"/>
    <s v="EXV"/>
    <s v="NONBU"/>
    <s v="G0000110"/>
    <s v="N"/>
    <s v="MACSS Dist Billed Revenue-03"/>
    <s v=""/>
    <x v="0"/>
    <s v="CAD0330401"/>
    <s v="S"/>
    <s v="KY"/>
    <s v="REV"/>
    <s v="974"/>
    <s v="GLBATCH"/>
    <n v="4"/>
    <n v="2016"/>
  </r>
  <r>
    <s v="110"/>
    <d v="2016-04-15T00:00:00"/>
    <x v="2"/>
    <x v="0"/>
    <s v="10828"/>
    <s v="GLNANDA"/>
    <n v="0"/>
    <n v="1055"/>
    <s v="Billed Revenues"/>
    <s v="EXV"/>
    <s v="NONBU"/>
    <s v="G0000110"/>
    <s v="N"/>
    <s v="MACSS Dist Billed Revenue-03"/>
    <s v=""/>
    <x v="0"/>
    <s v="CAD0330401"/>
    <s v="S"/>
    <s v="KY"/>
    <s v="REV"/>
    <s v="974"/>
    <s v="GLBATCH"/>
    <n v="4"/>
    <n v="2016"/>
  </r>
  <r>
    <s v="110"/>
    <d v="2016-04-15T00:00:00"/>
    <x v="3"/>
    <x v="0"/>
    <s v="10828"/>
    <s v="GLNANDA"/>
    <n v="-16551.45"/>
    <n v="-153963"/>
    <s v="Billed Revenues"/>
    <s v="EXV"/>
    <s v="NONBU"/>
    <s v="G0000110"/>
    <s v="N"/>
    <s v="MACSS Dist Billed Revenue-03"/>
    <s v=""/>
    <x v="0"/>
    <s v="CAD0330401"/>
    <s v="S"/>
    <s v="KY"/>
    <s v="REV"/>
    <s v="974"/>
    <s v="GLBATCH"/>
    <n v="4"/>
    <n v="2016"/>
  </r>
  <r>
    <s v="110"/>
    <d v="2016-04-15T00:00:00"/>
    <x v="3"/>
    <x v="0"/>
    <s v="10828"/>
    <s v="GLNANDA"/>
    <n v="0"/>
    <n v="10"/>
    <s v="Billed Revenues"/>
    <s v="EXV"/>
    <s v="NONBU"/>
    <s v="G0000110"/>
    <s v="N"/>
    <s v="MACSS Dist Billed Revenue-03"/>
    <s v=""/>
    <x v="0"/>
    <s v="CAD0330401"/>
    <s v="S"/>
    <s v="KY"/>
    <s v="REV"/>
    <s v="974"/>
    <s v="GLBATCH"/>
    <n v="4"/>
    <n v="2016"/>
  </r>
  <r>
    <s v="110"/>
    <d v="2016-04-15T00:00:00"/>
    <x v="7"/>
    <x v="0"/>
    <s v="10828"/>
    <s v="GLNANDA"/>
    <n v="-43027.15"/>
    <n v="-353559"/>
    <s v="Billed Revenues"/>
    <s v="EXV"/>
    <s v="NONBU"/>
    <s v="G0000110"/>
    <s v="N"/>
    <s v="MACSS Dist Billed Revenue-03"/>
    <s v=""/>
    <x v="0"/>
    <s v="CAD0330401"/>
    <s v="S"/>
    <s v="KY"/>
    <s v="REV"/>
    <s v="974"/>
    <s v="GLBATCH"/>
    <n v="4"/>
    <n v="2016"/>
  </r>
  <r>
    <s v="110"/>
    <d v="2016-04-15T00:00:00"/>
    <x v="7"/>
    <x v="0"/>
    <s v="10828"/>
    <s v="GLNANDA"/>
    <n v="0"/>
    <n v="22"/>
    <s v="Billed Revenues"/>
    <s v="EXV"/>
    <s v="NONBU"/>
    <s v="G0000110"/>
    <s v="N"/>
    <s v="MACSS Dist Billed Revenue-03"/>
    <s v=""/>
    <x v="0"/>
    <s v="CAD0330401"/>
    <s v="S"/>
    <s v="KY"/>
    <s v="REV"/>
    <s v="974"/>
    <s v="GLBATCH"/>
    <n v="4"/>
    <n v="2016"/>
  </r>
  <r>
    <s v="110"/>
    <d v="2016-04-15T00:00:00"/>
    <x v="0"/>
    <x v="0"/>
    <s v="10828"/>
    <s v="GLNANDA"/>
    <n v="-14299.21"/>
    <n v="-108022"/>
    <s v="Billed Revenues"/>
    <s v="EXV"/>
    <s v="NONBU"/>
    <s v="G0000110"/>
    <s v="N"/>
    <s v="MACSS Dist Billed Revenue-03"/>
    <s v=""/>
    <x v="0"/>
    <s v="CAD0330401"/>
    <s v="S"/>
    <s v="KY"/>
    <s v="REV"/>
    <s v="974"/>
    <s v="GLBATCH"/>
    <n v="4"/>
    <n v="2016"/>
  </r>
  <r>
    <s v="110"/>
    <d v="2016-04-15T00:00:00"/>
    <x v="0"/>
    <x v="0"/>
    <s v="10828"/>
    <s v="GLNANDA"/>
    <n v="0"/>
    <n v="70"/>
    <s v="Billed Revenues"/>
    <s v="EXV"/>
    <s v="NONBU"/>
    <s v="G0000110"/>
    <s v="N"/>
    <s v="MACSS Dist Billed Revenue-03"/>
    <s v=""/>
    <x v="0"/>
    <s v="CAD0330401"/>
    <s v="S"/>
    <s v="KY"/>
    <s v="REV"/>
    <s v="974"/>
    <s v="GLBATCH"/>
    <n v="4"/>
    <n v="2016"/>
  </r>
  <r>
    <s v="110"/>
    <d v="2016-04-15T00:00:00"/>
    <x v="4"/>
    <x v="0"/>
    <s v="10828"/>
    <s v="GLNANDA"/>
    <n v="-676418.67"/>
    <n v="-5960369"/>
    <s v="Billed Revenues"/>
    <s v="EXV"/>
    <s v="NONBU"/>
    <s v="G0000110"/>
    <s v="N"/>
    <s v="MACSS Dist Billed Revenue-03"/>
    <s v=""/>
    <x v="0"/>
    <s v="CAD0330401"/>
    <s v="S"/>
    <s v="KY"/>
    <s v="REV"/>
    <s v="974"/>
    <s v="GLBATCH"/>
    <n v="4"/>
    <n v="2016"/>
  </r>
  <r>
    <s v="110"/>
    <d v="2016-04-15T00:00:00"/>
    <x v="1"/>
    <x v="0"/>
    <s v="10828"/>
    <s v="GLNANDA"/>
    <n v="0"/>
    <n v="2885"/>
    <s v="Billed Revenues"/>
    <s v="EXV"/>
    <s v="NONBU"/>
    <s v="G0000110"/>
    <s v="N"/>
    <s v="MACSS Dist Billed Revenue-03"/>
    <s v=""/>
    <x v="0"/>
    <s v="CAD0330401"/>
    <s v="S"/>
    <s v="KY"/>
    <s v="REV"/>
    <s v="974"/>
    <s v="GLBATCH"/>
    <n v="4"/>
    <n v="2016"/>
  </r>
  <r>
    <s v="110"/>
    <d v="2016-04-15T00:00:00"/>
    <x v="5"/>
    <x v="0"/>
    <s v="10828"/>
    <s v="GLNANDA"/>
    <n v="-28825.5"/>
    <n v="-235671"/>
    <s v="Billed Revenues"/>
    <s v="EXV"/>
    <s v="NONBU"/>
    <s v="G0000110"/>
    <s v="N"/>
    <s v="MACSS Dist Billed Revenue-03"/>
    <s v=""/>
    <x v="0"/>
    <s v="CAD0330401"/>
    <s v="S"/>
    <s v="KY"/>
    <s v="REV"/>
    <s v="974"/>
    <s v="GLBATCH"/>
    <n v="4"/>
    <n v="2016"/>
  </r>
  <r>
    <s v="110"/>
    <d v="2016-03-15T00:00:00"/>
    <x v="5"/>
    <x v="0"/>
    <s v="10828"/>
    <s v="GLNANDA"/>
    <n v="0"/>
    <n v="2"/>
    <s v="Billed Revenues"/>
    <s v="EXV"/>
    <s v="NONBU"/>
    <s v="G0000110"/>
    <s v="N"/>
    <s v="MACSS Dist Billed Revenue-03"/>
    <s v=""/>
    <x v="0"/>
    <s v="CAD0330401"/>
    <s v="S"/>
    <s v="KY"/>
    <s v="REV"/>
    <s v="974"/>
    <s v="GLBATCH"/>
    <n v="3"/>
    <n v="2016"/>
  </r>
  <r>
    <s v="110"/>
    <d v="2016-03-15T00:00:00"/>
    <x v="3"/>
    <x v="0"/>
    <s v="10828"/>
    <s v="GLNANDA"/>
    <n v="10042.530000000001"/>
    <n v="-10641"/>
    <s v="Billed Revenues"/>
    <s v="EXV"/>
    <s v="NONBU"/>
    <s v="G0000110"/>
    <s v="N"/>
    <s v="MACSS Dist Billed Revenue-03"/>
    <s v=""/>
    <x v="0"/>
    <s v="CAD0330401"/>
    <s v="S"/>
    <s v="KY"/>
    <s v="REV"/>
    <s v="974"/>
    <s v="GLBATCH"/>
    <n v="3"/>
    <n v="2016"/>
  </r>
  <r>
    <s v="110"/>
    <d v="2016-03-15T00:00:00"/>
    <x v="3"/>
    <x v="0"/>
    <s v="10828"/>
    <s v="GLNANDA"/>
    <n v="0"/>
    <n v="2"/>
    <s v="Billed Revenues"/>
    <s v="EXV"/>
    <s v="NONBU"/>
    <s v="G0000110"/>
    <s v="N"/>
    <s v="MACSS Dist Billed Revenue-03"/>
    <s v=""/>
    <x v="0"/>
    <s v="CAD0330401"/>
    <s v="S"/>
    <s v="KY"/>
    <s v="REV"/>
    <s v="974"/>
    <s v="GLBATCH"/>
    <n v="3"/>
    <n v="2016"/>
  </r>
  <r>
    <s v="110"/>
    <d v="2016-03-15T00:00:00"/>
    <x v="7"/>
    <x v="0"/>
    <s v="10828"/>
    <s v="GLNANDA"/>
    <n v="-40.92"/>
    <n v="0"/>
    <s v="Billed Revenues"/>
    <s v="EXV"/>
    <s v="NONBU"/>
    <s v="G0000110"/>
    <s v="N"/>
    <s v="MACSS Dist Billed Revenue-03"/>
    <s v=""/>
    <x v="0"/>
    <s v="CAD0330401"/>
    <s v="S"/>
    <s v="KY"/>
    <s v="REV"/>
    <s v="974"/>
    <s v="GLBATCH"/>
    <n v="3"/>
    <n v="2016"/>
  </r>
  <r>
    <s v="110"/>
    <d v="2016-03-15T00:00:00"/>
    <x v="7"/>
    <x v="0"/>
    <s v="10828"/>
    <s v="GLNANDA"/>
    <n v="0"/>
    <n v="2"/>
    <s v="Billed Revenues"/>
    <s v="EXV"/>
    <s v="NONBU"/>
    <s v="G0000110"/>
    <s v="N"/>
    <s v="MACSS Dist Billed Revenue-03"/>
    <s v=""/>
    <x v="0"/>
    <s v="CAD0330401"/>
    <s v="S"/>
    <s v="KY"/>
    <s v="REV"/>
    <s v="974"/>
    <s v="GLBATCH"/>
    <n v="3"/>
    <n v="2016"/>
  </r>
  <r>
    <s v="110"/>
    <d v="2016-03-15T00:00:00"/>
    <x v="2"/>
    <x v="0"/>
    <s v="10828"/>
    <s v="GLNANDA"/>
    <n v="-6221.15"/>
    <n v="-68326"/>
    <s v="Billed Revenues"/>
    <s v="EXV"/>
    <s v="NONBU"/>
    <s v="G0000110"/>
    <s v="N"/>
    <s v="MACSS Dist Billed Revenue-03"/>
    <s v=""/>
    <x v="0"/>
    <s v="CAD0330401"/>
    <s v="S"/>
    <s v="KY"/>
    <s v="REV"/>
    <s v="974"/>
    <s v="GLBATCH"/>
    <n v="3"/>
    <n v="2016"/>
  </r>
  <r>
    <s v="110"/>
    <d v="2016-03-15T00:00:00"/>
    <x v="2"/>
    <x v="0"/>
    <s v="10828"/>
    <s v="GLNANDA"/>
    <n v="0"/>
    <n v="24"/>
    <s v="Billed Revenues"/>
    <s v="EXV"/>
    <s v="NONBU"/>
    <s v="G0000110"/>
    <s v="N"/>
    <s v="MACSS Dist Billed Revenue-03"/>
    <s v=""/>
    <x v="0"/>
    <s v="CAD0330401"/>
    <s v="S"/>
    <s v="KY"/>
    <s v="REV"/>
    <s v="974"/>
    <s v="GLBATCH"/>
    <n v="3"/>
    <n v="2016"/>
  </r>
  <r>
    <s v="110"/>
    <d v="2016-03-15T00:00:00"/>
    <x v="0"/>
    <x v="0"/>
    <s v="10828"/>
    <s v="GLNANDA"/>
    <n v="-6038548.7599999998"/>
    <n v="-107538648"/>
    <s v="Billed Revenues"/>
    <s v="EXV"/>
    <s v="NONBU"/>
    <s v="G0000110"/>
    <s v="N"/>
    <s v="MACSS Dist Billed Revenue-03"/>
    <s v=""/>
    <x v="0"/>
    <s v="CAD0330401"/>
    <s v="S"/>
    <s v="KY"/>
    <s v="REV"/>
    <s v="974"/>
    <s v="GLBATCH"/>
    <n v="3"/>
    <n v="2016"/>
  </r>
  <r>
    <s v="110"/>
    <d v="2016-03-15T00:00:00"/>
    <x v="0"/>
    <x v="0"/>
    <s v="10828"/>
    <s v="GLNANDA"/>
    <n v="0"/>
    <n v="7"/>
    <s v="Billed Revenues"/>
    <s v="EXV"/>
    <s v="NONBU"/>
    <s v="G0000110"/>
    <s v="N"/>
    <s v="MACSS Dist Billed Revenue-03"/>
    <s v=""/>
    <x v="0"/>
    <s v="CAD0330401"/>
    <s v="S"/>
    <s v="KY"/>
    <s v="REV"/>
    <s v="974"/>
    <s v="GLBATCH"/>
    <n v="3"/>
    <n v="2016"/>
  </r>
  <r>
    <s v="110"/>
    <d v="2016-03-15T00:00:00"/>
    <x v="4"/>
    <x v="0"/>
    <s v="10828"/>
    <s v="GLNANDA"/>
    <n v="-1354.4"/>
    <n v="-10885"/>
    <s v="Billed Revenues"/>
    <s v="EXV"/>
    <s v="NONBU"/>
    <s v="G0000110"/>
    <s v="N"/>
    <s v="MACSS Dist Billed Revenue-03"/>
    <s v=""/>
    <x v="0"/>
    <s v="CAD0330401"/>
    <s v="S"/>
    <s v="KY"/>
    <s v="REV"/>
    <s v="974"/>
    <s v="GLBATCH"/>
    <n v="3"/>
    <n v="2016"/>
  </r>
  <r>
    <s v="110"/>
    <d v="2016-03-15T00:00:00"/>
    <x v="4"/>
    <x v="0"/>
    <s v="10828"/>
    <s v="GLNANDA"/>
    <n v="0"/>
    <n v="20"/>
    <s v="Billed Revenues"/>
    <s v="EXV"/>
    <s v="NONBU"/>
    <s v="G0000110"/>
    <s v="N"/>
    <s v="MACSS Dist Billed Revenue-03"/>
    <s v=""/>
    <x v="0"/>
    <s v="CAD0330401"/>
    <s v="S"/>
    <s v="KY"/>
    <s v="REV"/>
    <s v="974"/>
    <s v="GLBATCH"/>
    <n v="3"/>
    <n v="2016"/>
  </r>
  <r>
    <s v="110"/>
    <d v="2016-03-15T00:00:00"/>
    <x v="5"/>
    <x v="0"/>
    <s v="10828"/>
    <s v="GLNANDA"/>
    <n v="-515.64"/>
    <n v="-4376"/>
    <s v="Billed Revenues"/>
    <s v="EXV"/>
    <s v="NONBU"/>
    <s v="G0000110"/>
    <s v="N"/>
    <s v="MACSS Dist Billed Revenue-03"/>
    <s v=""/>
    <x v="0"/>
    <s v="CAD0330401"/>
    <s v="S"/>
    <s v="KY"/>
    <s v="REV"/>
    <s v="974"/>
    <s v="GLBATCH"/>
    <n v="3"/>
    <n v="2016"/>
  </r>
  <r>
    <s v="110"/>
    <d v="2016-03-15T00:00:00"/>
    <x v="1"/>
    <x v="0"/>
    <s v="10828"/>
    <s v="GLNANDA"/>
    <n v="0"/>
    <n v="5"/>
    <s v="Billed Revenues"/>
    <s v="EXV"/>
    <s v="NONBU"/>
    <s v="G0000110"/>
    <s v="N"/>
    <s v="MACSS Dist Billed Revenue-03"/>
    <s v=""/>
    <x v="0"/>
    <s v="CAD0330401"/>
    <s v="S"/>
    <s v="KY"/>
    <s v="REV"/>
    <s v="974"/>
    <s v="GLBATCH"/>
    <n v="3"/>
    <n v="2016"/>
  </r>
  <r>
    <s v="110"/>
    <d v="2016-03-15T00:00:00"/>
    <x v="1"/>
    <x v="0"/>
    <s v="10828"/>
    <s v="GLNANDA"/>
    <n v="-528.72"/>
    <n v="-4358"/>
    <s v="Billed Revenues"/>
    <s v="EXV"/>
    <s v="NONBU"/>
    <s v="G0000110"/>
    <s v="N"/>
    <s v="MACSS Dist Billed Revenue-03"/>
    <s v=""/>
    <x v="0"/>
    <s v="CAD0330401"/>
    <s v="S"/>
    <s v="KY"/>
    <s v="REV"/>
    <s v="974"/>
    <s v="GLBATCH"/>
    <n v="3"/>
    <n v="2016"/>
  </r>
  <r>
    <s v="110"/>
    <d v="2016-04-15T00:00:00"/>
    <x v="1"/>
    <x v="0"/>
    <s v="10828"/>
    <s v="GLNANDA"/>
    <n v="0"/>
    <n v="2821"/>
    <s v="Billed Revenues"/>
    <s v="EXV"/>
    <s v="NONBU"/>
    <s v="G0000110"/>
    <s v="N"/>
    <s v="MACSS Dist Billed Revenue-03"/>
    <s v=""/>
    <x v="0"/>
    <s v="CAD0330404"/>
    <s v="S"/>
    <s v="KY"/>
    <s v="REV"/>
    <s v="974"/>
    <s v="GLBATCH"/>
    <n v="4"/>
    <n v="2016"/>
  </r>
  <r>
    <s v="110"/>
    <d v="2016-04-15T00:00:00"/>
    <x v="5"/>
    <x v="0"/>
    <s v="10828"/>
    <s v="GLNANDA"/>
    <n v="-26863.51"/>
    <n v="-216917"/>
    <s v="Billed Revenues"/>
    <s v="EXV"/>
    <s v="NONBU"/>
    <s v="G0000110"/>
    <s v="N"/>
    <s v="MACSS Dist Billed Revenue-03"/>
    <s v=""/>
    <x v="0"/>
    <s v="CAD0330404"/>
    <s v="S"/>
    <s v="KY"/>
    <s v="REV"/>
    <s v="974"/>
    <s v="GLBATCH"/>
    <n v="4"/>
    <n v="2016"/>
  </r>
  <r>
    <s v="110"/>
    <d v="2016-04-15T00:00:00"/>
    <x v="4"/>
    <x v="0"/>
    <s v="10828"/>
    <s v="GLNANDA"/>
    <n v="0"/>
    <n v="4126"/>
    <s v="Billed Revenues"/>
    <s v="EXV"/>
    <s v="NONBU"/>
    <s v="G0000110"/>
    <s v="N"/>
    <s v="MACSS Dist Billed Revenue-03"/>
    <s v=""/>
    <x v="0"/>
    <s v="CAD0330404"/>
    <s v="S"/>
    <s v="KY"/>
    <s v="REV"/>
    <s v="974"/>
    <s v="GLBATCH"/>
    <n v="4"/>
    <n v="2016"/>
  </r>
  <r>
    <s v="110"/>
    <d v="2016-04-15T00:00:00"/>
    <x v="4"/>
    <x v="0"/>
    <s v="10828"/>
    <s v="GLNANDA"/>
    <n v="-604837.97"/>
    <n v="-5345962"/>
    <s v="Billed Revenues"/>
    <s v="EXV"/>
    <s v="NONBU"/>
    <s v="G0000110"/>
    <s v="N"/>
    <s v="MACSS Dist Billed Revenue-03"/>
    <s v=""/>
    <x v="0"/>
    <s v="CAD0330404"/>
    <s v="S"/>
    <s v="KY"/>
    <s v="REV"/>
    <s v="974"/>
    <s v="GLBATCH"/>
    <n v="4"/>
    <n v="2016"/>
  </r>
  <r>
    <s v="110"/>
    <d v="2016-04-15T00:00:00"/>
    <x v="2"/>
    <x v="0"/>
    <s v="10828"/>
    <s v="GLNANDA"/>
    <n v="0"/>
    <n v="1138"/>
    <s v="Billed Revenues"/>
    <s v="EXV"/>
    <s v="NONBU"/>
    <s v="G0000110"/>
    <s v="N"/>
    <s v="MACSS Dist Billed Revenue-03"/>
    <s v=""/>
    <x v="0"/>
    <s v="CAD0330404"/>
    <s v="S"/>
    <s v="KY"/>
    <s v="REV"/>
    <s v="974"/>
    <s v="GLBATCH"/>
    <n v="4"/>
    <n v="2016"/>
  </r>
  <r>
    <s v="110"/>
    <d v="2016-04-15T00:00:00"/>
    <x v="2"/>
    <x v="0"/>
    <s v="10828"/>
    <s v="GLNANDA"/>
    <n v="-226003.66"/>
    <n v="-1674548"/>
    <s v="Billed Revenues"/>
    <s v="EXV"/>
    <s v="NONBU"/>
    <s v="G0000110"/>
    <s v="N"/>
    <s v="MACSS Dist Billed Revenue-03"/>
    <s v=""/>
    <x v="0"/>
    <s v="CAD0330404"/>
    <s v="S"/>
    <s v="KY"/>
    <s v="REV"/>
    <s v="974"/>
    <s v="GLBATCH"/>
    <n v="4"/>
    <n v="2016"/>
  </r>
  <r>
    <s v="110"/>
    <d v="2016-04-15T00:00:00"/>
    <x v="7"/>
    <x v="0"/>
    <s v="10828"/>
    <s v="GLNANDA"/>
    <n v="0"/>
    <n v="48"/>
    <s v="Billed Revenues"/>
    <s v="EXV"/>
    <s v="NONBU"/>
    <s v="G0000110"/>
    <s v="N"/>
    <s v="MACSS Dist Billed Revenue-03"/>
    <s v=""/>
    <x v="0"/>
    <s v="CAD0330404"/>
    <s v="S"/>
    <s v="KY"/>
    <s v="REV"/>
    <s v="974"/>
    <s v="GLBATCH"/>
    <n v="4"/>
    <n v="2016"/>
  </r>
  <r>
    <s v="110"/>
    <d v="2016-04-15T00:00:00"/>
    <x v="7"/>
    <x v="0"/>
    <s v="10828"/>
    <s v="GLNANDA"/>
    <n v="-84170.96"/>
    <n v="-682349"/>
    <s v="Billed Revenues"/>
    <s v="EXV"/>
    <s v="NONBU"/>
    <s v="G0000110"/>
    <s v="N"/>
    <s v="MACSS Dist Billed Revenue-03"/>
    <s v=""/>
    <x v="0"/>
    <s v="CAD0330404"/>
    <s v="S"/>
    <s v="KY"/>
    <s v="REV"/>
    <s v="974"/>
    <s v="GLBATCH"/>
    <n v="4"/>
    <n v="2016"/>
  </r>
  <r>
    <s v="110"/>
    <d v="2016-04-15T00:00:00"/>
    <x v="3"/>
    <x v="0"/>
    <s v="10828"/>
    <s v="GLNANDA"/>
    <n v="0"/>
    <n v="19"/>
    <s v="Billed Revenues"/>
    <s v="EXV"/>
    <s v="NONBU"/>
    <s v="G0000110"/>
    <s v="N"/>
    <s v="MACSS Dist Billed Revenue-03"/>
    <s v=""/>
    <x v="0"/>
    <s v="CAD0330404"/>
    <s v="S"/>
    <s v="KY"/>
    <s v="REV"/>
    <s v="974"/>
    <s v="GLBATCH"/>
    <n v="4"/>
    <n v="2016"/>
  </r>
  <r>
    <s v="110"/>
    <d v="2016-04-15T00:00:00"/>
    <x v="3"/>
    <x v="0"/>
    <s v="10828"/>
    <s v="GLNANDA"/>
    <n v="-75511.929999999993"/>
    <n v="-854486"/>
    <s v="Billed Revenues"/>
    <s v="EXV"/>
    <s v="NONBU"/>
    <s v="G0000110"/>
    <s v="N"/>
    <s v="MACSS Dist Billed Revenue-03"/>
    <s v=""/>
    <x v="0"/>
    <s v="CAD0330404"/>
    <s v="S"/>
    <s v="KY"/>
    <s v="REV"/>
    <s v="974"/>
    <s v="GLBATCH"/>
    <n v="4"/>
    <n v="2016"/>
  </r>
  <r>
    <s v="110"/>
    <d v="2016-04-15T00:00:00"/>
    <x v="0"/>
    <x v="0"/>
    <s v="10828"/>
    <s v="GLNANDA"/>
    <n v="0"/>
    <n v="35"/>
    <s v="Billed Revenues"/>
    <s v="EXV"/>
    <s v="NONBU"/>
    <s v="G0000110"/>
    <s v="N"/>
    <s v="MACSS Dist Billed Revenue-03"/>
    <s v=""/>
    <x v="0"/>
    <s v="CAD0330404"/>
    <s v="S"/>
    <s v="KY"/>
    <s v="REV"/>
    <s v="974"/>
    <s v="GLBATCH"/>
    <n v="4"/>
    <n v="2016"/>
  </r>
  <r>
    <s v="110"/>
    <d v="2016-04-15T00:00:00"/>
    <x v="0"/>
    <x v="0"/>
    <s v="10828"/>
    <s v="GLNANDA"/>
    <n v="-166272.09"/>
    <n v="-1666352"/>
    <s v="Billed Revenues"/>
    <s v="EXV"/>
    <s v="NONBU"/>
    <s v="G0000110"/>
    <s v="N"/>
    <s v="MACSS Dist Billed Revenue-03"/>
    <s v=""/>
    <x v="0"/>
    <s v="CAD0330404"/>
    <s v="S"/>
    <s v="KY"/>
    <s v="REV"/>
    <s v="974"/>
    <s v="GLBATCH"/>
    <n v="4"/>
    <n v="2016"/>
  </r>
  <r>
    <s v="110"/>
    <d v="2016-04-15T00:00:00"/>
    <x v="6"/>
    <x v="0"/>
    <s v="10828"/>
    <s v="GLNANDA"/>
    <n v="0"/>
    <n v="18"/>
    <s v="Billed Revenues"/>
    <s v="EXV"/>
    <s v="NONBU"/>
    <s v="G0000110"/>
    <s v="N"/>
    <s v="MACSS Dist Billed Revenue-03"/>
    <s v=""/>
    <x v="0"/>
    <s v="CAD0330404"/>
    <s v="S"/>
    <s v="KY"/>
    <s v="REV"/>
    <s v="974"/>
    <s v="GLBATCH"/>
    <n v="4"/>
    <n v="2016"/>
  </r>
  <r>
    <s v="110"/>
    <d v="2016-04-15T00:00:00"/>
    <x v="6"/>
    <x v="0"/>
    <s v="10828"/>
    <s v="GLNANDA"/>
    <n v="-2049.31"/>
    <n v="-14324"/>
    <s v="Billed Revenues"/>
    <s v="EXV"/>
    <s v="NONBU"/>
    <s v="G0000110"/>
    <s v="N"/>
    <s v="MACSS Dist Billed Revenue-03"/>
    <s v=""/>
    <x v="0"/>
    <s v="CAD0330404"/>
    <s v="S"/>
    <s v="KY"/>
    <s v="REV"/>
    <s v="974"/>
    <s v="GLBATCH"/>
    <n v="4"/>
    <n v="2016"/>
  </r>
  <r>
    <s v="110"/>
    <d v="2016-04-15T00:00:00"/>
    <x v="5"/>
    <x v="0"/>
    <s v="10828"/>
    <s v="GLNANDA"/>
    <n v="0"/>
    <n v="67"/>
    <s v="Billed Revenues"/>
    <s v="EXV"/>
    <s v="NONBU"/>
    <s v="G0000110"/>
    <s v="N"/>
    <s v="MACSS Dist Billed Revenue-03"/>
    <s v=""/>
    <x v="0"/>
    <s v="CAD0330404"/>
    <s v="S"/>
    <s v="KY"/>
    <s v="REV"/>
    <s v="974"/>
    <s v="GLBATCH"/>
    <n v="4"/>
    <n v="2016"/>
  </r>
  <r>
    <s v="110"/>
    <d v="2016-04-15T00:00:00"/>
    <x v="1"/>
    <x v="0"/>
    <s v="10828"/>
    <s v="GLNANDA"/>
    <n v="-291444.65000000002"/>
    <n v="-2450157"/>
    <s v="Billed Revenues"/>
    <s v="EXV"/>
    <s v="NONBU"/>
    <s v="G0000110"/>
    <s v="N"/>
    <s v="MACSS Dist Billed Revenue-03"/>
    <s v=""/>
    <x v="0"/>
    <s v="CAD0330404"/>
    <s v="S"/>
    <s v="KY"/>
    <s v="REV"/>
    <s v="974"/>
    <s v="GLBATCH"/>
    <n v="4"/>
    <n v="2016"/>
  </r>
  <r>
    <s v="110"/>
    <d v="2016-04-15T00:00:00"/>
    <x v="1"/>
    <x v="0"/>
    <s v="10828"/>
    <s v="GLNANDA"/>
    <n v="0"/>
    <n v="3398"/>
    <s v="Billed Revenues"/>
    <s v="EXV"/>
    <s v="NONBU"/>
    <s v="G0000110"/>
    <s v="N"/>
    <s v="MACSS Dist Billed Revenue-03"/>
    <s v=""/>
    <x v="0"/>
    <s v="CAD0330405"/>
    <s v="S"/>
    <s v="KY"/>
    <s v="REV"/>
    <s v="974"/>
    <s v="GLBATCH"/>
    <n v="4"/>
    <n v="2016"/>
  </r>
  <r>
    <s v="110"/>
    <d v="2016-04-15T00:00:00"/>
    <x v="7"/>
    <x v="0"/>
    <s v="10828"/>
    <s v="GLNANDA"/>
    <n v="-62024.58"/>
    <n v="-529056"/>
    <s v="Billed Revenues"/>
    <s v="EXV"/>
    <s v="NONBU"/>
    <s v="G0000110"/>
    <s v="N"/>
    <s v="MACSS Dist Billed Revenue-03"/>
    <s v=""/>
    <x v="0"/>
    <s v="CAD0330405"/>
    <s v="S"/>
    <s v="KY"/>
    <s v="REV"/>
    <s v="974"/>
    <s v="GLBATCH"/>
    <n v="4"/>
    <n v="2016"/>
  </r>
  <r>
    <s v="110"/>
    <d v="2016-04-15T00:00:00"/>
    <x v="4"/>
    <x v="0"/>
    <s v="10828"/>
    <s v="GLNANDA"/>
    <n v="0"/>
    <n v="3680"/>
    <s v="Billed Revenues"/>
    <s v="EXV"/>
    <s v="NONBU"/>
    <s v="G0000110"/>
    <s v="N"/>
    <s v="MACSS Dist Billed Revenue-03"/>
    <s v=""/>
    <x v="0"/>
    <s v="CAD0330405"/>
    <s v="S"/>
    <s v="KY"/>
    <s v="REV"/>
    <s v="974"/>
    <s v="GLBATCH"/>
    <n v="4"/>
    <n v="2016"/>
  </r>
  <r>
    <s v="110"/>
    <d v="2016-04-15T00:00:00"/>
    <x v="4"/>
    <x v="0"/>
    <s v="10828"/>
    <s v="GLNANDA"/>
    <n v="-507592.64"/>
    <n v="-4468407"/>
    <s v="Billed Revenues"/>
    <s v="EXV"/>
    <s v="NONBU"/>
    <s v="G0000110"/>
    <s v="N"/>
    <s v="MACSS Dist Billed Revenue-03"/>
    <s v=""/>
    <x v="0"/>
    <s v="CAD0330405"/>
    <s v="S"/>
    <s v="KY"/>
    <s v="REV"/>
    <s v="974"/>
    <s v="GLBATCH"/>
    <n v="4"/>
    <n v="2016"/>
  </r>
  <r>
    <s v="110"/>
    <d v="2016-04-15T00:00:00"/>
    <x v="0"/>
    <x v="0"/>
    <s v="10828"/>
    <s v="GLNANDA"/>
    <n v="0"/>
    <n v="29"/>
    <s v="Billed Revenues"/>
    <s v="EXV"/>
    <s v="NONBU"/>
    <s v="G0000110"/>
    <s v="N"/>
    <s v="MACSS Dist Billed Revenue-03"/>
    <s v=""/>
    <x v="0"/>
    <s v="CAD0330405"/>
    <s v="S"/>
    <s v="KY"/>
    <s v="REV"/>
    <s v="974"/>
    <s v="GLBATCH"/>
    <n v="4"/>
    <n v="2016"/>
  </r>
  <r>
    <s v="110"/>
    <d v="2016-04-15T00:00:00"/>
    <x v="0"/>
    <x v="0"/>
    <s v="10828"/>
    <s v="GLNANDA"/>
    <n v="-322798.69"/>
    <n v="-4904032"/>
    <s v="Billed Revenues"/>
    <s v="EXV"/>
    <s v="NONBU"/>
    <s v="G0000110"/>
    <s v="N"/>
    <s v="MACSS Dist Billed Revenue-03"/>
    <s v=""/>
    <x v="0"/>
    <s v="CAD0330405"/>
    <s v="S"/>
    <s v="KY"/>
    <s v="REV"/>
    <s v="974"/>
    <s v="GLBATCH"/>
    <n v="4"/>
    <n v="2016"/>
  </r>
  <r>
    <s v="110"/>
    <d v="2016-04-15T00:00:00"/>
    <x v="2"/>
    <x v="0"/>
    <s v="10828"/>
    <s v="GLNANDA"/>
    <n v="0"/>
    <n v="1358"/>
    <s v="Billed Revenues"/>
    <s v="EXV"/>
    <s v="NONBU"/>
    <s v="G0000110"/>
    <s v="N"/>
    <s v="MACSS Dist Billed Revenue-03"/>
    <s v=""/>
    <x v="0"/>
    <s v="CAD0330405"/>
    <s v="S"/>
    <s v="KY"/>
    <s v="REV"/>
    <s v="974"/>
    <s v="GLBATCH"/>
    <n v="4"/>
    <n v="2016"/>
  </r>
  <r>
    <s v="110"/>
    <d v="2016-04-15T00:00:00"/>
    <x v="2"/>
    <x v="0"/>
    <s v="10828"/>
    <s v="GLNANDA"/>
    <n v="-647494.35"/>
    <n v="-5995787"/>
    <s v="Billed Revenues"/>
    <s v="EXV"/>
    <s v="NONBU"/>
    <s v="G0000110"/>
    <s v="N"/>
    <s v="MACSS Dist Billed Revenue-03"/>
    <s v=""/>
    <x v="0"/>
    <s v="CAD0330405"/>
    <s v="S"/>
    <s v="KY"/>
    <s v="REV"/>
    <s v="974"/>
    <s v="GLBATCH"/>
    <n v="4"/>
    <n v="2016"/>
  </r>
  <r>
    <s v="110"/>
    <d v="2016-04-15T00:00:00"/>
    <x v="3"/>
    <x v="0"/>
    <s v="10828"/>
    <s v="GLNANDA"/>
    <n v="0"/>
    <n v="11"/>
    <s v="Billed Revenues"/>
    <s v="EXV"/>
    <s v="NONBU"/>
    <s v="G0000110"/>
    <s v="N"/>
    <s v="MACSS Dist Billed Revenue-03"/>
    <s v=""/>
    <x v="0"/>
    <s v="CAD0330405"/>
    <s v="S"/>
    <s v="KY"/>
    <s v="REV"/>
    <s v="974"/>
    <s v="GLBATCH"/>
    <n v="4"/>
    <n v="2016"/>
  </r>
  <r>
    <s v="110"/>
    <d v="2016-04-15T00:00:00"/>
    <x v="3"/>
    <x v="0"/>
    <s v="10828"/>
    <s v="GLNANDA"/>
    <n v="-125375.49"/>
    <n v="-1264286"/>
    <s v="Billed Revenues"/>
    <s v="EXV"/>
    <s v="NONBU"/>
    <s v="G0000110"/>
    <s v="N"/>
    <s v="MACSS Dist Billed Revenue-03"/>
    <s v=""/>
    <x v="0"/>
    <s v="CAD0330405"/>
    <s v="S"/>
    <s v="KY"/>
    <s v="REV"/>
    <s v="974"/>
    <s v="GLBATCH"/>
    <n v="4"/>
    <n v="2016"/>
  </r>
  <r>
    <s v="110"/>
    <d v="2016-04-15T00:00:00"/>
    <x v="6"/>
    <x v="0"/>
    <s v="10828"/>
    <s v="GLNANDA"/>
    <n v="0"/>
    <n v="20"/>
    <s v="Billed Revenues"/>
    <s v="EXV"/>
    <s v="NONBU"/>
    <s v="G0000110"/>
    <s v="N"/>
    <s v="MACSS Dist Billed Revenue-03"/>
    <s v=""/>
    <x v="0"/>
    <s v="CAD0330405"/>
    <s v="S"/>
    <s v="KY"/>
    <s v="REV"/>
    <s v="974"/>
    <s v="GLBATCH"/>
    <n v="4"/>
    <n v="2016"/>
  </r>
  <r>
    <s v="110"/>
    <d v="2016-04-15T00:00:00"/>
    <x v="6"/>
    <x v="0"/>
    <s v="10828"/>
    <s v="GLNANDA"/>
    <n v="-785.74"/>
    <n v="-2041"/>
    <s v="Billed Revenues"/>
    <s v="EXV"/>
    <s v="NONBU"/>
    <s v="G0000110"/>
    <s v="N"/>
    <s v="MACSS Dist Billed Revenue-03"/>
    <s v=""/>
    <x v="0"/>
    <s v="CAD0330405"/>
    <s v="S"/>
    <s v="KY"/>
    <s v="REV"/>
    <s v="974"/>
    <s v="GLBATCH"/>
    <n v="4"/>
    <n v="2016"/>
  </r>
  <r>
    <s v="110"/>
    <d v="2016-04-15T00:00:00"/>
    <x v="5"/>
    <x v="0"/>
    <s v="10828"/>
    <s v="GLNANDA"/>
    <n v="0"/>
    <n v="149"/>
    <s v="Billed Revenues"/>
    <s v="EXV"/>
    <s v="NONBU"/>
    <s v="G0000110"/>
    <s v="N"/>
    <s v="MACSS Dist Billed Revenue-03"/>
    <s v=""/>
    <x v="0"/>
    <s v="CAD0330405"/>
    <s v="S"/>
    <s v="KY"/>
    <s v="REV"/>
    <s v="974"/>
    <s v="GLBATCH"/>
    <n v="4"/>
    <n v="2016"/>
  </r>
  <r>
    <s v="110"/>
    <d v="2016-04-15T00:00:00"/>
    <x v="5"/>
    <x v="0"/>
    <s v="10828"/>
    <s v="GLNANDA"/>
    <n v="-112819.45"/>
    <n v="-958857"/>
    <s v="Billed Revenues"/>
    <s v="EXV"/>
    <s v="NONBU"/>
    <s v="G0000110"/>
    <s v="N"/>
    <s v="MACSS Dist Billed Revenue-03"/>
    <s v=""/>
    <x v="0"/>
    <s v="CAD0330405"/>
    <s v="S"/>
    <s v="KY"/>
    <s v="REV"/>
    <s v="974"/>
    <s v="GLBATCH"/>
    <n v="4"/>
    <n v="2016"/>
  </r>
  <r>
    <s v="110"/>
    <d v="2016-04-15T00:00:00"/>
    <x v="7"/>
    <x v="0"/>
    <s v="10828"/>
    <s v="GLNANDA"/>
    <n v="0"/>
    <n v="33"/>
    <s v="Billed Revenues"/>
    <s v="EXV"/>
    <s v="NONBU"/>
    <s v="G0000110"/>
    <s v="N"/>
    <s v="MACSS Dist Billed Revenue-03"/>
    <s v=""/>
    <x v="0"/>
    <s v="CAD0330405"/>
    <s v="S"/>
    <s v="KY"/>
    <s v="REV"/>
    <s v="974"/>
    <s v="GLBATCH"/>
    <n v="4"/>
    <n v="2016"/>
  </r>
  <r>
    <s v="110"/>
    <d v="2016-04-15T00:00:00"/>
    <x v="1"/>
    <x v="0"/>
    <s v="10828"/>
    <s v="GLNANDA"/>
    <n v="-335686"/>
    <n v="-2833794"/>
    <s v="Billed Revenues"/>
    <s v="EXV"/>
    <s v="NONBU"/>
    <s v="G0000110"/>
    <s v="N"/>
    <s v="MACSS Dist Billed Revenue-03"/>
    <s v=""/>
    <x v="0"/>
    <s v="CAD0330405"/>
    <s v="S"/>
    <s v="KY"/>
    <s v="REV"/>
    <s v="974"/>
    <s v="GLBATCH"/>
    <n v="4"/>
    <n v="2016"/>
  </r>
  <r>
    <s v="110"/>
    <d v="2016-04-15T00:00:00"/>
    <x v="1"/>
    <x v="0"/>
    <s v="10828"/>
    <s v="GLNANDA"/>
    <n v="0"/>
    <n v="3280"/>
    <s v="Billed Revenues"/>
    <s v="EXV"/>
    <s v="NONBU"/>
    <s v="G0000110"/>
    <s v="N"/>
    <s v="MACSS Dist Billed Revenue-03"/>
    <s v=""/>
    <x v="0"/>
    <s v="CAD0330406"/>
    <s v="S"/>
    <s v="KY"/>
    <s v="REV"/>
    <s v="974"/>
    <s v="GLBATCH"/>
    <n v="4"/>
    <n v="2016"/>
  </r>
  <r>
    <s v="110"/>
    <d v="2016-04-15T00:00:00"/>
    <x v="7"/>
    <x v="0"/>
    <s v="10828"/>
    <s v="GLNANDA"/>
    <n v="-117188.15"/>
    <n v="-1025090"/>
    <s v="Billed Revenues"/>
    <s v="EXV"/>
    <s v="NONBU"/>
    <s v="G0000110"/>
    <s v="N"/>
    <s v="MACSS Dist Billed Revenue-03"/>
    <s v=""/>
    <x v="0"/>
    <s v="CAD0330406"/>
    <s v="S"/>
    <s v="KY"/>
    <s v="REV"/>
    <s v="974"/>
    <s v="GLBATCH"/>
    <n v="4"/>
    <n v="2016"/>
  </r>
  <r>
    <s v="110"/>
    <d v="2016-04-15T00:00:00"/>
    <x v="4"/>
    <x v="0"/>
    <s v="10828"/>
    <s v="GLNANDA"/>
    <n v="0"/>
    <n v="3895"/>
    <s v="Billed Revenues"/>
    <s v="EXV"/>
    <s v="NONBU"/>
    <s v="G0000110"/>
    <s v="N"/>
    <s v="MACSS Dist Billed Revenue-03"/>
    <s v=""/>
    <x v="0"/>
    <s v="CAD0330406"/>
    <s v="S"/>
    <s v="KY"/>
    <s v="REV"/>
    <s v="974"/>
    <s v="GLBATCH"/>
    <n v="4"/>
    <n v="2016"/>
  </r>
  <r>
    <s v="110"/>
    <d v="2016-04-15T00:00:00"/>
    <x v="4"/>
    <x v="0"/>
    <s v="10828"/>
    <s v="GLNANDA"/>
    <n v="-546235.23"/>
    <n v="-4808096"/>
    <s v="Billed Revenues"/>
    <s v="EXV"/>
    <s v="NONBU"/>
    <s v="G0000110"/>
    <s v="N"/>
    <s v="MACSS Dist Billed Revenue-03"/>
    <s v=""/>
    <x v="0"/>
    <s v="CAD0330406"/>
    <s v="S"/>
    <s v="KY"/>
    <s v="REV"/>
    <s v="974"/>
    <s v="GLBATCH"/>
    <n v="4"/>
    <n v="2016"/>
  </r>
  <r>
    <s v="110"/>
    <d v="2016-04-15T00:00:00"/>
    <x v="0"/>
    <x v="0"/>
    <s v="10828"/>
    <s v="GLNANDA"/>
    <n v="0"/>
    <n v="28"/>
    <s v="Billed Revenues"/>
    <s v="EXV"/>
    <s v="NONBU"/>
    <s v="G0000110"/>
    <s v="N"/>
    <s v="MACSS Dist Billed Revenue-03"/>
    <s v=""/>
    <x v="0"/>
    <s v="CAD0330406"/>
    <s v="S"/>
    <s v="KY"/>
    <s v="REV"/>
    <s v="974"/>
    <s v="GLBATCH"/>
    <n v="4"/>
    <n v="2016"/>
  </r>
  <r>
    <s v="110"/>
    <d v="2016-04-15T00:00:00"/>
    <x v="0"/>
    <x v="0"/>
    <s v="10828"/>
    <s v="GLNANDA"/>
    <n v="-210549.88"/>
    <n v="-2733997"/>
    <s v="Billed Revenues"/>
    <s v="EXV"/>
    <s v="NONBU"/>
    <s v="G0000110"/>
    <s v="N"/>
    <s v="MACSS Dist Billed Revenue-03"/>
    <s v=""/>
    <x v="0"/>
    <s v="CAD0330406"/>
    <s v="S"/>
    <s v="KY"/>
    <s v="REV"/>
    <s v="974"/>
    <s v="GLBATCH"/>
    <n v="4"/>
    <n v="2016"/>
  </r>
  <r>
    <s v="110"/>
    <d v="2016-04-15T00:00:00"/>
    <x v="2"/>
    <x v="0"/>
    <s v="10828"/>
    <s v="GLNANDA"/>
    <n v="0"/>
    <n v="1221"/>
    <s v="Billed Revenues"/>
    <s v="EXV"/>
    <s v="NONBU"/>
    <s v="G0000110"/>
    <s v="N"/>
    <s v="MACSS Dist Billed Revenue-03"/>
    <s v=""/>
    <x v="0"/>
    <s v="CAD0330406"/>
    <s v="S"/>
    <s v="KY"/>
    <s v="REV"/>
    <s v="974"/>
    <s v="GLBATCH"/>
    <n v="4"/>
    <n v="2016"/>
  </r>
  <r>
    <s v="110"/>
    <d v="2016-04-15T00:00:00"/>
    <x v="2"/>
    <x v="0"/>
    <s v="10828"/>
    <s v="GLNANDA"/>
    <n v="-380828.24"/>
    <n v="-3071235"/>
    <s v="Billed Revenues"/>
    <s v="EXV"/>
    <s v="NONBU"/>
    <s v="G0000110"/>
    <s v="N"/>
    <s v="MACSS Dist Billed Revenue-03"/>
    <s v=""/>
    <x v="0"/>
    <s v="CAD0330406"/>
    <s v="S"/>
    <s v="KY"/>
    <s v="REV"/>
    <s v="974"/>
    <s v="GLBATCH"/>
    <n v="4"/>
    <n v="2016"/>
  </r>
  <r>
    <s v="110"/>
    <d v="2016-04-15T00:00:00"/>
    <x v="3"/>
    <x v="0"/>
    <s v="10828"/>
    <s v="GLNANDA"/>
    <n v="0"/>
    <n v="5"/>
    <s v="Billed Revenues"/>
    <s v="EXV"/>
    <s v="NONBU"/>
    <s v="G0000110"/>
    <s v="N"/>
    <s v="MACSS Dist Billed Revenue-03"/>
    <s v=""/>
    <x v="0"/>
    <s v="CAD0330406"/>
    <s v="S"/>
    <s v="KY"/>
    <s v="REV"/>
    <s v="974"/>
    <s v="GLBATCH"/>
    <n v="4"/>
    <n v="2016"/>
  </r>
  <r>
    <s v="110"/>
    <d v="2016-04-15T00:00:00"/>
    <x v="3"/>
    <x v="0"/>
    <s v="10828"/>
    <s v="GLNANDA"/>
    <n v="-11038.39"/>
    <n v="-89971"/>
    <s v="Billed Revenues"/>
    <s v="EXV"/>
    <s v="NONBU"/>
    <s v="G0000110"/>
    <s v="N"/>
    <s v="MACSS Dist Billed Revenue-03"/>
    <s v=""/>
    <x v="0"/>
    <s v="CAD0330406"/>
    <s v="S"/>
    <s v="KY"/>
    <s v="REV"/>
    <s v="974"/>
    <s v="GLBATCH"/>
    <n v="4"/>
    <n v="2016"/>
  </r>
  <r>
    <s v="110"/>
    <d v="2016-04-15T00:00:00"/>
    <x v="6"/>
    <x v="0"/>
    <s v="10828"/>
    <s v="GLNANDA"/>
    <n v="0"/>
    <n v="20"/>
    <s v="Billed Revenues"/>
    <s v="EXV"/>
    <s v="NONBU"/>
    <s v="G0000110"/>
    <s v="N"/>
    <s v="MACSS Dist Billed Revenue-03"/>
    <s v=""/>
    <x v="0"/>
    <s v="CAD0330406"/>
    <s v="S"/>
    <s v="KY"/>
    <s v="REV"/>
    <s v="974"/>
    <s v="GLBATCH"/>
    <n v="4"/>
    <n v="2016"/>
  </r>
  <r>
    <s v="110"/>
    <d v="2016-04-15T00:00:00"/>
    <x v="6"/>
    <x v="0"/>
    <s v="10828"/>
    <s v="GLNANDA"/>
    <n v="-2295.09"/>
    <n v="-16611"/>
    <s v="Billed Revenues"/>
    <s v="EXV"/>
    <s v="NONBU"/>
    <s v="G0000110"/>
    <s v="N"/>
    <s v="MACSS Dist Billed Revenue-03"/>
    <s v=""/>
    <x v="0"/>
    <s v="CAD0330406"/>
    <s v="S"/>
    <s v="KY"/>
    <s v="REV"/>
    <s v="974"/>
    <s v="GLBATCH"/>
    <n v="4"/>
    <n v="2016"/>
  </r>
  <r>
    <s v="110"/>
    <d v="2016-04-15T00:00:00"/>
    <x v="5"/>
    <x v="0"/>
    <s v="10828"/>
    <s v="GLNANDA"/>
    <n v="0"/>
    <n v="236"/>
    <s v="Billed Revenues"/>
    <s v="EXV"/>
    <s v="NONBU"/>
    <s v="G0000110"/>
    <s v="N"/>
    <s v="MACSS Dist Billed Revenue-03"/>
    <s v=""/>
    <x v="0"/>
    <s v="CAD0330406"/>
    <s v="S"/>
    <s v="KY"/>
    <s v="REV"/>
    <s v="974"/>
    <s v="GLBATCH"/>
    <n v="4"/>
    <n v="2016"/>
  </r>
  <r>
    <s v="110"/>
    <d v="2016-04-15T00:00:00"/>
    <x v="5"/>
    <x v="0"/>
    <s v="10828"/>
    <s v="GLNANDA"/>
    <n v="-101399.49"/>
    <n v="-829798"/>
    <s v="Billed Revenues"/>
    <s v="EXV"/>
    <s v="NONBU"/>
    <s v="G0000110"/>
    <s v="N"/>
    <s v="MACSS Dist Billed Revenue-03"/>
    <s v=""/>
    <x v="0"/>
    <s v="CAD0330406"/>
    <s v="S"/>
    <s v="KY"/>
    <s v="REV"/>
    <s v="974"/>
    <s v="GLBATCH"/>
    <n v="4"/>
    <n v="2016"/>
  </r>
  <r>
    <s v="110"/>
    <d v="2016-04-15T00:00:00"/>
    <x v="7"/>
    <x v="0"/>
    <s v="10828"/>
    <s v="GLNANDA"/>
    <n v="0"/>
    <n v="51"/>
    <s v="Billed Revenues"/>
    <s v="EXV"/>
    <s v="NONBU"/>
    <s v="G0000110"/>
    <s v="N"/>
    <s v="MACSS Dist Billed Revenue-03"/>
    <s v=""/>
    <x v="0"/>
    <s v="CAD0330406"/>
    <s v="S"/>
    <s v="KY"/>
    <s v="REV"/>
    <s v="974"/>
    <s v="GLBATCH"/>
    <n v="4"/>
    <n v="2016"/>
  </r>
  <r>
    <s v="110"/>
    <d v="2016-04-15T00:00:00"/>
    <x v="1"/>
    <x v="0"/>
    <s v="10828"/>
    <s v="GLNANDA"/>
    <n v="-315232.95"/>
    <n v="-2642947"/>
    <s v="Billed Revenues"/>
    <s v="EXV"/>
    <s v="NONBU"/>
    <s v="G0000110"/>
    <s v="N"/>
    <s v="MACSS Dist Billed Revenue-03"/>
    <s v=""/>
    <x v="0"/>
    <s v="CAD0330406"/>
    <s v="S"/>
    <s v="KY"/>
    <s v="REV"/>
    <s v="974"/>
    <s v="GLBATCH"/>
    <n v="4"/>
    <n v="2016"/>
  </r>
  <r>
    <s v="110"/>
    <d v="2016-04-15T00:00:00"/>
    <x v="4"/>
    <x v="0"/>
    <s v="10828"/>
    <s v="GLNANDA"/>
    <n v="0"/>
    <n v="4032"/>
    <s v="Billed Revenues"/>
    <s v="EXV"/>
    <s v="NONBU"/>
    <s v="G0000110"/>
    <s v="N"/>
    <s v="MACSS Dist Billed Revenue-03"/>
    <s v=""/>
    <x v="0"/>
    <s v="CAD0330407"/>
    <s v="S"/>
    <s v="KY"/>
    <s v="REV"/>
    <s v="974"/>
    <s v="GLBATCH"/>
    <n v="4"/>
    <n v="2016"/>
  </r>
  <r>
    <s v="110"/>
    <d v="2016-04-15T00:00:00"/>
    <x v="5"/>
    <x v="0"/>
    <s v="10828"/>
    <s v="GLNANDA"/>
    <n v="-79272.539999999994"/>
    <n v="-654668"/>
    <s v="Billed Revenues"/>
    <s v="EXV"/>
    <s v="NONBU"/>
    <s v="G0000110"/>
    <s v="N"/>
    <s v="MACSS Dist Billed Revenue-03"/>
    <s v=""/>
    <x v="0"/>
    <s v="CAD0330407"/>
    <s v="S"/>
    <s v="KY"/>
    <s v="REV"/>
    <s v="974"/>
    <s v="GLBATCH"/>
    <n v="4"/>
    <n v="2016"/>
  </r>
  <r>
    <s v="110"/>
    <d v="2016-04-15T00:00:00"/>
    <x v="0"/>
    <x v="0"/>
    <s v="10828"/>
    <s v="GLNANDA"/>
    <n v="0"/>
    <n v="35"/>
    <s v="Billed Revenues"/>
    <s v="EXV"/>
    <s v="NONBU"/>
    <s v="G0000110"/>
    <s v="N"/>
    <s v="MACSS Dist Billed Revenue-03"/>
    <s v=""/>
    <x v="0"/>
    <s v="CAD0330407"/>
    <s v="S"/>
    <s v="KY"/>
    <s v="REV"/>
    <s v="974"/>
    <s v="GLBATCH"/>
    <n v="4"/>
    <n v="2016"/>
  </r>
  <r>
    <s v="110"/>
    <d v="2016-04-15T00:00:00"/>
    <x v="0"/>
    <x v="0"/>
    <s v="10828"/>
    <s v="GLNANDA"/>
    <n v="-41069.51"/>
    <n v="-218343"/>
    <s v="Billed Revenues"/>
    <s v="EXV"/>
    <s v="NONBU"/>
    <s v="G0000110"/>
    <s v="N"/>
    <s v="MACSS Dist Billed Revenue-03"/>
    <s v=""/>
    <x v="0"/>
    <s v="CAD0330407"/>
    <s v="S"/>
    <s v="KY"/>
    <s v="REV"/>
    <s v="974"/>
    <s v="GLBATCH"/>
    <n v="4"/>
    <n v="2016"/>
  </r>
  <r>
    <s v="110"/>
    <d v="2016-04-15T00:00:00"/>
    <x v="2"/>
    <x v="0"/>
    <s v="10828"/>
    <s v="GLNANDA"/>
    <n v="0"/>
    <n v="1301"/>
    <s v="Billed Revenues"/>
    <s v="EXV"/>
    <s v="NONBU"/>
    <s v="G0000110"/>
    <s v="N"/>
    <s v="MACSS Dist Billed Revenue-03"/>
    <s v=""/>
    <x v="0"/>
    <s v="CAD0330407"/>
    <s v="S"/>
    <s v="KY"/>
    <s v="REV"/>
    <s v="974"/>
    <s v="GLBATCH"/>
    <n v="4"/>
    <n v="2016"/>
  </r>
  <r>
    <s v="110"/>
    <d v="2016-04-15T00:00:00"/>
    <x v="2"/>
    <x v="0"/>
    <s v="10828"/>
    <s v="GLNANDA"/>
    <n v="-451032.28"/>
    <n v="-3605074"/>
    <s v="Billed Revenues"/>
    <s v="EXV"/>
    <s v="NONBU"/>
    <s v="G0000110"/>
    <s v="N"/>
    <s v="MACSS Dist Billed Revenue-03"/>
    <s v=""/>
    <x v="0"/>
    <s v="CAD0330407"/>
    <s v="S"/>
    <s v="KY"/>
    <s v="REV"/>
    <s v="974"/>
    <s v="GLBATCH"/>
    <n v="4"/>
    <n v="2016"/>
  </r>
  <r>
    <s v="110"/>
    <d v="2016-04-15T00:00:00"/>
    <x v="1"/>
    <x v="0"/>
    <s v="10828"/>
    <s v="GLNANDA"/>
    <n v="0"/>
    <n v="3039"/>
    <s v="Billed Revenues"/>
    <s v="EXV"/>
    <s v="NONBU"/>
    <s v="G0000110"/>
    <s v="N"/>
    <s v="MACSS Dist Billed Revenue-03"/>
    <s v=""/>
    <x v="0"/>
    <s v="CAD0330407"/>
    <s v="S"/>
    <s v="KY"/>
    <s v="REV"/>
    <s v="974"/>
    <s v="GLBATCH"/>
    <n v="4"/>
    <n v="2016"/>
  </r>
  <r>
    <s v="110"/>
    <d v="2016-04-15T00:00:00"/>
    <x v="1"/>
    <x v="0"/>
    <s v="10828"/>
    <s v="GLNANDA"/>
    <n v="-282418.19"/>
    <n v="-2338937"/>
    <s v="Billed Revenues"/>
    <s v="EXV"/>
    <s v="NONBU"/>
    <s v="G0000110"/>
    <s v="N"/>
    <s v="MACSS Dist Billed Revenue-03"/>
    <s v=""/>
    <x v="0"/>
    <s v="CAD0330407"/>
    <s v="S"/>
    <s v="KY"/>
    <s v="REV"/>
    <s v="974"/>
    <s v="GLBATCH"/>
    <n v="4"/>
    <n v="2016"/>
  </r>
  <r>
    <s v="110"/>
    <d v="2016-04-15T00:00:00"/>
    <x v="7"/>
    <x v="0"/>
    <s v="10828"/>
    <s v="GLNANDA"/>
    <n v="0"/>
    <n v="45"/>
    <s v="Billed Revenues"/>
    <s v="EXV"/>
    <s v="NONBU"/>
    <s v="G0000110"/>
    <s v="N"/>
    <s v="MACSS Dist Billed Revenue-03"/>
    <s v=""/>
    <x v="0"/>
    <s v="CAD0330407"/>
    <s v="S"/>
    <s v="KY"/>
    <s v="REV"/>
    <s v="974"/>
    <s v="GLBATCH"/>
    <n v="4"/>
    <n v="2016"/>
  </r>
  <r>
    <s v="110"/>
    <d v="2016-04-15T00:00:00"/>
    <x v="7"/>
    <x v="0"/>
    <s v="10828"/>
    <s v="GLNANDA"/>
    <n v="-87340.04"/>
    <n v="-739201"/>
    <s v="Billed Revenues"/>
    <s v="EXV"/>
    <s v="NONBU"/>
    <s v="G0000110"/>
    <s v="N"/>
    <s v="MACSS Dist Billed Revenue-03"/>
    <s v=""/>
    <x v="0"/>
    <s v="CAD0330407"/>
    <s v="S"/>
    <s v="KY"/>
    <s v="REV"/>
    <s v="974"/>
    <s v="GLBATCH"/>
    <n v="4"/>
    <n v="2016"/>
  </r>
  <r>
    <s v="110"/>
    <d v="2016-04-15T00:00:00"/>
    <x v="3"/>
    <x v="0"/>
    <s v="10828"/>
    <s v="GLNANDA"/>
    <n v="0"/>
    <n v="6"/>
    <s v="Billed Revenues"/>
    <s v="EXV"/>
    <s v="NONBU"/>
    <s v="G0000110"/>
    <s v="N"/>
    <s v="MACSS Dist Billed Revenue-03"/>
    <s v=""/>
    <x v="0"/>
    <s v="CAD0330407"/>
    <s v="S"/>
    <s v="KY"/>
    <s v="REV"/>
    <s v="974"/>
    <s v="GLBATCH"/>
    <n v="4"/>
    <n v="2016"/>
  </r>
  <r>
    <s v="110"/>
    <d v="2016-04-15T00:00:00"/>
    <x v="3"/>
    <x v="0"/>
    <s v="10828"/>
    <s v="GLNANDA"/>
    <n v="-9155.35"/>
    <n v="-70105"/>
    <s v="Billed Revenues"/>
    <s v="EXV"/>
    <s v="NONBU"/>
    <s v="G0000110"/>
    <s v="N"/>
    <s v="MACSS Dist Billed Revenue-03"/>
    <s v=""/>
    <x v="0"/>
    <s v="CAD0330407"/>
    <s v="S"/>
    <s v="KY"/>
    <s v="REV"/>
    <s v="974"/>
    <s v="GLBATCH"/>
    <n v="4"/>
    <n v="2016"/>
  </r>
  <r>
    <s v="110"/>
    <d v="2016-04-15T00:00:00"/>
    <x v="6"/>
    <x v="0"/>
    <s v="10828"/>
    <s v="GLNANDA"/>
    <n v="0"/>
    <n v="24"/>
    <s v="Billed Revenues"/>
    <s v="EXV"/>
    <s v="NONBU"/>
    <s v="G0000110"/>
    <s v="N"/>
    <s v="MACSS Dist Billed Revenue-03"/>
    <s v=""/>
    <x v="0"/>
    <s v="CAD0330407"/>
    <s v="S"/>
    <s v="KY"/>
    <s v="REV"/>
    <s v="974"/>
    <s v="GLBATCH"/>
    <n v="4"/>
    <n v="2016"/>
  </r>
  <r>
    <s v="110"/>
    <d v="2016-04-15T00:00:00"/>
    <x v="6"/>
    <x v="0"/>
    <s v="10828"/>
    <s v="GLNANDA"/>
    <n v="-1109.8499999999999"/>
    <n v="-4482"/>
    <s v="Billed Revenues"/>
    <s v="EXV"/>
    <s v="NONBU"/>
    <s v="G0000110"/>
    <s v="N"/>
    <s v="MACSS Dist Billed Revenue-03"/>
    <s v=""/>
    <x v="0"/>
    <s v="CAD0330407"/>
    <s v="S"/>
    <s v="KY"/>
    <s v="REV"/>
    <s v="974"/>
    <s v="GLBATCH"/>
    <n v="4"/>
    <n v="2016"/>
  </r>
  <r>
    <s v="110"/>
    <d v="2016-04-15T00:00:00"/>
    <x v="5"/>
    <x v="0"/>
    <s v="10828"/>
    <s v="GLNANDA"/>
    <n v="0"/>
    <n v="124"/>
    <s v="Billed Revenues"/>
    <s v="EXV"/>
    <s v="NONBU"/>
    <s v="G0000110"/>
    <s v="N"/>
    <s v="MACSS Dist Billed Revenue-03"/>
    <s v=""/>
    <x v="0"/>
    <s v="CAD0330407"/>
    <s v="S"/>
    <s v="KY"/>
    <s v="REV"/>
    <s v="974"/>
    <s v="GLBATCH"/>
    <n v="4"/>
    <n v="2016"/>
  </r>
  <r>
    <s v="110"/>
    <d v="2016-04-15T00:00:00"/>
    <x v="4"/>
    <x v="0"/>
    <s v="10828"/>
    <s v="GLNANDA"/>
    <n v="-530929.81999999995"/>
    <n v="-4637408"/>
    <s v="Billed Revenues"/>
    <s v="EXV"/>
    <s v="NONBU"/>
    <s v="G0000110"/>
    <s v="N"/>
    <s v="MACSS Dist Billed Revenue-03"/>
    <s v=""/>
    <x v="0"/>
    <s v="CAD0330407"/>
    <s v="S"/>
    <s v="KY"/>
    <s v="REV"/>
    <s v="974"/>
    <s v="GLBATCH"/>
    <n v="4"/>
    <n v="2016"/>
  </r>
  <r>
    <s v="110"/>
    <d v="2016-04-15T00:00:00"/>
    <x v="4"/>
    <x v="0"/>
    <s v="10828"/>
    <s v="GLNANDA"/>
    <n v="0"/>
    <n v="3751"/>
    <s v="Billed Revenues"/>
    <s v="EXV"/>
    <s v="NONBU"/>
    <s v="G0000110"/>
    <s v="N"/>
    <s v="MACSS Dist Billed Revenue-03"/>
    <s v=""/>
    <x v="0"/>
    <s v="CAD0330408"/>
    <s v="S"/>
    <s v="KY"/>
    <s v="REV"/>
    <s v="974"/>
    <s v="GLBATCH"/>
    <n v="4"/>
    <n v="2016"/>
  </r>
  <r>
    <s v="110"/>
    <d v="2016-04-15T00:00:00"/>
    <x v="4"/>
    <x v="0"/>
    <s v="10828"/>
    <s v="GLNANDA"/>
    <n v="-489668.03"/>
    <n v="-4255695"/>
    <s v="Billed Revenues"/>
    <s v="EXV"/>
    <s v="NONBU"/>
    <s v="G0000110"/>
    <s v="N"/>
    <s v="MACSS Dist Billed Revenue-03"/>
    <s v=""/>
    <x v="0"/>
    <s v="CAD0330408"/>
    <s v="S"/>
    <s v="KY"/>
    <s v="REV"/>
    <s v="974"/>
    <s v="GLBATCH"/>
    <n v="4"/>
    <n v="2016"/>
  </r>
  <r>
    <s v="110"/>
    <d v="2016-04-15T00:00:00"/>
    <x v="0"/>
    <x v="0"/>
    <s v="10828"/>
    <s v="GLNANDA"/>
    <n v="0"/>
    <n v="36"/>
    <s v="Billed Revenues"/>
    <s v="EXV"/>
    <s v="NONBU"/>
    <s v="G0000110"/>
    <s v="N"/>
    <s v="MACSS Dist Billed Revenue-03"/>
    <s v=""/>
    <x v="0"/>
    <s v="CAD0330408"/>
    <s v="S"/>
    <s v="KY"/>
    <s v="REV"/>
    <s v="974"/>
    <s v="GLBATCH"/>
    <n v="4"/>
    <n v="2016"/>
  </r>
  <r>
    <s v="110"/>
    <d v="2016-04-15T00:00:00"/>
    <x v="0"/>
    <x v="0"/>
    <s v="10828"/>
    <s v="GLNANDA"/>
    <n v="-124699.73"/>
    <n v="-1057533"/>
    <s v="Billed Revenues"/>
    <s v="EXV"/>
    <s v="NONBU"/>
    <s v="G0000110"/>
    <s v="N"/>
    <s v="MACSS Dist Billed Revenue-03"/>
    <s v=""/>
    <x v="0"/>
    <s v="CAD0330408"/>
    <s v="S"/>
    <s v="KY"/>
    <s v="REV"/>
    <s v="974"/>
    <s v="GLBATCH"/>
    <n v="4"/>
    <n v="2016"/>
  </r>
  <r>
    <s v="110"/>
    <d v="2016-04-15T00:00:00"/>
    <x v="2"/>
    <x v="0"/>
    <s v="10828"/>
    <s v="GLNANDA"/>
    <n v="0"/>
    <n v="1022"/>
    <s v="Billed Revenues"/>
    <s v="EXV"/>
    <s v="NONBU"/>
    <s v="G0000110"/>
    <s v="N"/>
    <s v="MACSS Dist Billed Revenue-03"/>
    <s v=""/>
    <x v="0"/>
    <s v="CAD0330408"/>
    <s v="S"/>
    <s v="KY"/>
    <s v="REV"/>
    <s v="974"/>
    <s v="GLBATCH"/>
    <n v="4"/>
    <n v="2016"/>
  </r>
  <r>
    <s v="110"/>
    <d v="2016-04-15T00:00:00"/>
    <x v="2"/>
    <x v="0"/>
    <s v="10828"/>
    <s v="GLNANDA"/>
    <n v="-280906.39"/>
    <n v="-2198563"/>
    <s v="Billed Revenues"/>
    <s v="EXV"/>
    <s v="NONBU"/>
    <s v="G0000110"/>
    <s v="N"/>
    <s v="MACSS Dist Billed Revenue-03"/>
    <s v=""/>
    <x v="0"/>
    <s v="CAD0330408"/>
    <s v="S"/>
    <s v="KY"/>
    <s v="REV"/>
    <s v="974"/>
    <s v="GLBATCH"/>
    <n v="4"/>
    <n v="2016"/>
  </r>
  <r>
    <s v="110"/>
    <d v="2016-04-15T00:00:00"/>
    <x v="1"/>
    <x v="0"/>
    <s v="10828"/>
    <s v="GLNANDA"/>
    <n v="0"/>
    <n v="2776"/>
    <s v="Billed Revenues"/>
    <s v="EXV"/>
    <s v="NONBU"/>
    <s v="G0000110"/>
    <s v="N"/>
    <s v="MACSS Dist Billed Revenue-03"/>
    <s v=""/>
    <x v="0"/>
    <s v="CAD0330408"/>
    <s v="S"/>
    <s v="KY"/>
    <s v="REV"/>
    <s v="974"/>
    <s v="GLBATCH"/>
    <n v="4"/>
    <n v="2016"/>
  </r>
  <r>
    <s v="110"/>
    <d v="2016-04-15T00:00:00"/>
    <x v="1"/>
    <x v="0"/>
    <s v="10828"/>
    <s v="GLNANDA"/>
    <n v="-244645.39"/>
    <n v="-2000494"/>
    <s v="Billed Revenues"/>
    <s v="EXV"/>
    <s v="NONBU"/>
    <s v="G0000110"/>
    <s v="N"/>
    <s v="MACSS Dist Billed Revenue-03"/>
    <s v=""/>
    <x v="0"/>
    <s v="CAD0330408"/>
    <s v="S"/>
    <s v="KY"/>
    <s v="REV"/>
    <s v="974"/>
    <s v="GLBATCH"/>
    <n v="4"/>
    <n v="2016"/>
  </r>
  <r>
    <s v="110"/>
    <d v="2016-04-15T00:00:00"/>
    <x v="3"/>
    <x v="0"/>
    <s v="10828"/>
    <s v="GLNANDA"/>
    <n v="0"/>
    <n v="10"/>
    <s v="Billed Revenues"/>
    <s v="EXV"/>
    <s v="NONBU"/>
    <s v="G0000110"/>
    <s v="N"/>
    <s v="MACSS Dist Billed Revenue-03"/>
    <s v=""/>
    <x v="0"/>
    <s v="CAD0330408"/>
    <s v="S"/>
    <s v="KY"/>
    <s v="REV"/>
    <s v="974"/>
    <s v="GLBATCH"/>
    <n v="4"/>
    <n v="2016"/>
  </r>
  <r>
    <s v="110"/>
    <d v="2016-04-15T00:00:00"/>
    <x v="3"/>
    <x v="0"/>
    <s v="10828"/>
    <s v="GLNANDA"/>
    <n v="-490502.32"/>
    <n v="-6590641"/>
    <s v="Billed Revenues"/>
    <s v="EXV"/>
    <s v="NONBU"/>
    <s v="G0000110"/>
    <s v="N"/>
    <s v="MACSS Dist Billed Revenue-03"/>
    <s v=""/>
    <x v="0"/>
    <s v="CAD0330408"/>
    <s v="S"/>
    <s v="KY"/>
    <s v="REV"/>
    <s v="974"/>
    <s v="GLBATCH"/>
    <n v="4"/>
    <n v="2016"/>
  </r>
  <r>
    <s v="110"/>
    <d v="2016-04-15T00:00:00"/>
    <x v="6"/>
    <x v="0"/>
    <s v="10828"/>
    <s v="GLNANDA"/>
    <n v="0"/>
    <n v="15"/>
    <s v="Billed Revenues"/>
    <s v="EXV"/>
    <s v="NONBU"/>
    <s v="G0000110"/>
    <s v="N"/>
    <s v="MACSS Dist Billed Revenue-03"/>
    <s v=""/>
    <x v="0"/>
    <s v="CAD0330408"/>
    <s v="S"/>
    <s v="KY"/>
    <s v="REV"/>
    <s v="974"/>
    <s v="GLBATCH"/>
    <n v="4"/>
    <n v="2016"/>
  </r>
  <r>
    <s v="110"/>
    <d v="2016-04-15T00:00:00"/>
    <x v="6"/>
    <x v="0"/>
    <s v="10828"/>
    <s v="GLNANDA"/>
    <n v="-1073.3699999999999"/>
    <n v="-6126"/>
    <s v="Billed Revenues"/>
    <s v="EXV"/>
    <s v="NONBU"/>
    <s v="G0000110"/>
    <s v="N"/>
    <s v="MACSS Dist Billed Revenue-03"/>
    <s v=""/>
    <x v="0"/>
    <s v="CAD0330408"/>
    <s v="S"/>
    <s v="KY"/>
    <s v="REV"/>
    <s v="974"/>
    <s v="GLBATCH"/>
    <n v="4"/>
    <n v="2016"/>
  </r>
  <r>
    <s v="110"/>
    <d v="2016-04-15T00:00:00"/>
    <x v="5"/>
    <x v="0"/>
    <s v="10828"/>
    <s v="GLNANDA"/>
    <n v="0"/>
    <n v="103"/>
    <s v="Billed Revenues"/>
    <s v="EXV"/>
    <s v="NONBU"/>
    <s v="G0000110"/>
    <s v="N"/>
    <s v="MACSS Dist Billed Revenue-03"/>
    <s v=""/>
    <x v="0"/>
    <s v="CAD0330408"/>
    <s v="S"/>
    <s v="KY"/>
    <s v="REV"/>
    <s v="974"/>
    <s v="GLBATCH"/>
    <n v="4"/>
    <n v="2016"/>
  </r>
  <r>
    <s v="110"/>
    <d v="2016-04-15T00:00:00"/>
    <x v="5"/>
    <x v="0"/>
    <s v="10828"/>
    <s v="GLNANDA"/>
    <n v="-76518.100000000006"/>
    <n v="-765196"/>
    <s v="Billed Revenues"/>
    <s v="EXV"/>
    <s v="NONBU"/>
    <s v="G0000110"/>
    <s v="N"/>
    <s v="MACSS Dist Billed Revenue-03"/>
    <s v=""/>
    <x v="0"/>
    <s v="CAD0330408"/>
    <s v="S"/>
    <s v="KY"/>
    <s v="REV"/>
    <s v="974"/>
    <s v="GLBATCH"/>
    <n v="4"/>
    <n v="2016"/>
  </r>
  <r>
    <s v="110"/>
    <d v="2016-04-15T00:00:00"/>
    <x v="7"/>
    <x v="0"/>
    <s v="10828"/>
    <s v="GLNANDA"/>
    <n v="0"/>
    <n v="30"/>
    <s v="Billed Revenues"/>
    <s v="EXV"/>
    <s v="NONBU"/>
    <s v="G0000110"/>
    <s v="N"/>
    <s v="MACSS Dist Billed Revenue-03"/>
    <s v=""/>
    <x v="0"/>
    <s v="CAD0330408"/>
    <s v="S"/>
    <s v="KY"/>
    <s v="REV"/>
    <s v="974"/>
    <s v="GLBATCH"/>
    <n v="4"/>
    <n v="2016"/>
  </r>
  <r>
    <s v="110"/>
    <d v="2016-04-15T00:00:00"/>
    <x v="7"/>
    <x v="0"/>
    <s v="10828"/>
    <s v="GLNANDA"/>
    <n v="-111471.17"/>
    <n v="-969921"/>
    <s v="Billed Revenues"/>
    <s v="EXV"/>
    <s v="NONBU"/>
    <s v="G0000110"/>
    <s v="N"/>
    <s v="MACSS Dist Billed Revenue-03"/>
    <s v=""/>
    <x v="0"/>
    <s v="CAD0330408"/>
    <s v="S"/>
    <s v="KY"/>
    <s v="REV"/>
    <s v="974"/>
    <s v="GLBATCH"/>
    <n v="4"/>
    <n v="2016"/>
  </r>
  <r>
    <s v="110"/>
    <d v="2016-04-15T00:00:00"/>
    <x v="3"/>
    <x v="0"/>
    <s v="10828"/>
    <s v="GLNANDA"/>
    <n v="0"/>
    <n v="20"/>
    <s v="Billed Revenues"/>
    <s v="EXV"/>
    <s v="NONBU"/>
    <s v="G0000110"/>
    <s v="N"/>
    <s v="MACSS Dist Billed Revenue-03"/>
    <s v=""/>
    <x v="0"/>
    <s v="CAD0330411"/>
    <s v="S"/>
    <s v="KY"/>
    <s v="REV"/>
    <s v="974"/>
    <s v="GLBATCH"/>
    <n v="4"/>
    <n v="2016"/>
  </r>
  <r>
    <s v="110"/>
    <d v="2016-04-15T00:00:00"/>
    <x v="7"/>
    <x v="0"/>
    <s v="10828"/>
    <s v="GLNANDA"/>
    <n v="-60213.33"/>
    <n v="-473067"/>
    <s v="Billed Revenues"/>
    <s v="EXV"/>
    <s v="NONBU"/>
    <s v="G0000110"/>
    <s v="N"/>
    <s v="MACSS Dist Billed Revenue-03"/>
    <s v=""/>
    <x v="0"/>
    <s v="CAD0330411"/>
    <s v="S"/>
    <s v="KY"/>
    <s v="REV"/>
    <s v="974"/>
    <s v="GLBATCH"/>
    <n v="4"/>
    <n v="2016"/>
  </r>
  <r>
    <s v="110"/>
    <d v="2016-04-15T00:00:00"/>
    <x v="6"/>
    <x v="0"/>
    <s v="10828"/>
    <s v="GLNANDA"/>
    <n v="0"/>
    <n v="15"/>
    <s v="Billed Revenues"/>
    <s v="EXV"/>
    <s v="NONBU"/>
    <s v="G0000110"/>
    <s v="N"/>
    <s v="MACSS Dist Billed Revenue-03"/>
    <s v=""/>
    <x v="0"/>
    <s v="CAD0330411"/>
    <s v="S"/>
    <s v="KY"/>
    <s v="REV"/>
    <s v="974"/>
    <s v="GLBATCH"/>
    <n v="4"/>
    <n v="2016"/>
  </r>
  <r>
    <s v="110"/>
    <d v="2016-04-15T00:00:00"/>
    <x v="6"/>
    <x v="0"/>
    <s v="10828"/>
    <s v="GLNANDA"/>
    <n v="-646.27"/>
    <n v="-2452"/>
    <s v="Billed Revenues"/>
    <s v="EXV"/>
    <s v="NONBU"/>
    <s v="G0000110"/>
    <s v="N"/>
    <s v="MACSS Dist Billed Revenue-03"/>
    <s v=""/>
    <x v="0"/>
    <s v="CAD0330411"/>
    <s v="S"/>
    <s v="KY"/>
    <s v="REV"/>
    <s v="974"/>
    <s v="GLBATCH"/>
    <n v="4"/>
    <n v="2016"/>
  </r>
  <r>
    <s v="110"/>
    <d v="2016-04-15T00:00:00"/>
    <x v="5"/>
    <x v="0"/>
    <s v="10828"/>
    <s v="GLNANDA"/>
    <n v="0"/>
    <n v="141"/>
    <s v="Billed Revenues"/>
    <s v="EXV"/>
    <s v="NONBU"/>
    <s v="G0000110"/>
    <s v="N"/>
    <s v="MACSS Dist Billed Revenue-03"/>
    <s v=""/>
    <x v="0"/>
    <s v="CAD0330411"/>
    <s v="S"/>
    <s v="KY"/>
    <s v="REV"/>
    <s v="974"/>
    <s v="GLBATCH"/>
    <n v="4"/>
    <n v="2016"/>
  </r>
  <r>
    <s v="110"/>
    <d v="2016-04-15T00:00:00"/>
    <x v="5"/>
    <x v="0"/>
    <s v="10828"/>
    <s v="GLNANDA"/>
    <n v="-177716.38"/>
    <n v="-1905018"/>
    <s v="Billed Revenues"/>
    <s v="EXV"/>
    <s v="NONBU"/>
    <s v="G0000110"/>
    <s v="N"/>
    <s v="MACSS Dist Billed Revenue-03"/>
    <s v=""/>
    <x v="0"/>
    <s v="CAD0330411"/>
    <s v="S"/>
    <s v="KY"/>
    <s v="REV"/>
    <s v="974"/>
    <s v="GLBATCH"/>
    <n v="4"/>
    <n v="2016"/>
  </r>
  <r>
    <s v="110"/>
    <d v="2016-04-15T00:00:00"/>
    <x v="4"/>
    <x v="0"/>
    <s v="10828"/>
    <s v="GLNANDA"/>
    <n v="0"/>
    <n v="4921"/>
    <s v="Billed Revenues"/>
    <s v="EXV"/>
    <s v="NONBU"/>
    <s v="G0000110"/>
    <s v="N"/>
    <s v="MACSS Dist Billed Revenue-03"/>
    <s v=""/>
    <x v="0"/>
    <s v="CAD0330411"/>
    <s v="S"/>
    <s v="KY"/>
    <s v="REV"/>
    <s v="974"/>
    <s v="GLBATCH"/>
    <n v="4"/>
    <n v="2016"/>
  </r>
  <r>
    <s v="110"/>
    <d v="2016-04-15T00:00:00"/>
    <x v="4"/>
    <x v="0"/>
    <s v="10828"/>
    <s v="GLNANDA"/>
    <n v="-654423.06999999995"/>
    <n v="-5732156"/>
    <s v="Billed Revenues"/>
    <s v="EXV"/>
    <s v="NONBU"/>
    <s v="G0000110"/>
    <s v="N"/>
    <s v="MACSS Dist Billed Revenue-03"/>
    <s v=""/>
    <x v="0"/>
    <s v="CAD0330411"/>
    <s v="S"/>
    <s v="KY"/>
    <s v="REV"/>
    <s v="974"/>
    <s v="GLBATCH"/>
    <n v="4"/>
    <n v="2016"/>
  </r>
  <r>
    <s v="110"/>
    <d v="2016-04-15T00:00:00"/>
    <x v="0"/>
    <x v="0"/>
    <s v="10828"/>
    <s v="GLNANDA"/>
    <n v="0"/>
    <n v="25"/>
    <s v="Billed Revenues"/>
    <s v="EXV"/>
    <s v="NONBU"/>
    <s v="G0000110"/>
    <s v="N"/>
    <s v="MACSS Dist Billed Revenue-03"/>
    <s v=""/>
    <x v="0"/>
    <s v="CAD0330411"/>
    <s v="S"/>
    <s v="KY"/>
    <s v="REV"/>
    <s v="974"/>
    <s v="GLBATCH"/>
    <n v="4"/>
    <n v="2016"/>
  </r>
  <r>
    <s v="110"/>
    <d v="2016-04-15T00:00:00"/>
    <x v="0"/>
    <x v="0"/>
    <s v="10828"/>
    <s v="GLNANDA"/>
    <n v="-1130283.77"/>
    <n v="-20596109"/>
    <s v="Billed Revenues"/>
    <s v="EXV"/>
    <s v="NONBU"/>
    <s v="G0000110"/>
    <s v="N"/>
    <s v="MACSS Dist Billed Revenue-03"/>
    <s v=""/>
    <x v="0"/>
    <s v="CAD0330411"/>
    <s v="S"/>
    <s v="KY"/>
    <s v="REV"/>
    <s v="974"/>
    <s v="GLBATCH"/>
    <n v="4"/>
    <n v="2016"/>
  </r>
  <r>
    <s v="110"/>
    <d v="2016-04-15T00:00:00"/>
    <x v="2"/>
    <x v="0"/>
    <s v="10828"/>
    <s v="GLNANDA"/>
    <n v="0"/>
    <n v="1606"/>
    <s v="Billed Revenues"/>
    <s v="EXV"/>
    <s v="NONBU"/>
    <s v="G0000110"/>
    <s v="N"/>
    <s v="MACSS Dist Billed Revenue-03"/>
    <s v=""/>
    <x v="0"/>
    <s v="CAD0330411"/>
    <s v="S"/>
    <s v="KY"/>
    <s v="REV"/>
    <s v="974"/>
    <s v="GLBATCH"/>
    <n v="4"/>
    <n v="2016"/>
  </r>
  <r>
    <s v="110"/>
    <d v="2016-04-15T00:00:00"/>
    <x v="2"/>
    <x v="0"/>
    <s v="10828"/>
    <s v="GLNANDA"/>
    <n v="-738948.96"/>
    <n v="-6983433"/>
    <s v="Billed Revenues"/>
    <s v="EXV"/>
    <s v="NONBU"/>
    <s v="G0000110"/>
    <s v="N"/>
    <s v="MACSS Dist Billed Revenue-03"/>
    <s v=""/>
    <x v="0"/>
    <s v="CAD0330411"/>
    <s v="S"/>
    <s v="KY"/>
    <s v="REV"/>
    <s v="974"/>
    <s v="GLBATCH"/>
    <n v="4"/>
    <n v="2016"/>
  </r>
  <r>
    <s v="110"/>
    <d v="2016-04-15T00:00:00"/>
    <x v="1"/>
    <x v="0"/>
    <s v="10828"/>
    <s v="GLNANDA"/>
    <n v="0"/>
    <n v="2493"/>
    <s v="Billed Revenues"/>
    <s v="EXV"/>
    <s v="NONBU"/>
    <s v="G0000110"/>
    <s v="N"/>
    <s v="MACSS Dist Billed Revenue-03"/>
    <s v=""/>
    <x v="0"/>
    <s v="CAD0330411"/>
    <s v="S"/>
    <s v="KY"/>
    <s v="REV"/>
    <s v="974"/>
    <s v="GLBATCH"/>
    <n v="4"/>
    <n v="2016"/>
  </r>
  <r>
    <s v="110"/>
    <d v="2016-04-15T00:00:00"/>
    <x v="1"/>
    <x v="0"/>
    <s v="10828"/>
    <s v="GLNANDA"/>
    <n v="-235329.76"/>
    <n v="-1949642"/>
    <s v="Billed Revenues"/>
    <s v="EXV"/>
    <s v="NONBU"/>
    <s v="G0000110"/>
    <s v="N"/>
    <s v="MACSS Dist Billed Revenue-03"/>
    <s v=""/>
    <x v="0"/>
    <s v="CAD0330411"/>
    <s v="S"/>
    <s v="KY"/>
    <s v="REV"/>
    <s v="974"/>
    <s v="GLBATCH"/>
    <n v="4"/>
    <n v="2016"/>
  </r>
  <r>
    <s v="110"/>
    <d v="2016-04-15T00:00:00"/>
    <x v="7"/>
    <x v="0"/>
    <s v="10828"/>
    <s v="GLNANDA"/>
    <n v="0"/>
    <n v="50"/>
    <s v="Billed Revenues"/>
    <s v="EXV"/>
    <s v="NONBU"/>
    <s v="G0000110"/>
    <s v="N"/>
    <s v="MACSS Dist Billed Revenue-03"/>
    <s v=""/>
    <x v="0"/>
    <s v="CAD0330411"/>
    <s v="S"/>
    <s v="KY"/>
    <s v="REV"/>
    <s v="974"/>
    <s v="GLBATCH"/>
    <n v="4"/>
    <n v="2016"/>
  </r>
  <r>
    <s v="110"/>
    <d v="2016-04-15T00:00:00"/>
    <x v="3"/>
    <x v="0"/>
    <s v="10828"/>
    <s v="GLNANDA"/>
    <n v="-153955.85"/>
    <n v="-792169"/>
    <s v="Billed Revenues"/>
    <s v="EXV"/>
    <s v="NONBU"/>
    <s v="G0000110"/>
    <s v="N"/>
    <s v="MACSS Dist Billed Revenue-03"/>
    <s v=""/>
    <x v="0"/>
    <s v="CAD0330411"/>
    <s v="S"/>
    <s v="KY"/>
    <s v="REV"/>
    <s v="974"/>
    <s v="GLBATCH"/>
    <n v="4"/>
    <n v="2016"/>
  </r>
  <r>
    <s v="110"/>
    <d v="2016-04-15T00:00:00"/>
    <x v="3"/>
    <x v="0"/>
    <s v="10828"/>
    <s v="GLNANDA"/>
    <n v="-25312.22"/>
    <n v="-143866"/>
    <s v="Billed Revenues"/>
    <s v="EXV"/>
    <s v="NONBU"/>
    <s v="G0000110"/>
    <s v="N"/>
    <s v="MACSS Dist Billed Revenue-03"/>
    <s v=""/>
    <x v="0"/>
    <s v="CAD0330412"/>
    <s v="S"/>
    <s v="KY"/>
    <s v="REV"/>
    <s v="974"/>
    <s v="GLBATCH"/>
    <n v="4"/>
    <n v="2016"/>
  </r>
  <r>
    <s v="110"/>
    <d v="2016-04-15T00:00:00"/>
    <x v="6"/>
    <x v="0"/>
    <s v="10828"/>
    <s v="GLNANDA"/>
    <n v="0"/>
    <n v="15"/>
    <s v="Billed Revenues"/>
    <s v="EXV"/>
    <s v="NONBU"/>
    <s v="G0000110"/>
    <s v="N"/>
    <s v="MACSS Dist Billed Revenue-03"/>
    <s v=""/>
    <x v="0"/>
    <s v="CAD0330412"/>
    <s v="S"/>
    <s v="KY"/>
    <s v="REV"/>
    <s v="974"/>
    <s v="GLBATCH"/>
    <n v="4"/>
    <n v="2016"/>
  </r>
  <r>
    <s v="110"/>
    <d v="2016-04-15T00:00:00"/>
    <x v="6"/>
    <x v="0"/>
    <s v="10828"/>
    <s v="GLNANDA"/>
    <n v="-4412.04"/>
    <n v="-34513"/>
    <s v="Billed Revenues"/>
    <s v="EXV"/>
    <s v="NONBU"/>
    <s v="G0000110"/>
    <s v="N"/>
    <s v="MACSS Dist Billed Revenue-03"/>
    <s v=""/>
    <x v="0"/>
    <s v="CAD0330412"/>
    <s v="S"/>
    <s v="KY"/>
    <s v="REV"/>
    <s v="974"/>
    <s v="GLBATCH"/>
    <n v="4"/>
    <n v="2016"/>
  </r>
  <r>
    <s v="110"/>
    <d v="2016-04-15T00:00:00"/>
    <x v="5"/>
    <x v="0"/>
    <s v="10828"/>
    <s v="GLNANDA"/>
    <n v="0"/>
    <n v="174"/>
    <s v="Billed Revenues"/>
    <s v="EXV"/>
    <s v="NONBU"/>
    <s v="G0000110"/>
    <s v="N"/>
    <s v="MACSS Dist Billed Revenue-03"/>
    <s v=""/>
    <x v="0"/>
    <s v="CAD0330412"/>
    <s v="S"/>
    <s v="KY"/>
    <s v="REV"/>
    <s v="974"/>
    <s v="GLBATCH"/>
    <n v="4"/>
    <n v="2016"/>
  </r>
  <r>
    <s v="110"/>
    <d v="2016-04-15T00:00:00"/>
    <x v="5"/>
    <x v="0"/>
    <s v="10828"/>
    <s v="GLNANDA"/>
    <n v="-85358.33"/>
    <n v="-677883"/>
    <s v="Billed Revenues"/>
    <s v="EXV"/>
    <s v="NONBU"/>
    <s v="G0000110"/>
    <s v="N"/>
    <s v="MACSS Dist Billed Revenue-03"/>
    <s v=""/>
    <x v="0"/>
    <s v="CAD0330412"/>
    <s v="S"/>
    <s v="KY"/>
    <s v="REV"/>
    <s v="974"/>
    <s v="GLBATCH"/>
    <n v="4"/>
    <n v="2016"/>
  </r>
  <r>
    <s v="110"/>
    <d v="2016-04-15T00:00:00"/>
    <x v="4"/>
    <x v="0"/>
    <s v="10828"/>
    <s v="GLNANDA"/>
    <n v="0"/>
    <n v="3753"/>
    <s v="Billed Revenues"/>
    <s v="EXV"/>
    <s v="NONBU"/>
    <s v="G0000110"/>
    <s v="N"/>
    <s v="MACSS Dist Billed Revenue-03"/>
    <s v=""/>
    <x v="0"/>
    <s v="CAD0330412"/>
    <s v="S"/>
    <s v="KY"/>
    <s v="REV"/>
    <s v="974"/>
    <s v="GLBATCH"/>
    <n v="4"/>
    <n v="2016"/>
  </r>
  <r>
    <s v="110"/>
    <d v="2016-04-15T00:00:00"/>
    <x v="4"/>
    <x v="0"/>
    <s v="10828"/>
    <s v="GLNANDA"/>
    <n v="-547083.56000000006"/>
    <n v="-4824043"/>
    <s v="Billed Revenues"/>
    <s v="EXV"/>
    <s v="NONBU"/>
    <s v="G0000110"/>
    <s v="N"/>
    <s v="MACSS Dist Billed Revenue-03"/>
    <s v=""/>
    <x v="0"/>
    <s v="CAD0330412"/>
    <s v="S"/>
    <s v="KY"/>
    <s v="REV"/>
    <s v="974"/>
    <s v="GLBATCH"/>
    <n v="4"/>
    <n v="2016"/>
  </r>
  <r>
    <s v="110"/>
    <d v="2016-04-15T00:00:00"/>
    <x v="0"/>
    <x v="0"/>
    <s v="10828"/>
    <s v="GLNANDA"/>
    <n v="0"/>
    <n v="45"/>
    <s v="Billed Revenues"/>
    <s v="EXV"/>
    <s v="NONBU"/>
    <s v="G0000110"/>
    <s v="N"/>
    <s v="MACSS Dist Billed Revenue-03"/>
    <s v=""/>
    <x v="0"/>
    <s v="CAD0330412"/>
    <s v="S"/>
    <s v="KY"/>
    <s v="REV"/>
    <s v="974"/>
    <s v="GLBATCH"/>
    <n v="4"/>
    <n v="2016"/>
  </r>
  <r>
    <s v="110"/>
    <d v="2016-04-15T00:00:00"/>
    <x v="0"/>
    <x v="0"/>
    <s v="10828"/>
    <s v="GLNANDA"/>
    <n v="-127817.47"/>
    <n v="-1068993"/>
    <s v="Billed Revenues"/>
    <s v="EXV"/>
    <s v="NONBU"/>
    <s v="G0000110"/>
    <s v="N"/>
    <s v="MACSS Dist Billed Revenue-03"/>
    <s v=""/>
    <x v="0"/>
    <s v="CAD0330412"/>
    <s v="S"/>
    <s v="KY"/>
    <s v="REV"/>
    <s v="974"/>
    <s v="GLBATCH"/>
    <n v="4"/>
    <n v="2016"/>
  </r>
  <r>
    <s v="110"/>
    <d v="2016-04-15T00:00:00"/>
    <x v="2"/>
    <x v="0"/>
    <s v="10828"/>
    <s v="GLNANDA"/>
    <n v="0"/>
    <n v="1508"/>
    <s v="Billed Revenues"/>
    <s v="EXV"/>
    <s v="NONBU"/>
    <s v="G0000110"/>
    <s v="N"/>
    <s v="MACSS Dist Billed Revenue-03"/>
    <s v=""/>
    <x v="0"/>
    <s v="CAD0330412"/>
    <s v="S"/>
    <s v="KY"/>
    <s v="REV"/>
    <s v="974"/>
    <s v="GLBATCH"/>
    <n v="4"/>
    <n v="2016"/>
  </r>
  <r>
    <s v="110"/>
    <d v="2016-04-15T00:00:00"/>
    <x v="2"/>
    <x v="0"/>
    <s v="10828"/>
    <s v="GLNANDA"/>
    <n v="-441429.67"/>
    <n v="-3392276"/>
    <s v="Billed Revenues"/>
    <s v="EXV"/>
    <s v="NONBU"/>
    <s v="G0000110"/>
    <s v="N"/>
    <s v="MACSS Dist Billed Revenue-03"/>
    <s v=""/>
    <x v="0"/>
    <s v="CAD0330412"/>
    <s v="S"/>
    <s v="KY"/>
    <s v="REV"/>
    <s v="974"/>
    <s v="GLBATCH"/>
    <n v="4"/>
    <n v="2016"/>
  </r>
  <r>
    <s v="110"/>
    <d v="2016-04-15T00:00:00"/>
    <x v="1"/>
    <x v="0"/>
    <s v="10828"/>
    <s v="GLNANDA"/>
    <n v="0"/>
    <n v="1902"/>
    <s v="Billed Revenues"/>
    <s v="EXV"/>
    <s v="NONBU"/>
    <s v="G0000110"/>
    <s v="N"/>
    <s v="MACSS Dist Billed Revenue-03"/>
    <s v=""/>
    <x v="0"/>
    <s v="CAD0330412"/>
    <s v="S"/>
    <s v="KY"/>
    <s v="REV"/>
    <s v="974"/>
    <s v="GLBATCH"/>
    <n v="4"/>
    <n v="2016"/>
  </r>
  <r>
    <s v="110"/>
    <d v="2016-04-15T00:00:00"/>
    <x v="1"/>
    <x v="0"/>
    <s v="10828"/>
    <s v="GLNANDA"/>
    <n v="-198658.99"/>
    <n v="-1659719"/>
    <s v="Billed Revenues"/>
    <s v="EXV"/>
    <s v="NONBU"/>
    <s v="G0000110"/>
    <s v="N"/>
    <s v="MACSS Dist Billed Revenue-03"/>
    <s v=""/>
    <x v="0"/>
    <s v="CAD0330412"/>
    <s v="S"/>
    <s v="KY"/>
    <s v="REV"/>
    <s v="974"/>
    <s v="GLBATCH"/>
    <n v="4"/>
    <n v="2016"/>
  </r>
  <r>
    <s v="110"/>
    <d v="2016-04-15T00:00:00"/>
    <x v="7"/>
    <x v="0"/>
    <s v="10828"/>
    <s v="GLNANDA"/>
    <n v="0"/>
    <n v="35"/>
    <s v="Billed Revenues"/>
    <s v="EXV"/>
    <s v="NONBU"/>
    <s v="G0000110"/>
    <s v="N"/>
    <s v="MACSS Dist Billed Revenue-03"/>
    <s v=""/>
    <x v="0"/>
    <s v="CAD0330412"/>
    <s v="S"/>
    <s v="KY"/>
    <s v="REV"/>
    <s v="974"/>
    <s v="GLBATCH"/>
    <n v="4"/>
    <n v="2016"/>
  </r>
  <r>
    <s v="110"/>
    <d v="2016-04-15T00:00:00"/>
    <x v="7"/>
    <x v="0"/>
    <s v="10828"/>
    <s v="GLNANDA"/>
    <n v="-67922.8"/>
    <n v="-653986"/>
    <s v="Billed Revenues"/>
    <s v="EXV"/>
    <s v="NONBU"/>
    <s v="G0000110"/>
    <s v="N"/>
    <s v="MACSS Dist Billed Revenue-03"/>
    <s v=""/>
    <x v="0"/>
    <s v="CAD0330412"/>
    <s v="S"/>
    <s v="KY"/>
    <s v="REV"/>
    <s v="974"/>
    <s v="GLBATCH"/>
    <n v="4"/>
    <n v="2016"/>
  </r>
  <r>
    <s v="110"/>
    <d v="2016-04-15T00:00:00"/>
    <x v="3"/>
    <x v="0"/>
    <s v="10828"/>
    <s v="GLNANDA"/>
    <n v="0"/>
    <n v="19"/>
    <s v="Billed Revenues"/>
    <s v="EXV"/>
    <s v="NONBU"/>
    <s v="G0000110"/>
    <s v="N"/>
    <s v="MACSS Dist Billed Revenue-03"/>
    <s v=""/>
    <x v="0"/>
    <s v="CAD0330412"/>
    <s v="S"/>
    <s v="KY"/>
    <s v="REV"/>
    <s v="974"/>
    <s v="GLBATCH"/>
    <n v="4"/>
    <n v="2016"/>
  </r>
  <r>
    <s v="110"/>
    <d v="2016-04-15T00:00:00"/>
    <x v="3"/>
    <x v="0"/>
    <s v="10828"/>
    <s v="GLNANDA"/>
    <n v="0"/>
    <n v="8"/>
    <s v="Billed Revenues"/>
    <s v="EXV"/>
    <s v="NONBU"/>
    <s v="G0000110"/>
    <s v="N"/>
    <s v="MACSS Dist Billed Revenue-03"/>
    <s v=""/>
    <x v="0"/>
    <s v="CAD0330413"/>
    <s v="S"/>
    <s v="KY"/>
    <s v="REV"/>
    <s v="974"/>
    <s v="GLBATCH"/>
    <n v="4"/>
    <n v="2016"/>
  </r>
  <r>
    <s v="110"/>
    <d v="2016-04-15T00:00:00"/>
    <x v="7"/>
    <x v="0"/>
    <s v="10828"/>
    <s v="GLNANDA"/>
    <n v="-58642.96"/>
    <n v="-499312"/>
    <s v="Billed Revenues"/>
    <s v="EXV"/>
    <s v="NONBU"/>
    <s v="G0000110"/>
    <s v="N"/>
    <s v="MACSS Dist Billed Revenue-03"/>
    <s v=""/>
    <x v="0"/>
    <s v="CAD0330413"/>
    <s v="S"/>
    <s v="KY"/>
    <s v="REV"/>
    <s v="974"/>
    <s v="GLBATCH"/>
    <n v="4"/>
    <n v="2016"/>
  </r>
  <r>
    <s v="110"/>
    <d v="2016-04-15T00:00:00"/>
    <x v="6"/>
    <x v="0"/>
    <s v="10828"/>
    <s v="GLNANDA"/>
    <n v="0"/>
    <n v="20"/>
    <s v="Billed Revenues"/>
    <s v="EXV"/>
    <s v="NONBU"/>
    <s v="G0000110"/>
    <s v="N"/>
    <s v="MACSS Dist Billed Revenue-03"/>
    <s v=""/>
    <x v="0"/>
    <s v="CAD0330413"/>
    <s v="S"/>
    <s v="KY"/>
    <s v="REV"/>
    <s v="974"/>
    <s v="GLBATCH"/>
    <n v="4"/>
    <n v="2016"/>
  </r>
  <r>
    <s v="110"/>
    <d v="2016-04-15T00:00:00"/>
    <x v="6"/>
    <x v="0"/>
    <s v="10828"/>
    <s v="GLNANDA"/>
    <n v="-1444.35"/>
    <n v="-8303"/>
    <s v="Billed Revenues"/>
    <s v="EXV"/>
    <s v="NONBU"/>
    <s v="G0000110"/>
    <s v="N"/>
    <s v="MACSS Dist Billed Revenue-03"/>
    <s v=""/>
    <x v="0"/>
    <s v="CAD0330413"/>
    <s v="S"/>
    <s v="KY"/>
    <s v="REV"/>
    <s v="974"/>
    <s v="GLBATCH"/>
    <n v="4"/>
    <n v="2016"/>
  </r>
  <r>
    <s v="110"/>
    <d v="2016-04-15T00:00:00"/>
    <x v="5"/>
    <x v="0"/>
    <s v="10828"/>
    <s v="GLNANDA"/>
    <n v="0"/>
    <n v="188"/>
    <s v="Billed Revenues"/>
    <s v="EXV"/>
    <s v="NONBU"/>
    <s v="G0000110"/>
    <s v="N"/>
    <s v="MACSS Dist Billed Revenue-03"/>
    <s v=""/>
    <x v="0"/>
    <s v="CAD0330413"/>
    <s v="S"/>
    <s v="KY"/>
    <s v="REV"/>
    <s v="974"/>
    <s v="GLBATCH"/>
    <n v="4"/>
    <n v="2016"/>
  </r>
  <r>
    <s v="110"/>
    <d v="2016-04-15T00:00:00"/>
    <x v="5"/>
    <x v="0"/>
    <s v="10828"/>
    <s v="GLNANDA"/>
    <n v="-150404.60999999999"/>
    <n v="-1258907"/>
    <s v="Billed Revenues"/>
    <s v="EXV"/>
    <s v="NONBU"/>
    <s v="G0000110"/>
    <s v="N"/>
    <s v="MACSS Dist Billed Revenue-03"/>
    <s v=""/>
    <x v="0"/>
    <s v="CAD0330413"/>
    <s v="S"/>
    <s v="KY"/>
    <s v="REV"/>
    <s v="974"/>
    <s v="GLBATCH"/>
    <n v="4"/>
    <n v="2016"/>
  </r>
  <r>
    <s v="110"/>
    <d v="2016-04-15T00:00:00"/>
    <x v="4"/>
    <x v="0"/>
    <s v="10828"/>
    <s v="GLNANDA"/>
    <n v="0"/>
    <n v="4570"/>
    <s v="Billed Revenues"/>
    <s v="EXV"/>
    <s v="NONBU"/>
    <s v="G0000110"/>
    <s v="N"/>
    <s v="MACSS Dist Billed Revenue-03"/>
    <s v=""/>
    <x v="0"/>
    <s v="CAD0330413"/>
    <s v="S"/>
    <s v="KY"/>
    <s v="REV"/>
    <s v="974"/>
    <s v="GLBATCH"/>
    <n v="4"/>
    <n v="2016"/>
  </r>
  <r>
    <s v="110"/>
    <d v="2016-04-15T00:00:00"/>
    <x v="4"/>
    <x v="0"/>
    <s v="10828"/>
    <s v="GLNANDA"/>
    <n v="-600639.32999999996"/>
    <n v="-5253372"/>
    <s v="Billed Revenues"/>
    <s v="EXV"/>
    <s v="NONBU"/>
    <s v="G0000110"/>
    <s v="N"/>
    <s v="MACSS Dist Billed Revenue-03"/>
    <s v=""/>
    <x v="0"/>
    <s v="CAD0330413"/>
    <s v="S"/>
    <s v="KY"/>
    <s v="REV"/>
    <s v="974"/>
    <s v="GLBATCH"/>
    <n v="4"/>
    <n v="2016"/>
  </r>
  <r>
    <s v="110"/>
    <d v="2016-04-15T00:00:00"/>
    <x v="0"/>
    <x v="0"/>
    <s v="10828"/>
    <s v="GLNANDA"/>
    <n v="0"/>
    <n v="22"/>
    <s v="Billed Revenues"/>
    <s v="EXV"/>
    <s v="NONBU"/>
    <s v="G0000110"/>
    <s v="N"/>
    <s v="MACSS Dist Billed Revenue-03"/>
    <s v=""/>
    <x v="0"/>
    <s v="CAD0330413"/>
    <s v="S"/>
    <s v="KY"/>
    <s v="REV"/>
    <s v="974"/>
    <s v="GLBATCH"/>
    <n v="4"/>
    <n v="2016"/>
  </r>
  <r>
    <s v="110"/>
    <d v="2016-04-15T00:00:00"/>
    <x v="0"/>
    <x v="0"/>
    <s v="10828"/>
    <s v="GLNANDA"/>
    <n v="-85777.19"/>
    <n v="-578829"/>
    <s v="Billed Revenues"/>
    <s v="EXV"/>
    <s v="NONBU"/>
    <s v="G0000110"/>
    <s v="N"/>
    <s v="MACSS Dist Billed Revenue-03"/>
    <s v=""/>
    <x v="0"/>
    <s v="CAD0330413"/>
    <s v="S"/>
    <s v="KY"/>
    <s v="REV"/>
    <s v="974"/>
    <s v="GLBATCH"/>
    <n v="4"/>
    <n v="2016"/>
  </r>
  <r>
    <s v="110"/>
    <d v="2016-04-15T00:00:00"/>
    <x v="2"/>
    <x v="0"/>
    <s v="10828"/>
    <s v="GLNANDA"/>
    <n v="0"/>
    <n v="1304"/>
    <s v="Billed Revenues"/>
    <s v="EXV"/>
    <s v="NONBU"/>
    <s v="G0000110"/>
    <s v="N"/>
    <s v="MACSS Dist Billed Revenue-03"/>
    <s v=""/>
    <x v="0"/>
    <s v="CAD0330413"/>
    <s v="S"/>
    <s v="KY"/>
    <s v="REV"/>
    <s v="974"/>
    <s v="GLBATCH"/>
    <n v="4"/>
    <n v="2016"/>
  </r>
  <r>
    <s v="110"/>
    <d v="2016-04-15T00:00:00"/>
    <x v="2"/>
    <x v="0"/>
    <s v="10828"/>
    <s v="GLNANDA"/>
    <n v="-457305.07"/>
    <n v="-3641283"/>
    <s v="Billed Revenues"/>
    <s v="EXV"/>
    <s v="NONBU"/>
    <s v="G0000110"/>
    <s v="N"/>
    <s v="MACSS Dist Billed Revenue-03"/>
    <s v=""/>
    <x v="0"/>
    <s v="CAD0330413"/>
    <s v="S"/>
    <s v="KY"/>
    <s v="REV"/>
    <s v="974"/>
    <s v="GLBATCH"/>
    <n v="4"/>
    <n v="2016"/>
  </r>
  <r>
    <s v="110"/>
    <d v="2016-04-15T00:00:00"/>
    <x v="1"/>
    <x v="0"/>
    <s v="10828"/>
    <s v="GLNANDA"/>
    <n v="0"/>
    <n v="2599"/>
    <s v="Billed Revenues"/>
    <s v="EXV"/>
    <s v="NONBU"/>
    <s v="G0000110"/>
    <s v="N"/>
    <s v="MACSS Dist Billed Revenue-03"/>
    <s v=""/>
    <x v="0"/>
    <s v="CAD0330413"/>
    <s v="S"/>
    <s v="KY"/>
    <s v="REV"/>
    <s v="974"/>
    <s v="GLBATCH"/>
    <n v="4"/>
    <n v="2016"/>
  </r>
  <r>
    <s v="110"/>
    <d v="2016-04-15T00:00:00"/>
    <x v="1"/>
    <x v="0"/>
    <s v="10828"/>
    <s v="GLNANDA"/>
    <n v="-261987.24"/>
    <n v="-2195832"/>
    <s v="Billed Revenues"/>
    <s v="EXV"/>
    <s v="NONBU"/>
    <s v="G0000110"/>
    <s v="N"/>
    <s v="MACSS Dist Billed Revenue-03"/>
    <s v=""/>
    <x v="0"/>
    <s v="CAD0330413"/>
    <s v="S"/>
    <s v="KY"/>
    <s v="REV"/>
    <s v="974"/>
    <s v="GLBATCH"/>
    <n v="4"/>
    <n v="2016"/>
  </r>
  <r>
    <s v="110"/>
    <d v="2016-04-15T00:00:00"/>
    <x v="7"/>
    <x v="0"/>
    <s v="10828"/>
    <s v="GLNANDA"/>
    <n v="0"/>
    <n v="31"/>
    <s v="Billed Revenues"/>
    <s v="EXV"/>
    <s v="NONBU"/>
    <s v="G0000110"/>
    <s v="N"/>
    <s v="MACSS Dist Billed Revenue-03"/>
    <s v=""/>
    <x v="0"/>
    <s v="CAD0330413"/>
    <s v="S"/>
    <s v="KY"/>
    <s v="REV"/>
    <s v="974"/>
    <s v="GLBATCH"/>
    <n v="4"/>
    <n v="2016"/>
  </r>
  <r>
    <s v="110"/>
    <d v="2016-04-15T00:00:00"/>
    <x v="3"/>
    <x v="0"/>
    <s v="10828"/>
    <s v="GLNANDA"/>
    <n v="-188929.75"/>
    <n v="-2446460"/>
    <s v="Billed Revenues"/>
    <s v="EXV"/>
    <s v="NONBU"/>
    <s v="G0000110"/>
    <s v="N"/>
    <s v="MACSS Dist Billed Revenue-03"/>
    <s v=""/>
    <x v="0"/>
    <s v="CAD0330413"/>
    <s v="S"/>
    <s v="KY"/>
    <s v="REV"/>
    <s v="974"/>
    <s v="GLBATCH"/>
    <n v="4"/>
    <n v="2016"/>
  </r>
  <r>
    <s v="110"/>
    <d v="2016-04-15T00:00:00"/>
    <x v="3"/>
    <x v="0"/>
    <s v="10828"/>
    <s v="GLNANDA"/>
    <n v="0"/>
    <n v="11"/>
    <s v="Billed Revenues"/>
    <s v="EXV"/>
    <s v="NONBU"/>
    <s v="G0000110"/>
    <s v="N"/>
    <s v="MACSS Dist Billed Revenue-03"/>
    <s v=""/>
    <x v="0"/>
    <s v="CAD0330414"/>
    <s v="S"/>
    <s v="KY"/>
    <s v="REV"/>
    <s v="974"/>
    <s v="GLBATCH"/>
    <n v="4"/>
    <n v="2016"/>
  </r>
  <r>
    <s v="110"/>
    <d v="2016-04-15T00:00:00"/>
    <x v="7"/>
    <x v="0"/>
    <s v="10828"/>
    <s v="GLNANDA"/>
    <n v="-101386.7"/>
    <n v="-862289"/>
    <s v="Billed Revenues"/>
    <s v="EXV"/>
    <s v="NONBU"/>
    <s v="G0000110"/>
    <s v="N"/>
    <s v="MACSS Dist Billed Revenue-03"/>
    <s v=""/>
    <x v="0"/>
    <s v="CAD0330414"/>
    <s v="S"/>
    <s v="KY"/>
    <s v="REV"/>
    <s v="974"/>
    <s v="GLBATCH"/>
    <n v="4"/>
    <n v="2016"/>
  </r>
  <r>
    <s v="110"/>
    <d v="2016-04-15T00:00:00"/>
    <x v="0"/>
    <x v="0"/>
    <s v="10828"/>
    <s v="GLNANDA"/>
    <n v="-42331.56"/>
    <n v="-566027"/>
    <s v="Billed Revenues"/>
    <s v="EXV"/>
    <s v="NONBU"/>
    <s v="G0000110"/>
    <s v="N"/>
    <s v="MACSS Dist Billed Revenue-03"/>
    <s v=""/>
    <x v="0"/>
    <s v="CAD0330414"/>
    <s v="S"/>
    <s v="KY"/>
    <s v="REV"/>
    <s v="974"/>
    <s v="GLBATCH"/>
    <n v="4"/>
    <n v="2016"/>
  </r>
  <r>
    <s v="110"/>
    <d v="2016-04-15T00:00:00"/>
    <x v="6"/>
    <x v="0"/>
    <s v="10828"/>
    <s v="GLNANDA"/>
    <n v="0"/>
    <n v="12"/>
    <s v="Billed Revenues"/>
    <s v="EXV"/>
    <s v="NONBU"/>
    <s v="G0000110"/>
    <s v="N"/>
    <s v="MACSS Dist Billed Revenue-03"/>
    <s v=""/>
    <x v="0"/>
    <s v="CAD0330414"/>
    <s v="S"/>
    <s v="KY"/>
    <s v="REV"/>
    <s v="974"/>
    <s v="GLBATCH"/>
    <n v="4"/>
    <n v="2016"/>
  </r>
  <r>
    <s v="110"/>
    <d v="2016-04-15T00:00:00"/>
    <x v="6"/>
    <x v="0"/>
    <s v="10828"/>
    <s v="GLNANDA"/>
    <n v="-2935.52"/>
    <n v="-18229"/>
    <s v="Billed Revenues"/>
    <s v="EXV"/>
    <s v="NONBU"/>
    <s v="G0000110"/>
    <s v="N"/>
    <s v="MACSS Dist Billed Revenue-03"/>
    <s v=""/>
    <x v="0"/>
    <s v="CAD0330414"/>
    <s v="S"/>
    <s v="KY"/>
    <s v="REV"/>
    <s v="974"/>
    <s v="GLBATCH"/>
    <n v="4"/>
    <n v="2016"/>
  </r>
  <r>
    <s v="110"/>
    <d v="2016-04-15T00:00:00"/>
    <x v="5"/>
    <x v="0"/>
    <s v="10828"/>
    <s v="GLNANDA"/>
    <n v="0"/>
    <n v="227"/>
    <s v="Billed Revenues"/>
    <s v="EXV"/>
    <s v="NONBU"/>
    <s v="G0000110"/>
    <s v="N"/>
    <s v="MACSS Dist Billed Revenue-03"/>
    <s v=""/>
    <x v="0"/>
    <s v="CAD0330414"/>
    <s v="S"/>
    <s v="KY"/>
    <s v="REV"/>
    <s v="974"/>
    <s v="GLBATCH"/>
    <n v="4"/>
    <n v="2016"/>
  </r>
  <r>
    <s v="110"/>
    <d v="2016-04-15T00:00:00"/>
    <x v="5"/>
    <x v="0"/>
    <s v="10828"/>
    <s v="GLNANDA"/>
    <n v="-130363.48"/>
    <n v="-1087603"/>
    <s v="Billed Revenues"/>
    <s v="EXV"/>
    <s v="NONBU"/>
    <s v="G0000110"/>
    <s v="N"/>
    <s v="MACSS Dist Billed Revenue-03"/>
    <s v=""/>
    <x v="0"/>
    <s v="CAD0330414"/>
    <s v="S"/>
    <s v="KY"/>
    <s v="REV"/>
    <s v="974"/>
    <s v="GLBATCH"/>
    <n v="4"/>
    <n v="2016"/>
  </r>
  <r>
    <s v="110"/>
    <d v="2016-04-15T00:00:00"/>
    <x v="1"/>
    <x v="0"/>
    <s v="10828"/>
    <s v="GLNANDA"/>
    <n v="0"/>
    <n v="2300"/>
    <s v="Billed Revenues"/>
    <s v="EXV"/>
    <s v="NONBU"/>
    <s v="G0000110"/>
    <s v="N"/>
    <s v="MACSS Dist Billed Revenue-03"/>
    <s v=""/>
    <x v="0"/>
    <s v="CAD0330414"/>
    <s v="S"/>
    <s v="KY"/>
    <s v="REV"/>
    <s v="974"/>
    <s v="GLBATCH"/>
    <n v="4"/>
    <n v="2016"/>
  </r>
  <r>
    <s v="110"/>
    <d v="2016-04-15T00:00:00"/>
    <x v="1"/>
    <x v="0"/>
    <s v="10828"/>
    <s v="GLNANDA"/>
    <n v="-233637.17"/>
    <n v="-1955148"/>
    <s v="Billed Revenues"/>
    <s v="EXV"/>
    <s v="NONBU"/>
    <s v="G0000110"/>
    <s v="N"/>
    <s v="MACSS Dist Billed Revenue-03"/>
    <s v=""/>
    <x v="0"/>
    <s v="CAD0330414"/>
    <s v="S"/>
    <s v="KY"/>
    <s v="REV"/>
    <s v="974"/>
    <s v="GLBATCH"/>
    <n v="4"/>
    <n v="2016"/>
  </r>
  <r>
    <s v="110"/>
    <d v="2016-04-15T00:00:00"/>
    <x v="4"/>
    <x v="0"/>
    <s v="10828"/>
    <s v="GLNANDA"/>
    <n v="0"/>
    <n v="5000"/>
    <s v="Billed Revenues"/>
    <s v="EXV"/>
    <s v="NONBU"/>
    <s v="G0000110"/>
    <s v="N"/>
    <s v="MACSS Dist Billed Revenue-03"/>
    <s v=""/>
    <x v="0"/>
    <s v="CAD0330414"/>
    <s v="S"/>
    <s v="KY"/>
    <s v="REV"/>
    <s v="974"/>
    <s v="GLBATCH"/>
    <n v="4"/>
    <n v="2016"/>
  </r>
  <r>
    <s v="110"/>
    <d v="2016-04-15T00:00:00"/>
    <x v="4"/>
    <x v="0"/>
    <s v="10828"/>
    <s v="GLNANDA"/>
    <n v="-656797.51"/>
    <n v="-5754270"/>
    <s v="Billed Revenues"/>
    <s v="EXV"/>
    <s v="NONBU"/>
    <s v="G0000110"/>
    <s v="N"/>
    <s v="MACSS Dist Billed Revenue-03"/>
    <s v=""/>
    <x v="0"/>
    <s v="CAD0330414"/>
    <s v="S"/>
    <s v="KY"/>
    <s v="REV"/>
    <s v="974"/>
    <s v="GLBATCH"/>
    <n v="4"/>
    <n v="2016"/>
  </r>
  <r>
    <s v="110"/>
    <d v="2016-04-15T00:00:00"/>
    <x v="0"/>
    <x v="0"/>
    <s v="10828"/>
    <s v="GLNANDA"/>
    <n v="0"/>
    <n v="37"/>
    <s v="Billed Revenues"/>
    <s v="EXV"/>
    <s v="NONBU"/>
    <s v="G0000110"/>
    <s v="N"/>
    <s v="MACSS Dist Billed Revenue-03"/>
    <s v=""/>
    <x v="0"/>
    <s v="CAD0330414"/>
    <s v="S"/>
    <s v="KY"/>
    <s v="REV"/>
    <s v="974"/>
    <s v="GLBATCH"/>
    <n v="4"/>
    <n v="2016"/>
  </r>
  <r>
    <s v="110"/>
    <d v="2016-04-15T00:00:00"/>
    <x v="2"/>
    <x v="0"/>
    <s v="10828"/>
    <s v="GLNANDA"/>
    <n v="0"/>
    <n v="1816"/>
    <s v="Billed Revenues"/>
    <s v="EXV"/>
    <s v="NONBU"/>
    <s v="G0000110"/>
    <s v="N"/>
    <s v="MACSS Dist Billed Revenue-03"/>
    <s v=""/>
    <x v="0"/>
    <s v="CAD0330414"/>
    <s v="S"/>
    <s v="KY"/>
    <s v="REV"/>
    <s v="974"/>
    <s v="GLBATCH"/>
    <n v="4"/>
    <n v="2016"/>
  </r>
  <r>
    <s v="110"/>
    <d v="2016-04-15T00:00:00"/>
    <x v="2"/>
    <x v="0"/>
    <s v="10828"/>
    <s v="GLNANDA"/>
    <n v="-681337.53"/>
    <n v="-5456501"/>
    <s v="Billed Revenues"/>
    <s v="EXV"/>
    <s v="NONBU"/>
    <s v="G0000110"/>
    <s v="N"/>
    <s v="MACSS Dist Billed Revenue-03"/>
    <s v=""/>
    <x v="0"/>
    <s v="CAD0330414"/>
    <s v="S"/>
    <s v="KY"/>
    <s v="REV"/>
    <s v="974"/>
    <s v="GLBATCH"/>
    <n v="4"/>
    <n v="2016"/>
  </r>
  <r>
    <s v="110"/>
    <d v="2016-04-15T00:00:00"/>
    <x v="7"/>
    <x v="0"/>
    <s v="10828"/>
    <s v="GLNANDA"/>
    <n v="0"/>
    <n v="51"/>
    <s v="Billed Revenues"/>
    <s v="EXV"/>
    <s v="NONBU"/>
    <s v="G0000110"/>
    <s v="N"/>
    <s v="MACSS Dist Billed Revenue-03"/>
    <s v=""/>
    <x v="0"/>
    <s v="CAD0330414"/>
    <s v="S"/>
    <s v="KY"/>
    <s v="REV"/>
    <s v="974"/>
    <s v="GLBATCH"/>
    <n v="4"/>
    <n v="2016"/>
  </r>
  <r>
    <s v="110"/>
    <d v="2016-04-15T00:00:00"/>
    <x v="3"/>
    <x v="0"/>
    <s v="10828"/>
    <s v="GLNANDA"/>
    <n v="-70169.88"/>
    <n v="-805362"/>
    <s v="Billed Revenues"/>
    <s v="EXV"/>
    <s v="NONBU"/>
    <s v="G0000110"/>
    <s v="N"/>
    <s v="MACSS Dist Billed Revenue-03"/>
    <s v=""/>
    <x v="0"/>
    <s v="CAD0330414"/>
    <s v="S"/>
    <s v="KY"/>
    <s v="REV"/>
    <s v="974"/>
    <s v="GLBATCH"/>
    <n v="4"/>
    <n v="2016"/>
  </r>
  <r>
    <s v="110"/>
    <d v="2016-04-15T00:00:00"/>
    <x v="3"/>
    <x v="0"/>
    <s v="10828"/>
    <s v="GLNANDA"/>
    <n v="0"/>
    <n v="12"/>
    <s v="Billed Revenues"/>
    <s v="EXV"/>
    <s v="NONBU"/>
    <s v="G0000110"/>
    <s v="N"/>
    <s v="MACSS Dist Billed Revenue-03"/>
    <s v=""/>
    <x v="0"/>
    <s v="CAD0330415"/>
    <s v="S"/>
    <s v="KY"/>
    <s v="REV"/>
    <s v="974"/>
    <s v="GLBATCH"/>
    <n v="4"/>
    <n v="2016"/>
  </r>
  <r>
    <s v="110"/>
    <d v="2016-04-15T00:00:00"/>
    <x v="7"/>
    <x v="0"/>
    <s v="10828"/>
    <s v="GLNANDA"/>
    <n v="-104096.26"/>
    <n v="-1016178"/>
    <s v="Billed Revenues"/>
    <s v="EXV"/>
    <s v="NONBU"/>
    <s v="G0000110"/>
    <s v="N"/>
    <s v="MACSS Dist Billed Revenue-03"/>
    <s v=""/>
    <x v="0"/>
    <s v="CAD0330415"/>
    <s v="S"/>
    <s v="KY"/>
    <s v="REV"/>
    <s v="974"/>
    <s v="GLBATCH"/>
    <n v="4"/>
    <n v="2016"/>
  </r>
  <r>
    <s v="110"/>
    <d v="2016-04-15T00:00:00"/>
    <x v="0"/>
    <x v="0"/>
    <s v="10828"/>
    <s v="GLNANDA"/>
    <n v="0"/>
    <n v="30"/>
    <s v="Billed Revenues"/>
    <s v="EXV"/>
    <s v="NONBU"/>
    <s v="G0000110"/>
    <s v="N"/>
    <s v="MACSS Dist Billed Revenue-03"/>
    <s v=""/>
    <x v="0"/>
    <s v="CAD0330415"/>
    <s v="S"/>
    <s v="KY"/>
    <s v="REV"/>
    <s v="974"/>
    <s v="GLBATCH"/>
    <n v="4"/>
    <n v="2016"/>
  </r>
  <r>
    <s v="110"/>
    <d v="2016-04-15T00:00:00"/>
    <x v="0"/>
    <x v="0"/>
    <s v="10828"/>
    <s v="GLNANDA"/>
    <n v="-31563.99"/>
    <n v="-226927"/>
    <s v="Billed Revenues"/>
    <s v="EXV"/>
    <s v="NONBU"/>
    <s v="G0000110"/>
    <s v="N"/>
    <s v="MACSS Dist Billed Revenue-03"/>
    <s v=""/>
    <x v="0"/>
    <s v="CAD0330415"/>
    <s v="S"/>
    <s v="KY"/>
    <s v="REV"/>
    <s v="974"/>
    <s v="GLBATCH"/>
    <n v="4"/>
    <n v="2016"/>
  </r>
  <r>
    <s v="110"/>
    <d v="2016-04-15T00:00:00"/>
    <x v="6"/>
    <x v="0"/>
    <s v="10828"/>
    <s v="GLNANDA"/>
    <n v="0"/>
    <n v="17"/>
    <s v="Billed Revenues"/>
    <s v="EXV"/>
    <s v="NONBU"/>
    <s v="G0000110"/>
    <s v="N"/>
    <s v="MACSS Dist Billed Revenue-03"/>
    <s v=""/>
    <x v="0"/>
    <s v="CAD0330415"/>
    <s v="S"/>
    <s v="KY"/>
    <s v="REV"/>
    <s v="974"/>
    <s v="GLBATCH"/>
    <n v="4"/>
    <n v="2016"/>
  </r>
  <r>
    <s v="110"/>
    <d v="2016-04-15T00:00:00"/>
    <x v="6"/>
    <x v="0"/>
    <s v="10828"/>
    <s v="GLNANDA"/>
    <n v="-786.01"/>
    <n v="-3686"/>
    <s v="Billed Revenues"/>
    <s v="EXV"/>
    <s v="NONBU"/>
    <s v="G0000110"/>
    <s v="N"/>
    <s v="MACSS Dist Billed Revenue-03"/>
    <s v=""/>
    <x v="0"/>
    <s v="CAD0330415"/>
    <s v="S"/>
    <s v="KY"/>
    <s v="REV"/>
    <s v="974"/>
    <s v="GLBATCH"/>
    <n v="4"/>
    <n v="2016"/>
  </r>
  <r>
    <s v="110"/>
    <d v="2016-04-15T00:00:00"/>
    <x v="5"/>
    <x v="0"/>
    <s v="10828"/>
    <s v="GLNANDA"/>
    <n v="0"/>
    <n v="104"/>
    <s v="Billed Revenues"/>
    <s v="EXV"/>
    <s v="NONBU"/>
    <s v="G0000110"/>
    <s v="N"/>
    <s v="MACSS Dist Billed Revenue-03"/>
    <s v=""/>
    <x v="0"/>
    <s v="CAD0330415"/>
    <s v="S"/>
    <s v="KY"/>
    <s v="REV"/>
    <s v="974"/>
    <s v="GLBATCH"/>
    <n v="4"/>
    <n v="2016"/>
  </r>
  <r>
    <s v="110"/>
    <d v="2016-04-15T00:00:00"/>
    <x v="5"/>
    <x v="0"/>
    <s v="10828"/>
    <s v="GLNANDA"/>
    <n v="-45654.83"/>
    <n v="-366673"/>
    <s v="Billed Revenues"/>
    <s v="EXV"/>
    <s v="NONBU"/>
    <s v="G0000110"/>
    <s v="N"/>
    <s v="MACSS Dist Billed Revenue-03"/>
    <s v=""/>
    <x v="0"/>
    <s v="CAD0330415"/>
    <s v="S"/>
    <s v="KY"/>
    <s v="REV"/>
    <s v="974"/>
    <s v="GLBATCH"/>
    <n v="4"/>
    <n v="2016"/>
  </r>
  <r>
    <s v="110"/>
    <d v="2016-04-15T00:00:00"/>
    <x v="1"/>
    <x v="0"/>
    <s v="10828"/>
    <s v="GLNANDA"/>
    <n v="0"/>
    <n v="2116"/>
    <s v="Billed Revenues"/>
    <s v="EXV"/>
    <s v="NONBU"/>
    <s v="G0000110"/>
    <s v="N"/>
    <s v="MACSS Dist Billed Revenue-03"/>
    <s v=""/>
    <x v="0"/>
    <s v="CAD0330415"/>
    <s v="S"/>
    <s v="KY"/>
    <s v="REV"/>
    <s v="974"/>
    <s v="GLBATCH"/>
    <n v="4"/>
    <n v="2016"/>
  </r>
  <r>
    <s v="110"/>
    <d v="2016-04-15T00:00:00"/>
    <x v="1"/>
    <x v="0"/>
    <s v="10828"/>
    <s v="GLNANDA"/>
    <n v="-225111.18"/>
    <n v="-1888259"/>
    <s v="Billed Revenues"/>
    <s v="EXV"/>
    <s v="NONBU"/>
    <s v="G0000110"/>
    <s v="N"/>
    <s v="MACSS Dist Billed Revenue-03"/>
    <s v=""/>
    <x v="0"/>
    <s v="CAD0330415"/>
    <s v="S"/>
    <s v="KY"/>
    <s v="REV"/>
    <s v="974"/>
    <s v="GLBATCH"/>
    <n v="4"/>
    <n v="2016"/>
  </r>
  <r>
    <s v="110"/>
    <d v="2016-04-15T00:00:00"/>
    <x v="4"/>
    <x v="0"/>
    <s v="10828"/>
    <s v="GLNANDA"/>
    <n v="0"/>
    <n v="4439"/>
    <s v="Billed Revenues"/>
    <s v="EXV"/>
    <s v="NONBU"/>
    <s v="G0000110"/>
    <s v="N"/>
    <s v="MACSS Dist Billed Revenue-03"/>
    <s v=""/>
    <x v="0"/>
    <s v="CAD0330415"/>
    <s v="S"/>
    <s v="KY"/>
    <s v="REV"/>
    <s v="974"/>
    <s v="GLBATCH"/>
    <n v="4"/>
    <n v="2016"/>
  </r>
  <r>
    <s v="110"/>
    <d v="2016-04-15T00:00:00"/>
    <x v="4"/>
    <x v="0"/>
    <s v="10828"/>
    <s v="GLNANDA"/>
    <n v="-598631.98"/>
    <n v="-5237027"/>
    <s v="Billed Revenues"/>
    <s v="EXV"/>
    <s v="NONBU"/>
    <s v="G0000110"/>
    <s v="N"/>
    <s v="MACSS Dist Billed Revenue-03"/>
    <s v=""/>
    <x v="0"/>
    <s v="CAD0330415"/>
    <s v="S"/>
    <s v="KY"/>
    <s v="REV"/>
    <s v="974"/>
    <s v="GLBATCH"/>
    <n v="4"/>
    <n v="2016"/>
  </r>
  <r>
    <s v="110"/>
    <d v="2016-04-15T00:00:00"/>
    <x v="2"/>
    <x v="0"/>
    <s v="10828"/>
    <s v="GLNANDA"/>
    <n v="0"/>
    <n v="1314"/>
    <s v="Billed Revenues"/>
    <s v="EXV"/>
    <s v="NONBU"/>
    <s v="G0000110"/>
    <s v="N"/>
    <s v="MACSS Dist Billed Revenue-03"/>
    <s v=""/>
    <x v="0"/>
    <s v="CAD0330415"/>
    <s v="S"/>
    <s v="KY"/>
    <s v="REV"/>
    <s v="974"/>
    <s v="GLBATCH"/>
    <n v="4"/>
    <n v="2016"/>
  </r>
  <r>
    <s v="110"/>
    <d v="2016-04-15T00:00:00"/>
    <x v="2"/>
    <x v="0"/>
    <s v="10828"/>
    <s v="GLNANDA"/>
    <n v="-411168.85"/>
    <n v="-3365818"/>
    <s v="Billed Revenues"/>
    <s v="EXV"/>
    <s v="NONBU"/>
    <s v="G0000110"/>
    <s v="N"/>
    <s v="MACSS Dist Billed Revenue-03"/>
    <s v=""/>
    <x v="0"/>
    <s v="CAD0330415"/>
    <s v="S"/>
    <s v="KY"/>
    <s v="REV"/>
    <s v="974"/>
    <s v="GLBATCH"/>
    <n v="4"/>
    <n v="2016"/>
  </r>
  <r>
    <s v="110"/>
    <d v="2016-04-15T00:00:00"/>
    <x v="7"/>
    <x v="0"/>
    <s v="10828"/>
    <s v="GLNANDA"/>
    <n v="0"/>
    <n v="38"/>
    <s v="Billed Revenues"/>
    <s v="EXV"/>
    <s v="NONBU"/>
    <s v="G0000110"/>
    <s v="N"/>
    <s v="MACSS Dist Billed Revenue-03"/>
    <s v=""/>
    <x v="0"/>
    <s v="CAD0330415"/>
    <s v="S"/>
    <s v="KY"/>
    <s v="REV"/>
    <s v="974"/>
    <s v="GLBATCH"/>
    <n v="4"/>
    <n v="2016"/>
  </r>
  <r>
    <s v="110"/>
    <d v="2016-04-15T00:00:00"/>
    <x v="3"/>
    <x v="0"/>
    <s v="10828"/>
    <s v="GLNANDA"/>
    <n v="-32742.27"/>
    <n v="-461471"/>
    <s v="Billed Revenues"/>
    <s v="EXV"/>
    <s v="NONBU"/>
    <s v="G0000110"/>
    <s v="N"/>
    <s v="MACSS Dist Billed Revenue-03"/>
    <s v=""/>
    <x v="0"/>
    <s v="CAD0330415"/>
    <s v="S"/>
    <s v="KY"/>
    <s v="REV"/>
    <s v="974"/>
    <s v="GLBATCH"/>
    <n v="4"/>
    <n v="2016"/>
  </r>
  <r>
    <s v="110"/>
    <d v="2016-04-15T00:00:00"/>
    <x v="3"/>
    <x v="0"/>
    <s v="10828"/>
    <s v="GLNANDA"/>
    <n v="0"/>
    <n v="11"/>
    <s v="Billed Revenues"/>
    <s v="EXV"/>
    <s v="NONBU"/>
    <s v="G0000110"/>
    <s v="N"/>
    <s v="MACSS Dist Billed Revenue-03"/>
    <s v=""/>
    <x v="0"/>
    <s v="CAD0330418"/>
    <s v="S"/>
    <s v="KY"/>
    <s v="REV"/>
    <s v="974"/>
    <s v="GLBATCH"/>
    <n v="4"/>
    <n v="2016"/>
  </r>
  <r>
    <s v="110"/>
    <d v="2016-04-15T00:00:00"/>
    <x v="7"/>
    <x v="0"/>
    <s v="10828"/>
    <s v="GLNANDA"/>
    <n v="-41146.85"/>
    <n v="-345788"/>
    <s v="Billed Revenues"/>
    <s v="EXV"/>
    <s v="NONBU"/>
    <s v="G0000110"/>
    <s v="N"/>
    <s v="MACSS Dist Billed Revenue-03"/>
    <s v=""/>
    <x v="0"/>
    <s v="CAD0330418"/>
    <s v="S"/>
    <s v="KY"/>
    <s v="REV"/>
    <s v="974"/>
    <s v="GLBATCH"/>
    <n v="4"/>
    <n v="2016"/>
  </r>
  <r>
    <s v="110"/>
    <d v="2016-04-15T00:00:00"/>
    <x v="0"/>
    <x v="0"/>
    <s v="10828"/>
    <s v="GLNANDA"/>
    <n v="0"/>
    <n v="21"/>
    <s v="Billed Revenues"/>
    <s v="EXV"/>
    <s v="NONBU"/>
    <s v="G0000110"/>
    <s v="N"/>
    <s v="MACSS Dist Billed Revenue-03"/>
    <s v=""/>
    <x v="0"/>
    <s v="CAD0330418"/>
    <s v="S"/>
    <s v="KY"/>
    <s v="REV"/>
    <s v="974"/>
    <s v="GLBATCH"/>
    <n v="4"/>
    <n v="2016"/>
  </r>
  <r>
    <s v="110"/>
    <d v="2016-04-15T00:00:00"/>
    <x v="0"/>
    <x v="0"/>
    <s v="10828"/>
    <s v="GLNANDA"/>
    <n v="-11498.67"/>
    <n v="-82196"/>
    <s v="Billed Revenues"/>
    <s v="EXV"/>
    <s v="NONBU"/>
    <s v="G0000110"/>
    <s v="N"/>
    <s v="MACSS Dist Billed Revenue-03"/>
    <s v=""/>
    <x v="0"/>
    <s v="CAD0330418"/>
    <s v="S"/>
    <s v="KY"/>
    <s v="REV"/>
    <s v="974"/>
    <s v="GLBATCH"/>
    <n v="4"/>
    <n v="2016"/>
  </r>
  <r>
    <s v="110"/>
    <d v="2016-04-15T00:00:00"/>
    <x v="6"/>
    <x v="0"/>
    <s v="10828"/>
    <s v="GLNANDA"/>
    <n v="0"/>
    <n v="2"/>
    <s v="Billed Revenues"/>
    <s v="EXV"/>
    <s v="NONBU"/>
    <s v="G0000110"/>
    <s v="N"/>
    <s v="MACSS Dist Billed Revenue-03"/>
    <s v=""/>
    <x v="0"/>
    <s v="CAD0330418"/>
    <s v="S"/>
    <s v="KY"/>
    <s v="REV"/>
    <s v="974"/>
    <s v="GLBATCH"/>
    <n v="4"/>
    <n v="2016"/>
  </r>
  <r>
    <s v="110"/>
    <d v="2016-04-15T00:00:00"/>
    <x v="6"/>
    <x v="0"/>
    <s v="10828"/>
    <s v="GLNANDA"/>
    <n v="-115.88"/>
    <n v="-537"/>
    <s v="Billed Revenues"/>
    <s v="EXV"/>
    <s v="NONBU"/>
    <s v="G0000110"/>
    <s v="N"/>
    <s v="MACSS Dist Billed Revenue-03"/>
    <s v=""/>
    <x v="0"/>
    <s v="CAD0330418"/>
    <s v="S"/>
    <s v="KY"/>
    <s v="REV"/>
    <s v="974"/>
    <s v="GLBATCH"/>
    <n v="4"/>
    <n v="2016"/>
  </r>
  <r>
    <s v="110"/>
    <d v="2016-04-15T00:00:00"/>
    <x v="5"/>
    <x v="0"/>
    <s v="10828"/>
    <s v="GLNANDA"/>
    <n v="0"/>
    <n v="88"/>
    <s v="Billed Revenues"/>
    <s v="EXV"/>
    <s v="NONBU"/>
    <s v="G0000110"/>
    <s v="N"/>
    <s v="MACSS Dist Billed Revenue-03"/>
    <s v=""/>
    <x v="0"/>
    <s v="CAD0330418"/>
    <s v="S"/>
    <s v="KY"/>
    <s v="REV"/>
    <s v="974"/>
    <s v="GLBATCH"/>
    <n v="4"/>
    <n v="2016"/>
  </r>
  <r>
    <s v="110"/>
    <d v="2016-04-15T00:00:00"/>
    <x v="5"/>
    <x v="0"/>
    <s v="10828"/>
    <s v="GLNANDA"/>
    <n v="-34786.14"/>
    <n v="-282144"/>
    <s v="Billed Revenues"/>
    <s v="EXV"/>
    <s v="NONBU"/>
    <s v="G0000110"/>
    <s v="N"/>
    <s v="MACSS Dist Billed Revenue-03"/>
    <s v=""/>
    <x v="0"/>
    <s v="CAD0330418"/>
    <s v="S"/>
    <s v="KY"/>
    <s v="REV"/>
    <s v="974"/>
    <s v="GLBATCH"/>
    <n v="4"/>
    <n v="2016"/>
  </r>
  <r>
    <s v="110"/>
    <d v="2016-04-15T00:00:00"/>
    <x v="1"/>
    <x v="0"/>
    <s v="10828"/>
    <s v="GLNANDA"/>
    <n v="0"/>
    <n v="2365"/>
    <s v="Billed Revenues"/>
    <s v="EXV"/>
    <s v="NONBU"/>
    <s v="G0000110"/>
    <s v="N"/>
    <s v="MACSS Dist Billed Revenue-03"/>
    <s v=""/>
    <x v="0"/>
    <s v="CAD0330418"/>
    <s v="S"/>
    <s v="KY"/>
    <s v="REV"/>
    <s v="974"/>
    <s v="GLBATCH"/>
    <n v="4"/>
    <n v="2016"/>
  </r>
  <r>
    <s v="110"/>
    <d v="2016-04-15T00:00:00"/>
    <x v="1"/>
    <x v="0"/>
    <s v="10828"/>
    <s v="GLNANDA"/>
    <n v="-232050.72"/>
    <n v="-1927506"/>
    <s v="Billed Revenues"/>
    <s v="EXV"/>
    <s v="NONBU"/>
    <s v="G0000110"/>
    <s v="N"/>
    <s v="MACSS Dist Billed Revenue-03"/>
    <s v=""/>
    <x v="0"/>
    <s v="CAD0330418"/>
    <s v="S"/>
    <s v="KY"/>
    <s v="REV"/>
    <s v="974"/>
    <s v="GLBATCH"/>
    <n v="4"/>
    <n v="2016"/>
  </r>
  <r>
    <s v="110"/>
    <d v="2016-04-15T00:00:00"/>
    <x v="4"/>
    <x v="0"/>
    <s v="10828"/>
    <s v="GLNANDA"/>
    <n v="0"/>
    <n v="3981"/>
    <s v="Billed Revenues"/>
    <s v="EXV"/>
    <s v="NONBU"/>
    <s v="G0000110"/>
    <s v="N"/>
    <s v="MACSS Dist Billed Revenue-03"/>
    <s v=""/>
    <x v="0"/>
    <s v="CAD0330418"/>
    <s v="S"/>
    <s v="KY"/>
    <s v="REV"/>
    <s v="974"/>
    <s v="GLBATCH"/>
    <n v="4"/>
    <n v="2016"/>
  </r>
  <r>
    <s v="110"/>
    <d v="2016-04-15T00:00:00"/>
    <x v="4"/>
    <x v="0"/>
    <s v="10828"/>
    <s v="GLNANDA"/>
    <n v="-582507.14"/>
    <n v="-5130026"/>
    <s v="Billed Revenues"/>
    <s v="EXV"/>
    <s v="NONBU"/>
    <s v="G0000110"/>
    <s v="N"/>
    <s v="MACSS Dist Billed Revenue-03"/>
    <s v=""/>
    <x v="0"/>
    <s v="CAD0330418"/>
    <s v="S"/>
    <s v="KY"/>
    <s v="REV"/>
    <s v="974"/>
    <s v="GLBATCH"/>
    <n v="4"/>
    <n v="2016"/>
  </r>
  <r>
    <s v="110"/>
    <d v="2016-04-15T00:00:00"/>
    <x v="2"/>
    <x v="0"/>
    <s v="10828"/>
    <s v="GLNANDA"/>
    <n v="0"/>
    <n v="1040"/>
    <s v="Billed Revenues"/>
    <s v="EXV"/>
    <s v="NONBU"/>
    <s v="G0000110"/>
    <s v="N"/>
    <s v="MACSS Dist Billed Revenue-03"/>
    <s v=""/>
    <x v="0"/>
    <s v="CAD0330418"/>
    <s v="S"/>
    <s v="KY"/>
    <s v="REV"/>
    <s v="974"/>
    <s v="GLBATCH"/>
    <n v="4"/>
    <n v="2016"/>
  </r>
  <r>
    <s v="110"/>
    <d v="2016-04-15T00:00:00"/>
    <x v="2"/>
    <x v="0"/>
    <s v="10828"/>
    <s v="GLNANDA"/>
    <n v="-159308.42000000001"/>
    <n v="-1142505"/>
    <s v="Billed Revenues"/>
    <s v="EXV"/>
    <s v="NONBU"/>
    <s v="G0000110"/>
    <s v="N"/>
    <s v="MACSS Dist Billed Revenue-03"/>
    <s v=""/>
    <x v="0"/>
    <s v="CAD0330418"/>
    <s v="S"/>
    <s v="KY"/>
    <s v="REV"/>
    <s v="974"/>
    <s v="GLBATCH"/>
    <n v="4"/>
    <n v="2016"/>
  </r>
  <r>
    <s v="110"/>
    <d v="2016-04-15T00:00:00"/>
    <x v="7"/>
    <x v="0"/>
    <s v="10828"/>
    <s v="GLNANDA"/>
    <n v="0"/>
    <n v="18"/>
    <s v="Billed Revenues"/>
    <s v="EXV"/>
    <s v="NONBU"/>
    <s v="G0000110"/>
    <s v="N"/>
    <s v="MACSS Dist Billed Revenue-03"/>
    <s v=""/>
    <x v="0"/>
    <s v="CAD0330418"/>
    <s v="S"/>
    <s v="KY"/>
    <s v="REV"/>
    <s v="974"/>
    <s v="GLBATCH"/>
    <n v="4"/>
    <n v="2016"/>
  </r>
  <r>
    <s v="110"/>
    <d v="2016-04-15T00:00:00"/>
    <x v="3"/>
    <x v="0"/>
    <s v="10828"/>
    <s v="GLNANDA"/>
    <n v="-70619.28"/>
    <n v="-635600"/>
    <s v="Billed Revenues"/>
    <s v="EXV"/>
    <s v="NONBU"/>
    <s v="G0000110"/>
    <s v="N"/>
    <s v="MACSS Dist Billed Revenue-03"/>
    <s v=""/>
    <x v="0"/>
    <s v="CAD0330418"/>
    <s v="S"/>
    <s v="KY"/>
    <s v="REV"/>
    <s v="974"/>
    <s v="GLBATCH"/>
    <n v="4"/>
    <n v="2016"/>
  </r>
  <r>
    <s v="110"/>
    <d v="2016-04-15T00:00:00"/>
    <x v="3"/>
    <x v="0"/>
    <s v="10828"/>
    <s v="GLNANDA"/>
    <n v="0"/>
    <n v="9"/>
    <s v="Billed Revenues"/>
    <s v="EXV"/>
    <s v="NONBU"/>
    <s v="G0000110"/>
    <s v="N"/>
    <s v="MACSS Dist Billed Revenue-03"/>
    <s v=""/>
    <x v="0"/>
    <s v="CAD0330419"/>
    <s v="S"/>
    <s v="KY"/>
    <s v="REV"/>
    <s v="974"/>
    <s v="GLBATCH"/>
    <n v="4"/>
    <n v="2016"/>
  </r>
  <r>
    <s v="110"/>
    <d v="2016-04-15T00:00:00"/>
    <x v="7"/>
    <x v="0"/>
    <s v="10828"/>
    <s v="GLNANDA"/>
    <n v="-66022.600000000006"/>
    <n v="-560828"/>
    <s v="Billed Revenues"/>
    <s v="EXV"/>
    <s v="NONBU"/>
    <s v="G0000110"/>
    <s v="N"/>
    <s v="MACSS Dist Billed Revenue-03"/>
    <s v=""/>
    <x v="0"/>
    <s v="CAD0330419"/>
    <s v="S"/>
    <s v="KY"/>
    <s v="REV"/>
    <s v="974"/>
    <s v="GLBATCH"/>
    <n v="4"/>
    <n v="2016"/>
  </r>
  <r>
    <s v="110"/>
    <d v="2016-04-15T00:00:00"/>
    <x v="0"/>
    <x v="0"/>
    <s v="10828"/>
    <s v="GLNANDA"/>
    <n v="0"/>
    <n v="48"/>
    <s v="Billed Revenues"/>
    <s v="EXV"/>
    <s v="NONBU"/>
    <s v="G0000110"/>
    <s v="N"/>
    <s v="MACSS Dist Billed Revenue-03"/>
    <s v=""/>
    <x v="0"/>
    <s v="CAD0330419"/>
    <s v="S"/>
    <s v="KY"/>
    <s v="REV"/>
    <s v="974"/>
    <s v="GLBATCH"/>
    <n v="4"/>
    <n v="2016"/>
  </r>
  <r>
    <s v="110"/>
    <d v="2016-04-15T00:00:00"/>
    <x v="0"/>
    <x v="0"/>
    <s v="10828"/>
    <s v="GLNANDA"/>
    <n v="-85384.98"/>
    <n v="-809611"/>
    <s v="Billed Revenues"/>
    <s v="EXV"/>
    <s v="NONBU"/>
    <s v="G0000110"/>
    <s v="N"/>
    <s v="MACSS Dist Billed Revenue-03"/>
    <s v=""/>
    <x v="0"/>
    <s v="CAD0330419"/>
    <s v="S"/>
    <s v="KY"/>
    <s v="REV"/>
    <s v="974"/>
    <s v="GLBATCH"/>
    <n v="4"/>
    <n v="2016"/>
  </r>
  <r>
    <s v="110"/>
    <d v="2016-04-15T00:00:00"/>
    <x v="6"/>
    <x v="0"/>
    <s v="10828"/>
    <s v="GLNANDA"/>
    <n v="0"/>
    <n v="7"/>
    <s v="Billed Revenues"/>
    <s v="EXV"/>
    <s v="NONBU"/>
    <s v="G0000110"/>
    <s v="N"/>
    <s v="MACSS Dist Billed Revenue-03"/>
    <s v=""/>
    <x v="0"/>
    <s v="CAD0330419"/>
    <s v="S"/>
    <s v="KY"/>
    <s v="REV"/>
    <s v="974"/>
    <s v="GLBATCH"/>
    <n v="4"/>
    <n v="2016"/>
  </r>
  <r>
    <s v="110"/>
    <d v="2016-04-15T00:00:00"/>
    <x v="6"/>
    <x v="0"/>
    <s v="10828"/>
    <s v="GLNANDA"/>
    <n v="-359.43"/>
    <n v="-1779"/>
    <s v="Billed Revenues"/>
    <s v="EXV"/>
    <s v="NONBU"/>
    <s v="G0000110"/>
    <s v="N"/>
    <s v="MACSS Dist Billed Revenue-03"/>
    <s v=""/>
    <x v="0"/>
    <s v="CAD0330419"/>
    <s v="S"/>
    <s v="KY"/>
    <s v="REV"/>
    <s v="974"/>
    <s v="GLBATCH"/>
    <n v="4"/>
    <n v="2016"/>
  </r>
  <r>
    <s v="110"/>
    <d v="2016-04-15T00:00:00"/>
    <x v="5"/>
    <x v="0"/>
    <s v="10828"/>
    <s v="GLNANDA"/>
    <n v="0"/>
    <n v="81"/>
    <s v="Billed Revenues"/>
    <s v="EXV"/>
    <s v="NONBU"/>
    <s v="G0000110"/>
    <s v="N"/>
    <s v="MACSS Dist Billed Revenue-03"/>
    <s v=""/>
    <x v="0"/>
    <s v="CAD0330419"/>
    <s v="S"/>
    <s v="KY"/>
    <s v="REV"/>
    <s v="974"/>
    <s v="GLBATCH"/>
    <n v="4"/>
    <n v="2016"/>
  </r>
  <r>
    <s v="110"/>
    <d v="2016-04-15T00:00:00"/>
    <x v="5"/>
    <x v="0"/>
    <s v="10828"/>
    <s v="GLNANDA"/>
    <n v="-36001.360000000001"/>
    <n v="-303384"/>
    <s v="Billed Revenues"/>
    <s v="EXV"/>
    <s v="NONBU"/>
    <s v="G0000110"/>
    <s v="N"/>
    <s v="MACSS Dist Billed Revenue-03"/>
    <s v=""/>
    <x v="0"/>
    <s v="CAD0330419"/>
    <s v="S"/>
    <s v="KY"/>
    <s v="REV"/>
    <s v="974"/>
    <s v="GLBATCH"/>
    <n v="4"/>
    <n v="2016"/>
  </r>
  <r>
    <s v="110"/>
    <d v="2016-04-15T00:00:00"/>
    <x v="1"/>
    <x v="0"/>
    <s v="10828"/>
    <s v="GLNANDA"/>
    <n v="0"/>
    <n v="2323"/>
    <s v="Billed Revenues"/>
    <s v="EXV"/>
    <s v="NONBU"/>
    <s v="G0000110"/>
    <s v="N"/>
    <s v="MACSS Dist Billed Revenue-03"/>
    <s v=""/>
    <x v="0"/>
    <s v="CAD0330419"/>
    <s v="S"/>
    <s v="KY"/>
    <s v="REV"/>
    <s v="974"/>
    <s v="GLBATCH"/>
    <n v="4"/>
    <n v="2016"/>
  </r>
  <r>
    <s v="110"/>
    <d v="2016-04-15T00:00:00"/>
    <x v="1"/>
    <x v="0"/>
    <s v="10828"/>
    <s v="GLNANDA"/>
    <n v="-251128.55"/>
    <n v="-2122537"/>
    <s v="Billed Revenues"/>
    <s v="EXV"/>
    <s v="NONBU"/>
    <s v="G0000110"/>
    <s v="N"/>
    <s v="MACSS Dist Billed Revenue-03"/>
    <s v=""/>
    <x v="0"/>
    <s v="CAD0330419"/>
    <s v="S"/>
    <s v="KY"/>
    <s v="REV"/>
    <s v="974"/>
    <s v="GLBATCH"/>
    <n v="4"/>
    <n v="2016"/>
  </r>
  <r>
    <s v="110"/>
    <d v="2016-04-15T00:00:00"/>
    <x v="4"/>
    <x v="0"/>
    <s v="10828"/>
    <s v="GLNANDA"/>
    <n v="0"/>
    <n v="3440"/>
    <s v="Billed Revenues"/>
    <s v="EXV"/>
    <s v="NONBU"/>
    <s v="G0000110"/>
    <s v="N"/>
    <s v="MACSS Dist Billed Revenue-03"/>
    <s v=""/>
    <x v="0"/>
    <s v="CAD0330419"/>
    <s v="S"/>
    <s v="KY"/>
    <s v="REV"/>
    <s v="974"/>
    <s v="GLBATCH"/>
    <n v="4"/>
    <n v="2016"/>
  </r>
  <r>
    <s v="110"/>
    <d v="2016-04-15T00:00:00"/>
    <x v="4"/>
    <x v="0"/>
    <s v="10828"/>
    <s v="GLNANDA"/>
    <n v="-517542.85"/>
    <n v="-4570253"/>
    <s v="Billed Revenues"/>
    <s v="EXV"/>
    <s v="NONBU"/>
    <s v="G0000110"/>
    <s v="N"/>
    <s v="MACSS Dist Billed Revenue-03"/>
    <s v=""/>
    <x v="0"/>
    <s v="CAD0330419"/>
    <s v="S"/>
    <s v="KY"/>
    <s v="REV"/>
    <s v="974"/>
    <s v="GLBATCH"/>
    <n v="4"/>
    <n v="2016"/>
  </r>
  <r>
    <s v="110"/>
    <d v="2016-04-15T00:00:00"/>
    <x v="2"/>
    <x v="0"/>
    <s v="10828"/>
    <s v="GLNANDA"/>
    <n v="0"/>
    <n v="952"/>
    <s v="Billed Revenues"/>
    <s v="EXV"/>
    <s v="NONBU"/>
    <s v="G0000110"/>
    <s v="N"/>
    <s v="MACSS Dist Billed Revenue-03"/>
    <s v=""/>
    <x v="0"/>
    <s v="CAD0330419"/>
    <s v="S"/>
    <s v="KY"/>
    <s v="REV"/>
    <s v="974"/>
    <s v="GLBATCH"/>
    <n v="4"/>
    <n v="2016"/>
  </r>
  <r>
    <s v="110"/>
    <d v="2016-04-15T00:00:00"/>
    <x v="2"/>
    <x v="0"/>
    <s v="10828"/>
    <s v="GLNANDA"/>
    <n v="-126662.51"/>
    <n v="-882296"/>
    <s v="Billed Revenues"/>
    <s v="EXV"/>
    <s v="NONBU"/>
    <s v="G0000110"/>
    <s v="N"/>
    <s v="MACSS Dist Billed Revenue-03"/>
    <s v=""/>
    <x v="0"/>
    <s v="CAD0330419"/>
    <s v="S"/>
    <s v="KY"/>
    <s v="REV"/>
    <s v="974"/>
    <s v="GLBATCH"/>
    <n v="4"/>
    <n v="2016"/>
  </r>
  <r>
    <s v="110"/>
    <d v="2016-04-15T00:00:00"/>
    <x v="7"/>
    <x v="0"/>
    <s v="10828"/>
    <s v="GLNANDA"/>
    <n v="0"/>
    <n v="17"/>
    <s v="Billed Revenues"/>
    <s v="EXV"/>
    <s v="NONBU"/>
    <s v="G0000110"/>
    <s v="N"/>
    <s v="MACSS Dist Billed Revenue-03"/>
    <s v=""/>
    <x v="0"/>
    <s v="CAD0330419"/>
    <s v="S"/>
    <s v="KY"/>
    <s v="REV"/>
    <s v="974"/>
    <s v="GLBATCH"/>
    <n v="4"/>
    <n v="2016"/>
  </r>
  <r>
    <s v="110"/>
    <d v="2016-04-15T00:00:00"/>
    <x v="3"/>
    <x v="0"/>
    <s v="10828"/>
    <s v="GLNANDA"/>
    <n v="-31676.47"/>
    <n v="-339621"/>
    <s v="Billed Revenues"/>
    <s v="EXV"/>
    <s v="NONBU"/>
    <s v="G0000110"/>
    <s v="N"/>
    <s v="MACSS Dist Billed Revenue-03"/>
    <s v=""/>
    <x v="0"/>
    <s v="CAD0330419"/>
    <s v="S"/>
    <s v="KY"/>
    <s v="REV"/>
    <s v="974"/>
    <s v="GLBATCH"/>
    <n v="4"/>
    <n v="2016"/>
  </r>
  <r>
    <s v="110"/>
    <d v="2016-04-15T00:00:00"/>
    <x v="4"/>
    <x v="0"/>
    <s v="10828"/>
    <s v="GLNANDA"/>
    <n v="0"/>
    <n v="3222"/>
    <s v="Billed Revenues"/>
    <s v="EXV"/>
    <s v="NONBU"/>
    <s v="G0000110"/>
    <s v="N"/>
    <s v="MACSS Dist Billed Revenue-03"/>
    <s v=""/>
    <x v="0"/>
    <s v="CAD0330420"/>
    <s v="S"/>
    <s v="KY"/>
    <s v="REV"/>
    <s v="974"/>
    <s v="GLBATCH"/>
    <n v="4"/>
    <n v="2016"/>
  </r>
  <r>
    <s v="110"/>
    <d v="2016-04-15T00:00:00"/>
    <x v="5"/>
    <x v="0"/>
    <s v="10828"/>
    <s v="GLNANDA"/>
    <n v="-62724.79"/>
    <n v="-527957"/>
    <s v="Billed Revenues"/>
    <s v="EXV"/>
    <s v="NONBU"/>
    <s v="G0000110"/>
    <s v="N"/>
    <s v="MACSS Dist Billed Revenue-03"/>
    <s v=""/>
    <x v="0"/>
    <s v="CAD0330420"/>
    <s v="S"/>
    <s v="KY"/>
    <s v="REV"/>
    <s v="974"/>
    <s v="GLBATCH"/>
    <n v="4"/>
    <n v="2016"/>
  </r>
  <r>
    <s v="110"/>
    <d v="2016-04-15T00:00:00"/>
    <x v="0"/>
    <x v="0"/>
    <s v="10828"/>
    <s v="GLNANDA"/>
    <n v="-201868.68"/>
    <n v="-2626499"/>
    <s v="Billed Revenues"/>
    <s v="EXV"/>
    <s v="NONBU"/>
    <s v="G0000110"/>
    <s v="N"/>
    <s v="MACSS Dist Billed Revenue-03"/>
    <s v=""/>
    <x v="0"/>
    <s v="CAD0330420"/>
    <s v="S"/>
    <s v="KY"/>
    <s v="REV"/>
    <s v="974"/>
    <s v="GLBATCH"/>
    <n v="4"/>
    <n v="2016"/>
  </r>
  <r>
    <s v="110"/>
    <d v="2016-04-15T00:00:00"/>
    <x v="2"/>
    <x v="0"/>
    <s v="10828"/>
    <s v="GLNANDA"/>
    <n v="0"/>
    <n v="1053"/>
    <s v="Billed Revenues"/>
    <s v="EXV"/>
    <s v="NONBU"/>
    <s v="G0000110"/>
    <s v="N"/>
    <s v="MACSS Dist Billed Revenue-03"/>
    <s v=""/>
    <x v="0"/>
    <s v="CAD0330420"/>
    <s v="S"/>
    <s v="KY"/>
    <s v="REV"/>
    <s v="974"/>
    <s v="GLBATCH"/>
    <n v="4"/>
    <n v="2016"/>
  </r>
  <r>
    <s v="110"/>
    <d v="2016-04-15T00:00:00"/>
    <x v="2"/>
    <x v="0"/>
    <s v="10828"/>
    <s v="GLNANDA"/>
    <n v="-240175.43"/>
    <n v="-1877716"/>
    <s v="Billed Revenues"/>
    <s v="EXV"/>
    <s v="NONBU"/>
    <s v="G0000110"/>
    <s v="N"/>
    <s v="MACSS Dist Billed Revenue-03"/>
    <s v=""/>
    <x v="0"/>
    <s v="CAD0330420"/>
    <s v="S"/>
    <s v="KY"/>
    <s v="REV"/>
    <s v="974"/>
    <s v="GLBATCH"/>
    <n v="4"/>
    <n v="2016"/>
  </r>
  <r>
    <s v="110"/>
    <d v="2016-04-15T00:00:00"/>
    <x v="1"/>
    <x v="0"/>
    <s v="10828"/>
    <s v="GLNANDA"/>
    <n v="0"/>
    <n v="1528"/>
    <s v="Billed Revenues"/>
    <s v="EXV"/>
    <s v="NONBU"/>
    <s v="G0000110"/>
    <s v="N"/>
    <s v="MACSS Dist Billed Revenue-03"/>
    <s v=""/>
    <x v="0"/>
    <s v="CAD0330420"/>
    <s v="S"/>
    <s v="KY"/>
    <s v="REV"/>
    <s v="974"/>
    <s v="GLBATCH"/>
    <n v="4"/>
    <n v="2016"/>
  </r>
  <r>
    <s v="110"/>
    <d v="2016-04-15T00:00:00"/>
    <x v="1"/>
    <x v="0"/>
    <s v="10828"/>
    <s v="GLNANDA"/>
    <n v="-158866.06"/>
    <n v="-1314133"/>
    <s v="Billed Revenues"/>
    <s v="EXV"/>
    <s v="NONBU"/>
    <s v="G0000110"/>
    <s v="N"/>
    <s v="MACSS Dist Billed Revenue-03"/>
    <s v=""/>
    <x v="0"/>
    <s v="CAD0330420"/>
    <s v="S"/>
    <s v="KY"/>
    <s v="REV"/>
    <s v="974"/>
    <s v="GLBATCH"/>
    <n v="4"/>
    <n v="2016"/>
  </r>
  <r>
    <s v="110"/>
    <d v="2016-04-15T00:00:00"/>
    <x v="7"/>
    <x v="0"/>
    <s v="10828"/>
    <s v="GLNANDA"/>
    <n v="0"/>
    <n v="6"/>
    <s v="Billed Revenues"/>
    <s v="EXV"/>
    <s v="NONBU"/>
    <s v="G0000110"/>
    <s v="N"/>
    <s v="MACSS Dist Billed Revenue-03"/>
    <s v=""/>
    <x v="0"/>
    <s v="CAD0330420"/>
    <s v="S"/>
    <s v="KY"/>
    <s v="REV"/>
    <s v="974"/>
    <s v="GLBATCH"/>
    <n v="4"/>
    <n v="2016"/>
  </r>
  <r>
    <s v="110"/>
    <d v="2016-04-15T00:00:00"/>
    <x v="7"/>
    <x v="0"/>
    <s v="10828"/>
    <s v="GLNANDA"/>
    <n v="-8510.25"/>
    <n v="-70229"/>
    <s v="Billed Revenues"/>
    <s v="EXV"/>
    <s v="NONBU"/>
    <s v="G0000110"/>
    <s v="N"/>
    <s v="MACSS Dist Billed Revenue-03"/>
    <s v=""/>
    <x v="0"/>
    <s v="CAD0330420"/>
    <s v="S"/>
    <s v="KY"/>
    <s v="REV"/>
    <s v="974"/>
    <s v="GLBATCH"/>
    <n v="4"/>
    <n v="2016"/>
  </r>
  <r>
    <s v="110"/>
    <d v="2016-04-15T00:00:00"/>
    <x v="3"/>
    <x v="0"/>
    <s v="10828"/>
    <s v="GLNANDA"/>
    <n v="0"/>
    <n v="16"/>
    <s v="Billed Revenues"/>
    <s v="EXV"/>
    <s v="NONBU"/>
    <s v="G0000110"/>
    <s v="N"/>
    <s v="MACSS Dist Billed Revenue-03"/>
    <s v=""/>
    <x v="0"/>
    <s v="CAD0330420"/>
    <s v="S"/>
    <s v="KY"/>
    <s v="REV"/>
    <s v="974"/>
    <s v="GLBATCH"/>
    <n v="4"/>
    <n v="2016"/>
  </r>
  <r>
    <s v="110"/>
    <d v="2016-04-15T00:00:00"/>
    <x v="3"/>
    <x v="0"/>
    <s v="10828"/>
    <s v="GLNANDA"/>
    <n v="-124568.37"/>
    <n v="-1258071"/>
    <s v="Billed Revenues"/>
    <s v="EXV"/>
    <s v="NONBU"/>
    <s v="G0000110"/>
    <s v="N"/>
    <s v="MACSS Dist Billed Revenue-03"/>
    <s v=""/>
    <x v="0"/>
    <s v="CAD0330420"/>
    <s v="S"/>
    <s v="KY"/>
    <s v="REV"/>
    <s v="974"/>
    <s v="GLBATCH"/>
    <n v="4"/>
    <n v="2016"/>
  </r>
  <r>
    <s v="110"/>
    <d v="2016-04-15T00:00:00"/>
    <x v="0"/>
    <x v="0"/>
    <s v="10828"/>
    <s v="GLNANDA"/>
    <n v="0"/>
    <n v="73"/>
    <s v="Billed Revenues"/>
    <s v="EXV"/>
    <s v="NONBU"/>
    <s v="G0000110"/>
    <s v="N"/>
    <s v="MACSS Dist Billed Revenue-03"/>
    <s v=""/>
    <x v="0"/>
    <s v="CAD0330420"/>
    <s v="S"/>
    <s v="KY"/>
    <s v="REV"/>
    <s v="974"/>
    <s v="GLBATCH"/>
    <n v="4"/>
    <n v="2016"/>
  </r>
  <r>
    <s v="110"/>
    <d v="2016-04-15T00:00:00"/>
    <x v="6"/>
    <x v="0"/>
    <s v="10828"/>
    <s v="GLNANDA"/>
    <n v="0"/>
    <n v="9"/>
    <s v="Billed Revenues"/>
    <s v="EXV"/>
    <s v="NONBU"/>
    <s v="G0000110"/>
    <s v="N"/>
    <s v="MACSS Dist Billed Revenue-03"/>
    <s v=""/>
    <x v="0"/>
    <s v="CAD0330420"/>
    <s v="S"/>
    <s v="KY"/>
    <s v="REV"/>
    <s v="974"/>
    <s v="GLBATCH"/>
    <n v="4"/>
    <n v="2016"/>
  </r>
  <r>
    <s v="110"/>
    <d v="2016-04-15T00:00:00"/>
    <x v="6"/>
    <x v="0"/>
    <s v="10828"/>
    <s v="GLNANDA"/>
    <n v="-1899.16"/>
    <n v="-14206"/>
    <s v="Billed Revenues"/>
    <s v="EXV"/>
    <s v="NONBU"/>
    <s v="G0000110"/>
    <s v="N"/>
    <s v="MACSS Dist Billed Revenue-03"/>
    <s v=""/>
    <x v="0"/>
    <s v="CAD0330420"/>
    <s v="S"/>
    <s v="KY"/>
    <s v="REV"/>
    <s v="974"/>
    <s v="GLBATCH"/>
    <n v="4"/>
    <n v="2016"/>
  </r>
  <r>
    <s v="110"/>
    <d v="2016-04-15T00:00:00"/>
    <x v="5"/>
    <x v="0"/>
    <s v="10828"/>
    <s v="GLNANDA"/>
    <n v="0"/>
    <n v="74"/>
    <s v="Billed Revenues"/>
    <s v="EXV"/>
    <s v="NONBU"/>
    <s v="G0000110"/>
    <s v="N"/>
    <s v="MACSS Dist Billed Revenue-03"/>
    <s v=""/>
    <x v="0"/>
    <s v="CAD0330420"/>
    <s v="S"/>
    <s v="KY"/>
    <s v="REV"/>
    <s v="974"/>
    <s v="GLBATCH"/>
    <n v="4"/>
    <n v="2016"/>
  </r>
  <r>
    <s v="110"/>
    <d v="2016-04-15T00:00:00"/>
    <x v="4"/>
    <x v="0"/>
    <s v="10828"/>
    <s v="GLNANDA"/>
    <n v="-461878.82"/>
    <n v="-4044831"/>
    <s v="Billed Revenues"/>
    <s v="EXV"/>
    <s v="NONBU"/>
    <s v="G0000110"/>
    <s v="N"/>
    <s v="MACSS Dist Billed Revenue-03"/>
    <s v=""/>
    <x v="0"/>
    <s v="CAD0330420"/>
    <s v="S"/>
    <s v="KY"/>
    <s v="REV"/>
    <s v="974"/>
    <s v="GLBATCH"/>
    <n v="4"/>
    <n v="2016"/>
  </r>
  <r>
    <s v="110"/>
    <d v="2016-04-15T00:00:00"/>
    <x v="6"/>
    <x v="0"/>
    <s v="10828"/>
    <s v="GLNANDA"/>
    <n v="0"/>
    <n v="14"/>
    <s v="Billed Revenues"/>
    <s v="EXV"/>
    <s v="NONBU"/>
    <s v="G0000110"/>
    <s v="N"/>
    <s v="MACSS Dist Billed Revenue-03"/>
    <s v=""/>
    <x v="0"/>
    <s v="CAD0330421"/>
    <s v="S"/>
    <s v="KY"/>
    <s v="REV"/>
    <s v="974"/>
    <s v="GLBATCH"/>
    <n v="4"/>
    <n v="2016"/>
  </r>
  <r>
    <s v="110"/>
    <d v="2016-04-15T00:00:00"/>
    <x v="6"/>
    <x v="0"/>
    <s v="10828"/>
    <s v="GLNANDA"/>
    <n v="-665.73"/>
    <n v="-3386"/>
    <s v="Billed Revenues"/>
    <s v="EXV"/>
    <s v="NONBU"/>
    <s v="G0000110"/>
    <s v="N"/>
    <s v="MACSS Dist Billed Revenue-03"/>
    <s v=""/>
    <x v="0"/>
    <s v="CAD0330421"/>
    <s v="S"/>
    <s v="KY"/>
    <s v="REV"/>
    <s v="974"/>
    <s v="GLBATCH"/>
    <n v="4"/>
    <n v="2016"/>
  </r>
  <r>
    <s v="110"/>
    <d v="2016-04-15T00:00:00"/>
    <x v="5"/>
    <x v="0"/>
    <s v="10828"/>
    <s v="GLNANDA"/>
    <n v="0"/>
    <n v="179"/>
    <s v="Billed Revenues"/>
    <s v="EXV"/>
    <s v="NONBU"/>
    <s v="G0000110"/>
    <s v="N"/>
    <s v="MACSS Dist Billed Revenue-03"/>
    <s v=""/>
    <x v="0"/>
    <s v="CAD0330421"/>
    <s v="S"/>
    <s v="KY"/>
    <s v="REV"/>
    <s v="974"/>
    <s v="GLBATCH"/>
    <n v="4"/>
    <n v="2016"/>
  </r>
  <r>
    <s v="110"/>
    <d v="2016-04-15T00:00:00"/>
    <x v="5"/>
    <x v="0"/>
    <s v="10828"/>
    <s v="GLNANDA"/>
    <n v="-93133.03"/>
    <n v="-778680"/>
    <s v="Billed Revenues"/>
    <s v="EXV"/>
    <s v="NONBU"/>
    <s v="G0000110"/>
    <s v="N"/>
    <s v="MACSS Dist Billed Revenue-03"/>
    <s v=""/>
    <x v="0"/>
    <s v="CAD0330421"/>
    <s v="S"/>
    <s v="KY"/>
    <s v="REV"/>
    <s v="974"/>
    <s v="GLBATCH"/>
    <n v="4"/>
    <n v="2016"/>
  </r>
  <r>
    <s v="110"/>
    <d v="2016-04-15T00:00:00"/>
    <x v="7"/>
    <x v="0"/>
    <s v="10828"/>
    <s v="GLNANDA"/>
    <n v="0"/>
    <n v="45"/>
    <s v="Billed Revenues"/>
    <s v="EXV"/>
    <s v="NONBU"/>
    <s v="G0000110"/>
    <s v="N"/>
    <s v="MACSS Dist Billed Revenue-03"/>
    <s v=""/>
    <x v="0"/>
    <s v="CAD0330421"/>
    <s v="S"/>
    <s v="KY"/>
    <s v="REV"/>
    <s v="974"/>
    <s v="GLBATCH"/>
    <n v="4"/>
    <n v="2016"/>
  </r>
  <r>
    <s v="110"/>
    <d v="2016-04-15T00:00:00"/>
    <x v="7"/>
    <x v="0"/>
    <s v="10828"/>
    <s v="GLNANDA"/>
    <n v="-85854.64"/>
    <n v="-711751"/>
    <s v="Billed Revenues"/>
    <s v="EXV"/>
    <s v="NONBU"/>
    <s v="G0000110"/>
    <s v="N"/>
    <s v="MACSS Dist Billed Revenue-03"/>
    <s v=""/>
    <x v="0"/>
    <s v="CAD0330421"/>
    <s v="S"/>
    <s v="KY"/>
    <s v="REV"/>
    <s v="974"/>
    <s v="GLBATCH"/>
    <n v="4"/>
    <n v="2016"/>
  </r>
  <r>
    <s v="110"/>
    <d v="2016-04-15T00:00:00"/>
    <x v="3"/>
    <x v="0"/>
    <s v="10828"/>
    <s v="GLNANDA"/>
    <n v="0"/>
    <n v="8"/>
    <s v="Billed Revenues"/>
    <s v="EXV"/>
    <s v="NONBU"/>
    <s v="G0000110"/>
    <s v="N"/>
    <s v="MACSS Dist Billed Revenue-03"/>
    <s v=""/>
    <x v="0"/>
    <s v="CAD0330421"/>
    <s v="S"/>
    <s v="KY"/>
    <s v="REV"/>
    <s v="974"/>
    <s v="GLBATCH"/>
    <n v="4"/>
    <n v="2016"/>
  </r>
  <r>
    <s v="110"/>
    <d v="2016-04-15T00:00:00"/>
    <x v="3"/>
    <x v="0"/>
    <s v="10828"/>
    <s v="GLNANDA"/>
    <n v="-103911.72"/>
    <n v="-965467"/>
    <s v="Billed Revenues"/>
    <s v="EXV"/>
    <s v="NONBU"/>
    <s v="G0000110"/>
    <s v="N"/>
    <s v="MACSS Dist Billed Revenue-03"/>
    <s v=""/>
    <x v="0"/>
    <s v="CAD0330421"/>
    <s v="S"/>
    <s v="KY"/>
    <s v="REV"/>
    <s v="974"/>
    <s v="GLBATCH"/>
    <n v="4"/>
    <n v="2016"/>
  </r>
  <r>
    <s v="110"/>
    <d v="2016-04-15T00:00:00"/>
    <x v="0"/>
    <x v="0"/>
    <s v="10828"/>
    <s v="GLNANDA"/>
    <n v="0"/>
    <n v="55"/>
    <s v="Billed Revenues"/>
    <s v="EXV"/>
    <s v="NONBU"/>
    <s v="G0000110"/>
    <s v="N"/>
    <s v="MACSS Dist Billed Revenue-03"/>
    <s v=""/>
    <x v="0"/>
    <s v="CAD0330421"/>
    <s v="S"/>
    <s v="KY"/>
    <s v="REV"/>
    <s v="974"/>
    <s v="GLBATCH"/>
    <n v="4"/>
    <n v="2016"/>
  </r>
  <r>
    <s v="110"/>
    <d v="2016-04-15T00:00:00"/>
    <x v="0"/>
    <x v="0"/>
    <s v="10828"/>
    <s v="GLNANDA"/>
    <n v="-60069.5"/>
    <n v="-262788"/>
    <s v="Billed Revenues"/>
    <s v="EXV"/>
    <s v="NONBU"/>
    <s v="G0000110"/>
    <s v="N"/>
    <s v="MACSS Dist Billed Revenue-03"/>
    <s v=""/>
    <x v="0"/>
    <s v="CAD0330421"/>
    <s v="S"/>
    <s v="KY"/>
    <s v="REV"/>
    <s v="974"/>
    <s v="GLBATCH"/>
    <n v="4"/>
    <n v="2016"/>
  </r>
  <r>
    <s v="110"/>
    <d v="2016-04-15T00:00:00"/>
    <x v="2"/>
    <x v="0"/>
    <s v="10828"/>
    <s v="GLNANDA"/>
    <n v="0"/>
    <n v="1309"/>
    <s v="Billed Revenues"/>
    <s v="EXV"/>
    <s v="NONBU"/>
    <s v="G0000110"/>
    <s v="N"/>
    <s v="MACSS Dist Billed Revenue-03"/>
    <s v=""/>
    <x v="0"/>
    <s v="CAD0330421"/>
    <s v="S"/>
    <s v="KY"/>
    <s v="REV"/>
    <s v="974"/>
    <s v="GLBATCH"/>
    <n v="4"/>
    <n v="2016"/>
  </r>
  <r>
    <s v="110"/>
    <d v="2016-04-15T00:00:00"/>
    <x v="2"/>
    <x v="0"/>
    <s v="10828"/>
    <s v="GLNANDA"/>
    <n v="-292978.55"/>
    <n v="-2228071"/>
    <s v="Billed Revenues"/>
    <s v="EXV"/>
    <s v="NONBU"/>
    <s v="G0000110"/>
    <s v="N"/>
    <s v="MACSS Dist Billed Revenue-03"/>
    <s v=""/>
    <x v="0"/>
    <s v="CAD0330421"/>
    <s v="S"/>
    <s v="KY"/>
    <s v="REV"/>
    <s v="974"/>
    <s v="GLBATCH"/>
    <n v="4"/>
    <n v="2016"/>
  </r>
  <r>
    <s v="110"/>
    <d v="2016-04-15T00:00:00"/>
    <x v="1"/>
    <x v="0"/>
    <s v="10828"/>
    <s v="GLNANDA"/>
    <n v="0"/>
    <n v="2579"/>
    <s v="Billed Revenues"/>
    <s v="EXV"/>
    <s v="NONBU"/>
    <s v="G0000110"/>
    <s v="N"/>
    <s v="MACSS Dist Billed Revenue-03"/>
    <s v=""/>
    <x v="0"/>
    <s v="CAD0330421"/>
    <s v="S"/>
    <s v="KY"/>
    <s v="REV"/>
    <s v="974"/>
    <s v="GLBATCH"/>
    <n v="4"/>
    <n v="2016"/>
  </r>
  <r>
    <s v="110"/>
    <d v="2016-04-15T00:00:00"/>
    <x v="1"/>
    <x v="0"/>
    <s v="10828"/>
    <s v="GLNANDA"/>
    <n v="-254071.25"/>
    <n v="-2120778"/>
    <s v="Billed Revenues"/>
    <s v="EXV"/>
    <s v="NONBU"/>
    <s v="G0000110"/>
    <s v="N"/>
    <s v="MACSS Dist Billed Revenue-03"/>
    <s v=""/>
    <x v="0"/>
    <s v="CAD0330421"/>
    <s v="S"/>
    <s v="KY"/>
    <s v="REV"/>
    <s v="974"/>
    <s v="GLBATCH"/>
    <n v="4"/>
    <n v="2016"/>
  </r>
  <r>
    <s v="110"/>
    <d v="2016-04-15T00:00:00"/>
    <x v="4"/>
    <x v="0"/>
    <s v="10828"/>
    <s v="GLNANDA"/>
    <n v="0"/>
    <n v="4790"/>
    <s v="Billed Revenues"/>
    <s v="EXV"/>
    <s v="NONBU"/>
    <s v="G0000110"/>
    <s v="N"/>
    <s v="MACSS Dist Billed Revenue-03"/>
    <s v=""/>
    <x v="0"/>
    <s v="CAD0330421"/>
    <s v="S"/>
    <s v="KY"/>
    <s v="REV"/>
    <s v="974"/>
    <s v="GLBATCH"/>
    <n v="4"/>
    <n v="2016"/>
  </r>
  <r>
    <s v="110"/>
    <d v="2016-04-15T00:00:00"/>
    <x v="4"/>
    <x v="0"/>
    <s v="10828"/>
    <s v="GLNANDA"/>
    <n v="-664434.54"/>
    <n v="-5846645"/>
    <s v="Billed Revenues"/>
    <s v="EXV"/>
    <s v="NONBU"/>
    <s v="G0000110"/>
    <s v="N"/>
    <s v="MACSS Dist Billed Revenue-03"/>
    <s v=""/>
    <x v="0"/>
    <s v="CAD0330421"/>
    <s v="S"/>
    <s v="KY"/>
    <s v="REV"/>
    <s v="974"/>
    <s v="GLBATCH"/>
    <n v="4"/>
    <n v="2016"/>
  </r>
  <r>
    <s v="110"/>
    <d v="2016-04-15T00:00:00"/>
    <x v="2"/>
    <x v="0"/>
    <s v="10828"/>
    <s v="GLNANDA"/>
    <n v="0"/>
    <n v="1162"/>
    <s v="Billed Revenues"/>
    <s v="EXV"/>
    <s v="NONBU"/>
    <s v="G0000110"/>
    <s v="N"/>
    <s v="MACSS Dist Billed Revenue-03"/>
    <s v=""/>
    <x v="0"/>
    <s v="CAD0330422"/>
    <s v="S"/>
    <s v="KY"/>
    <s v="REV"/>
    <s v="974"/>
    <s v="GLBATCH"/>
    <n v="4"/>
    <n v="2016"/>
  </r>
  <r>
    <s v="110"/>
    <d v="2016-04-15T00:00:00"/>
    <x v="0"/>
    <x v="0"/>
    <s v="10828"/>
    <s v="GLNANDA"/>
    <n v="-8337.4"/>
    <n v="-40486"/>
    <s v="Billed Revenues"/>
    <s v="EXV"/>
    <s v="NONBU"/>
    <s v="G0000110"/>
    <s v="N"/>
    <s v="MACSS Dist Billed Revenue-03"/>
    <s v=""/>
    <x v="0"/>
    <s v="CAD0330422"/>
    <s v="S"/>
    <s v="KY"/>
    <s v="REV"/>
    <s v="974"/>
    <s v="GLBATCH"/>
    <n v="4"/>
    <n v="2016"/>
  </r>
  <r>
    <s v="110"/>
    <d v="2016-04-15T00:00:00"/>
    <x v="1"/>
    <x v="0"/>
    <s v="10828"/>
    <s v="GLNANDA"/>
    <n v="0"/>
    <n v="2381"/>
    <s v="Billed Revenues"/>
    <s v="EXV"/>
    <s v="NONBU"/>
    <s v="G0000110"/>
    <s v="N"/>
    <s v="MACSS Dist Billed Revenue-03"/>
    <s v=""/>
    <x v="0"/>
    <s v="CAD0330422"/>
    <s v="S"/>
    <s v="KY"/>
    <s v="REV"/>
    <s v="974"/>
    <s v="GLBATCH"/>
    <n v="4"/>
    <n v="2016"/>
  </r>
  <r>
    <s v="110"/>
    <d v="2016-04-15T00:00:00"/>
    <x v="1"/>
    <x v="0"/>
    <s v="10828"/>
    <s v="GLNANDA"/>
    <n v="-224208.02"/>
    <n v="-1860304"/>
    <s v="Billed Revenues"/>
    <s v="EXV"/>
    <s v="NONBU"/>
    <s v="G0000110"/>
    <s v="N"/>
    <s v="MACSS Dist Billed Revenue-03"/>
    <s v=""/>
    <x v="0"/>
    <s v="CAD0330422"/>
    <s v="S"/>
    <s v="KY"/>
    <s v="REV"/>
    <s v="974"/>
    <s v="GLBATCH"/>
    <n v="4"/>
    <n v="2016"/>
  </r>
  <r>
    <s v="110"/>
    <d v="2016-04-15T00:00:00"/>
    <x v="4"/>
    <x v="0"/>
    <s v="10828"/>
    <s v="GLNANDA"/>
    <n v="0"/>
    <n v="3893"/>
    <s v="Billed Revenues"/>
    <s v="EXV"/>
    <s v="NONBU"/>
    <s v="G0000110"/>
    <s v="N"/>
    <s v="MACSS Dist Billed Revenue-03"/>
    <s v=""/>
    <x v="0"/>
    <s v="CAD0330422"/>
    <s v="S"/>
    <s v="KY"/>
    <s v="REV"/>
    <s v="974"/>
    <s v="GLBATCH"/>
    <n v="4"/>
    <n v="2016"/>
  </r>
  <r>
    <s v="110"/>
    <d v="2016-04-15T00:00:00"/>
    <x v="4"/>
    <x v="0"/>
    <s v="10828"/>
    <s v="GLNANDA"/>
    <n v="-487155.36"/>
    <n v="-4229125"/>
    <s v="Billed Revenues"/>
    <s v="EXV"/>
    <s v="NONBU"/>
    <s v="G0000110"/>
    <s v="N"/>
    <s v="MACSS Dist Billed Revenue-03"/>
    <s v=""/>
    <x v="0"/>
    <s v="CAD0330422"/>
    <s v="S"/>
    <s v="KY"/>
    <s v="REV"/>
    <s v="974"/>
    <s v="GLBATCH"/>
    <n v="4"/>
    <n v="2016"/>
  </r>
  <r>
    <s v="110"/>
    <d v="2016-04-15T00:00:00"/>
    <x v="6"/>
    <x v="0"/>
    <s v="10828"/>
    <s v="GLNANDA"/>
    <n v="0"/>
    <n v="15"/>
    <s v="Billed Revenues"/>
    <s v="EXV"/>
    <s v="NONBU"/>
    <s v="G0000110"/>
    <s v="N"/>
    <s v="MACSS Dist Billed Revenue-03"/>
    <s v=""/>
    <x v="0"/>
    <s v="CAD0330422"/>
    <s v="S"/>
    <s v="KY"/>
    <s v="REV"/>
    <s v="974"/>
    <s v="GLBATCH"/>
    <n v="4"/>
    <n v="2016"/>
  </r>
  <r>
    <s v="110"/>
    <d v="2016-04-15T00:00:00"/>
    <x v="6"/>
    <x v="0"/>
    <s v="10828"/>
    <s v="GLNANDA"/>
    <n v="-941.26"/>
    <n v="-2956"/>
    <s v="Billed Revenues"/>
    <s v="EXV"/>
    <s v="NONBU"/>
    <s v="G0000110"/>
    <s v="N"/>
    <s v="MACSS Dist Billed Revenue-03"/>
    <s v=""/>
    <x v="0"/>
    <s v="CAD0330422"/>
    <s v="S"/>
    <s v="KY"/>
    <s v="REV"/>
    <s v="974"/>
    <s v="GLBATCH"/>
    <n v="4"/>
    <n v="2016"/>
  </r>
  <r>
    <s v="110"/>
    <d v="2016-04-15T00:00:00"/>
    <x v="5"/>
    <x v="0"/>
    <s v="10828"/>
    <s v="GLNANDA"/>
    <n v="0"/>
    <n v="173"/>
    <s v="Billed Revenues"/>
    <s v="EXV"/>
    <s v="NONBU"/>
    <s v="G0000110"/>
    <s v="N"/>
    <s v="MACSS Dist Billed Revenue-03"/>
    <s v=""/>
    <x v="0"/>
    <s v="CAD0330422"/>
    <s v="S"/>
    <s v="KY"/>
    <s v="REV"/>
    <s v="974"/>
    <s v="GLBATCH"/>
    <n v="4"/>
    <n v="2016"/>
  </r>
  <r>
    <s v="110"/>
    <d v="2016-04-15T00:00:00"/>
    <x v="5"/>
    <x v="0"/>
    <s v="10828"/>
    <s v="GLNANDA"/>
    <n v="-77240.77"/>
    <n v="-633072"/>
    <s v="Billed Revenues"/>
    <s v="EXV"/>
    <s v="NONBU"/>
    <s v="G0000110"/>
    <s v="N"/>
    <s v="MACSS Dist Billed Revenue-03"/>
    <s v=""/>
    <x v="0"/>
    <s v="CAD0330422"/>
    <s v="S"/>
    <s v="KY"/>
    <s v="REV"/>
    <s v="974"/>
    <s v="GLBATCH"/>
    <n v="4"/>
    <n v="2016"/>
  </r>
  <r>
    <s v="110"/>
    <d v="2016-04-15T00:00:00"/>
    <x v="7"/>
    <x v="0"/>
    <s v="10828"/>
    <s v="GLNANDA"/>
    <n v="0"/>
    <n v="29"/>
    <s v="Billed Revenues"/>
    <s v="EXV"/>
    <s v="NONBU"/>
    <s v="G0000110"/>
    <s v="N"/>
    <s v="MACSS Dist Billed Revenue-03"/>
    <s v=""/>
    <x v="0"/>
    <s v="CAD0330422"/>
    <s v="S"/>
    <s v="KY"/>
    <s v="REV"/>
    <s v="974"/>
    <s v="GLBATCH"/>
    <n v="4"/>
    <n v="2016"/>
  </r>
  <r>
    <s v="110"/>
    <d v="2016-04-15T00:00:00"/>
    <x v="7"/>
    <x v="0"/>
    <s v="10828"/>
    <s v="GLNANDA"/>
    <n v="-64939.21"/>
    <n v="-530463"/>
    <s v="Billed Revenues"/>
    <s v="EXV"/>
    <s v="NONBU"/>
    <s v="G0000110"/>
    <s v="N"/>
    <s v="MACSS Dist Billed Revenue-03"/>
    <s v=""/>
    <x v="0"/>
    <s v="CAD0330422"/>
    <s v="S"/>
    <s v="KY"/>
    <s v="REV"/>
    <s v="974"/>
    <s v="GLBATCH"/>
    <n v="4"/>
    <n v="2016"/>
  </r>
  <r>
    <s v="110"/>
    <d v="2016-04-15T00:00:00"/>
    <x v="3"/>
    <x v="0"/>
    <s v="10828"/>
    <s v="GLNANDA"/>
    <n v="0"/>
    <n v="13"/>
    <s v="Billed Revenues"/>
    <s v="EXV"/>
    <s v="NONBU"/>
    <s v="G0000110"/>
    <s v="N"/>
    <s v="MACSS Dist Billed Revenue-03"/>
    <s v=""/>
    <x v="0"/>
    <s v="CAD0330422"/>
    <s v="S"/>
    <s v="KY"/>
    <s v="REV"/>
    <s v="974"/>
    <s v="GLBATCH"/>
    <n v="4"/>
    <n v="2016"/>
  </r>
  <r>
    <s v="110"/>
    <d v="2016-04-15T00:00:00"/>
    <x v="3"/>
    <x v="0"/>
    <s v="10828"/>
    <s v="GLNANDA"/>
    <n v="-41746.769999999997"/>
    <n v="-356283"/>
    <s v="Billed Revenues"/>
    <s v="EXV"/>
    <s v="NONBU"/>
    <s v="G0000110"/>
    <s v="N"/>
    <s v="MACSS Dist Billed Revenue-03"/>
    <s v=""/>
    <x v="0"/>
    <s v="CAD0330422"/>
    <s v="S"/>
    <s v="KY"/>
    <s v="REV"/>
    <s v="974"/>
    <s v="GLBATCH"/>
    <n v="4"/>
    <n v="2016"/>
  </r>
  <r>
    <s v="110"/>
    <d v="2016-04-15T00:00:00"/>
    <x v="0"/>
    <x v="0"/>
    <s v="10828"/>
    <s v="GLNANDA"/>
    <n v="0"/>
    <n v="89"/>
    <s v="Billed Revenues"/>
    <s v="EXV"/>
    <s v="NONBU"/>
    <s v="G0000110"/>
    <s v="N"/>
    <s v="MACSS Dist Billed Revenue-03"/>
    <s v=""/>
    <x v="0"/>
    <s v="CAD0330422"/>
    <s v="S"/>
    <s v="KY"/>
    <s v="REV"/>
    <s v="974"/>
    <s v="GLBATCH"/>
    <n v="4"/>
    <n v="2016"/>
  </r>
  <r>
    <s v="110"/>
    <d v="2016-04-15T00:00:00"/>
    <x v="2"/>
    <x v="0"/>
    <s v="10828"/>
    <s v="GLNANDA"/>
    <n v="-266515.20000000001"/>
    <n v="-2002583"/>
    <s v="Billed Revenues"/>
    <s v="EXV"/>
    <s v="NONBU"/>
    <s v="G0000110"/>
    <s v="N"/>
    <s v="MACSS Dist Billed Revenue-03"/>
    <s v=""/>
    <x v="0"/>
    <s v="CAD0330422"/>
    <s v="S"/>
    <s v="KY"/>
    <s v="REV"/>
    <s v="974"/>
    <s v="GLBATCH"/>
    <n v="4"/>
    <n v="2016"/>
  </r>
  <r>
    <s v="110"/>
    <d v="2016-04-15T00:00:00"/>
    <x v="2"/>
    <x v="0"/>
    <s v="10828"/>
    <s v="GLNANDA"/>
    <n v="0"/>
    <n v="928"/>
    <s v="Billed Revenues"/>
    <s v="EXV"/>
    <s v="NONBU"/>
    <s v="G0000110"/>
    <s v="N"/>
    <s v="MACSS Dist Billed Revenue-03"/>
    <s v=""/>
    <x v="0"/>
    <s v="CAD0330425"/>
    <s v="S"/>
    <s v="KY"/>
    <s v="REV"/>
    <s v="974"/>
    <s v="GLBATCH"/>
    <n v="4"/>
    <n v="2016"/>
  </r>
  <r>
    <s v="110"/>
    <d v="2016-04-15T00:00:00"/>
    <x v="2"/>
    <x v="0"/>
    <s v="10828"/>
    <s v="GLNANDA"/>
    <n v="-177438.12"/>
    <n v="-1338883"/>
    <s v="Billed Revenues"/>
    <s v="EXV"/>
    <s v="NONBU"/>
    <s v="G0000110"/>
    <s v="N"/>
    <s v="MACSS Dist Billed Revenue-03"/>
    <s v=""/>
    <x v="0"/>
    <s v="CAD0330425"/>
    <s v="S"/>
    <s v="KY"/>
    <s v="REV"/>
    <s v="974"/>
    <s v="GLBATCH"/>
    <n v="4"/>
    <n v="2016"/>
  </r>
  <r>
    <s v="110"/>
    <d v="2016-04-15T00:00:00"/>
    <x v="1"/>
    <x v="0"/>
    <s v="10828"/>
    <s v="GLNANDA"/>
    <n v="0"/>
    <n v="2001"/>
    <s v="Billed Revenues"/>
    <s v="EXV"/>
    <s v="NONBU"/>
    <s v="G0000110"/>
    <s v="N"/>
    <s v="MACSS Dist Billed Revenue-03"/>
    <s v=""/>
    <x v="0"/>
    <s v="CAD0330425"/>
    <s v="S"/>
    <s v="KY"/>
    <s v="REV"/>
    <s v="974"/>
    <s v="GLBATCH"/>
    <n v="4"/>
    <n v="2016"/>
  </r>
  <r>
    <s v="110"/>
    <d v="2016-04-15T00:00:00"/>
    <x v="1"/>
    <x v="0"/>
    <s v="10828"/>
    <s v="GLNANDA"/>
    <n v="-194299.79"/>
    <n v="-1615911"/>
    <s v="Billed Revenues"/>
    <s v="EXV"/>
    <s v="NONBU"/>
    <s v="G0000110"/>
    <s v="N"/>
    <s v="MACSS Dist Billed Revenue-03"/>
    <s v=""/>
    <x v="0"/>
    <s v="CAD0330425"/>
    <s v="S"/>
    <s v="KY"/>
    <s v="REV"/>
    <s v="974"/>
    <s v="GLBATCH"/>
    <n v="4"/>
    <n v="2016"/>
  </r>
  <r>
    <s v="110"/>
    <d v="2016-04-15T00:00:00"/>
    <x v="4"/>
    <x v="0"/>
    <s v="10828"/>
    <s v="GLNANDA"/>
    <n v="0"/>
    <n v="3562"/>
    <s v="Billed Revenues"/>
    <s v="EXV"/>
    <s v="NONBU"/>
    <s v="G0000110"/>
    <s v="N"/>
    <s v="MACSS Dist Billed Revenue-03"/>
    <s v=""/>
    <x v="0"/>
    <s v="CAD0330425"/>
    <s v="S"/>
    <s v="KY"/>
    <s v="REV"/>
    <s v="974"/>
    <s v="GLBATCH"/>
    <n v="4"/>
    <n v="2016"/>
  </r>
  <r>
    <s v="110"/>
    <d v="2016-04-15T00:00:00"/>
    <x v="4"/>
    <x v="0"/>
    <s v="10828"/>
    <s v="GLNANDA"/>
    <n v="-467714.89"/>
    <n v="-4074000"/>
    <s v="Billed Revenues"/>
    <s v="EXV"/>
    <s v="NONBU"/>
    <s v="G0000110"/>
    <s v="N"/>
    <s v="MACSS Dist Billed Revenue-03"/>
    <s v=""/>
    <x v="0"/>
    <s v="CAD0330425"/>
    <s v="S"/>
    <s v="KY"/>
    <s v="REV"/>
    <s v="974"/>
    <s v="GLBATCH"/>
    <n v="4"/>
    <n v="2016"/>
  </r>
  <r>
    <s v="110"/>
    <d v="2016-04-15T00:00:00"/>
    <x v="6"/>
    <x v="0"/>
    <s v="10828"/>
    <s v="GLNANDA"/>
    <n v="0"/>
    <n v="9"/>
    <s v="Billed Revenues"/>
    <s v="EXV"/>
    <s v="NONBU"/>
    <s v="G0000110"/>
    <s v="N"/>
    <s v="MACSS Dist Billed Revenue-03"/>
    <s v=""/>
    <x v="0"/>
    <s v="CAD0330425"/>
    <s v="S"/>
    <s v="KY"/>
    <s v="REV"/>
    <s v="974"/>
    <s v="GLBATCH"/>
    <n v="4"/>
    <n v="2016"/>
  </r>
  <r>
    <s v="110"/>
    <d v="2016-04-15T00:00:00"/>
    <x v="6"/>
    <x v="0"/>
    <s v="10828"/>
    <s v="GLNANDA"/>
    <n v="-443.12"/>
    <n v="-1907"/>
    <s v="Billed Revenues"/>
    <s v="EXV"/>
    <s v="NONBU"/>
    <s v="G0000110"/>
    <s v="N"/>
    <s v="MACSS Dist Billed Revenue-03"/>
    <s v=""/>
    <x v="0"/>
    <s v="CAD0330425"/>
    <s v="S"/>
    <s v="KY"/>
    <s v="REV"/>
    <s v="974"/>
    <s v="GLBATCH"/>
    <n v="4"/>
    <n v="2016"/>
  </r>
  <r>
    <s v="110"/>
    <d v="2016-04-15T00:00:00"/>
    <x v="5"/>
    <x v="0"/>
    <s v="10828"/>
    <s v="GLNANDA"/>
    <n v="0"/>
    <n v="102"/>
    <s v="Billed Revenues"/>
    <s v="EXV"/>
    <s v="NONBU"/>
    <s v="G0000110"/>
    <s v="N"/>
    <s v="MACSS Dist Billed Revenue-03"/>
    <s v=""/>
    <x v="0"/>
    <s v="CAD0330425"/>
    <s v="S"/>
    <s v="KY"/>
    <s v="REV"/>
    <s v="974"/>
    <s v="GLBATCH"/>
    <n v="4"/>
    <n v="2016"/>
  </r>
  <r>
    <s v="110"/>
    <d v="2016-04-15T00:00:00"/>
    <x v="5"/>
    <x v="0"/>
    <s v="10828"/>
    <s v="GLNANDA"/>
    <n v="-34530.400000000001"/>
    <n v="-264309"/>
    <s v="Billed Revenues"/>
    <s v="EXV"/>
    <s v="NONBU"/>
    <s v="G0000110"/>
    <s v="N"/>
    <s v="MACSS Dist Billed Revenue-03"/>
    <s v=""/>
    <x v="0"/>
    <s v="CAD0330425"/>
    <s v="S"/>
    <s v="KY"/>
    <s v="REV"/>
    <s v="974"/>
    <s v="GLBATCH"/>
    <n v="4"/>
    <n v="2016"/>
  </r>
  <r>
    <s v="110"/>
    <d v="2016-04-15T00:00:00"/>
    <x v="7"/>
    <x v="0"/>
    <s v="10828"/>
    <s v="GLNANDA"/>
    <n v="0"/>
    <n v="45"/>
    <s v="Billed Revenues"/>
    <s v="EXV"/>
    <s v="NONBU"/>
    <s v="G0000110"/>
    <s v="N"/>
    <s v="MACSS Dist Billed Revenue-03"/>
    <s v=""/>
    <x v="0"/>
    <s v="CAD0330425"/>
    <s v="S"/>
    <s v="KY"/>
    <s v="REV"/>
    <s v="974"/>
    <s v="GLBATCH"/>
    <n v="4"/>
    <n v="2016"/>
  </r>
  <r>
    <s v="110"/>
    <d v="2016-04-15T00:00:00"/>
    <x v="7"/>
    <x v="0"/>
    <s v="10828"/>
    <s v="GLNANDA"/>
    <n v="-91825.78"/>
    <n v="-803110"/>
    <s v="Billed Revenues"/>
    <s v="EXV"/>
    <s v="NONBU"/>
    <s v="G0000110"/>
    <s v="N"/>
    <s v="MACSS Dist Billed Revenue-03"/>
    <s v=""/>
    <x v="0"/>
    <s v="CAD0330425"/>
    <s v="S"/>
    <s v="KY"/>
    <s v="REV"/>
    <s v="974"/>
    <s v="GLBATCH"/>
    <n v="4"/>
    <n v="2016"/>
  </r>
  <r>
    <s v="110"/>
    <d v="2016-04-15T00:00:00"/>
    <x v="3"/>
    <x v="0"/>
    <s v="10828"/>
    <s v="GLNANDA"/>
    <n v="0"/>
    <n v="12"/>
    <s v="Billed Revenues"/>
    <s v="EXV"/>
    <s v="NONBU"/>
    <s v="G0000110"/>
    <s v="N"/>
    <s v="MACSS Dist Billed Revenue-03"/>
    <s v=""/>
    <x v="0"/>
    <s v="CAD0330425"/>
    <s v="S"/>
    <s v="KY"/>
    <s v="REV"/>
    <s v="974"/>
    <s v="GLBATCH"/>
    <n v="4"/>
    <n v="2016"/>
  </r>
  <r>
    <s v="110"/>
    <d v="2016-04-15T00:00:00"/>
    <x v="3"/>
    <x v="0"/>
    <s v="10828"/>
    <s v="GLNANDA"/>
    <n v="-311752.03999999998"/>
    <n v="-3590532"/>
    <s v="Billed Revenues"/>
    <s v="EXV"/>
    <s v="NONBU"/>
    <s v="G0000110"/>
    <s v="N"/>
    <s v="MACSS Dist Billed Revenue-03"/>
    <s v=""/>
    <x v="0"/>
    <s v="CAD0330425"/>
    <s v="S"/>
    <s v="KY"/>
    <s v="REV"/>
    <s v="974"/>
    <s v="GLBATCH"/>
    <n v="4"/>
    <n v="2016"/>
  </r>
  <r>
    <s v="110"/>
    <d v="2016-04-15T00:00:00"/>
    <x v="0"/>
    <x v="0"/>
    <s v="10828"/>
    <s v="GLNANDA"/>
    <n v="0"/>
    <n v="34"/>
    <s v="Billed Revenues"/>
    <s v="EXV"/>
    <s v="NONBU"/>
    <s v="G0000110"/>
    <s v="N"/>
    <s v="MACSS Dist Billed Revenue-03"/>
    <s v=""/>
    <x v="0"/>
    <s v="CAD0330425"/>
    <s v="S"/>
    <s v="KY"/>
    <s v="REV"/>
    <s v="974"/>
    <s v="GLBATCH"/>
    <n v="4"/>
    <n v="2016"/>
  </r>
  <r>
    <s v="110"/>
    <d v="2016-04-15T00:00:00"/>
    <x v="0"/>
    <x v="0"/>
    <s v="10828"/>
    <s v="GLNANDA"/>
    <n v="-13969.39"/>
    <n v="-88669"/>
    <s v="Billed Revenues"/>
    <s v="EXV"/>
    <s v="NONBU"/>
    <s v="G0000110"/>
    <s v="N"/>
    <s v="MACSS Dist Billed Revenue-03"/>
    <s v=""/>
    <x v="0"/>
    <s v="CAD0330425"/>
    <s v="S"/>
    <s v="KY"/>
    <s v="REV"/>
    <s v="974"/>
    <s v="GLBATCH"/>
    <n v="4"/>
    <n v="2016"/>
  </r>
  <r>
    <s v="110"/>
    <d v="2016-04-15T00:00:00"/>
    <x v="0"/>
    <x v="0"/>
    <s v="10828"/>
    <s v="GLNANDA"/>
    <n v="0"/>
    <n v="34"/>
    <s v="Billed Revenues"/>
    <s v="EXV"/>
    <s v="NONBU"/>
    <s v="G0000110"/>
    <s v="N"/>
    <s v="MACSS Dist Billed Revenue-03"/>
    <s v=""/>
    <x v="0"/>
    <s v="CAD0330426"/>
    <s v="S"/>
    <s v="KY"/>
    <s v="REV"/>
    <s v="974"/>
    <s v="GLBATCH"/>
    <n v="4"/>
    <n v="2016"/>
  </r>
  <r>
    <s v="110"/>
    <d v="2016-04-15T00:00:00"/>
    <x v="3"/>
    <x v="0"/>
    <s v="10828"/>
    <s v="GLNANDA"/>
    <n v="-258478.04"/>
    <n v="-3084787"/>
    <s v="Billed Revenues"/>
    <s v="EXV"/>
    <s v="NONBU"/>
    <s v="G0000110"/>
    <s v="N"/>
    <s v="MACSS Dist Billed Revenue-03"/>
    <s v=""/>
    <x v="0"/>
    <s v="CAD0330426"/>
    <s v="S"/>
    <s v="KY"/>
    <s v="REV"/>
    <s v="974"/>
    <s v="GLBATCH"/>
    <n v="4"/>
    <n v="2016"/>
  </r>
  <r>
    <s v="110"/>
    <d v="2016-04-15T00:00:00"/>
    <x v="2"/>
    <x v="0"/>
    <s v="10828"/>
    <s v="GLNANDA"/>
    <n v="0"/>
    <n v="1202"/>
    <s v="Billed Revenues"/>
    <s v="EXV"/>
    <s v="NONBU"/>
    <s v="G0000110"/>
    <s v="N"/>
    <s v="MACSS Dist Billed Revenue-03"/>
    <s v=""/>
    <x v="0"/>
    <s v="CAD0330426"/>
    <s v="S"/>
    <s v="KY"/>
    <s v="REV"/>
    <s v="974"/>
    <s v="GLBATCH"/>
    <n v="4"/>
    <n v="2016"/>
  </r>
  <r>
    <s v="110"/>
    <d v="2016-04-15T00:00:00"/>
    <x v="2"/>
    <x v="0"/>
    <s v="10828"/>
    <s v="GLNANDA"/>
    <n v="-238310.56"/>
    <n v="-1838675"/>
    <s v="Billed Revenues"/>
    <s v="EXV"/>
    <s v="NONBU"/>
    <s v="G0000110"/>
    <s v="N"/>
    <s v="MACSS Dist Billed Revenue-03"/>
    <s v=""/>
    <x v="0"/>
    <s v="CAD0330426"/>
    <s v="S"/>
    <s v="KY"/>
    <s v="REV"/>
    <s v="974"/>
    <s v="GLBATCH"/>
    <n v="4"/>
    <n v="2016"/>
  </r>
  <r>
    <s v="110"/>
    <d v="2016-04-15T00:00:00"/>
    <x v="1"/>
    <x v="0"/>
    <s v="10828"/>
    <s v="GLNANDA"/>
    <n v="0"/>
    <n v="2052"/>
    <s v="Billed Revenues"/>
    <s v="EXV"/>
    <s v="NONBU"/>
    <s v="G0000110"/>
    <s v="N"/>
    <s v="MACSS Dist Billed Revenue-03"/>
    <s v=""/>
    <x v="0"/>
    <s v="CAD0330426"/>
    <s v="S"/>
    <s v="KY"/>
    <s v="REV"/>
    <s v="974"/>
    <s v="GLBATCH"/>
    <n v="4"/>
    <n v="2016"/>
  </r>
  <r>
    <s v="110"/>
    <d v="2016-04-15T00:00:00"/>
    <x v="1"/>
    <x v="0"/>
    <s v="10828"/>
    <s v="GLNANDA"/>
    <n v="-189464.19"/>
    <n v="-1552987"/>
    <s v="Billed Revenues"/>
    <s v="EXV"/>
    <s v="NONBU"/>
    <s v="G0000110"/>
    <s v="N"/>
    <s v="MACSS Dist Billed Revenue-03"/>
    <s v=""/>
    <x v="0"/>
    <s v="CAD0330426"/>
    <s v="S"/>
    <s v="KY"/>
    <s v="REV"/>
    <s v="974"/>
    <s v="GLBATCH"/>
    <n v="4"/>
    <n v="2016"/>
  </r>
  <r>
    <s v="110"/>
    <d v="2016-04-15T00:00:00"/>
    <x v="4"/>
    <x v="0"/>
    <s v="10828"/>
    <s v="GLNANDA"/>
    <n v="0"/>
    <n v="3618"/>
    <s v="Billed Revenues"/>
    <s v="EXV"/>
    <s v="NONBU"/>
    <s v="G0000110"/>
    <s v="N"/>
    <s v="MACSS Dist Billed Revenue-03"/>
    <s v=""/>
    <x v="0"/>
    <s v="CAD0330426"/>
    <s v="S"/>
    <s v="KY"/>
    <s v="REV"/>
    <s v="974"/>
    <s v="GLBATCH"/>
    <n v="4"/>
    <n v="2016"/>
  </r>
  <r>
    <s v="110"/>
    <d v="2016-04-15T00:00:00"/>
    <x v="4"/>
    <x v="0"/>
    <s v="10828"/>
    <s v="GLNANDA"/>
    <n v="-464748.08"/>
    <n v="-4030117"/>
    <s v="Billed Revenues"/>
    <s v="EXV"/>
    <s v="NONBU"/>
    <s v="G0000110"/>
    <s v="N"/>
    <s v="MACSS Dist Billed Revenue-03"/>
    <s v=""/>
    <x v="0"/>
    <s v="CAD0330426"/>
    <s v="S"/>
    <s v="KY"/>
    <s v="REV"/>
    <s v="974"/>
    <s v="GLBATCH"/>
    <n v="4"/>
    <n v="2016"/>
  </r>
  <r>
    <s v="110"/>
    <d v="2016-04-15T00:00:00"/>
    <x v="6"/>
    <x v="0"/>
    <s v="10828"/>
    <s v="GLNANDA"/>
    <n v="0"/>
    <n v="4"/>
    <s v="Billed Revenues"/>
    <s v="EXV"/>
    <s v="NONBU"/>
    <s v="G0000110"/>
    <s v="N"/>
    <s v="MACSS Dist Billed Revenue-03"/>
    <s v=""/>
    <x v="0"/>
    <s v="CAD0330426"/>
    <s v="S"/>
    <s v="KY"/>
    <s v="REV"/>
    <s v="974"/>
    <s v="GLBATCH"/>
    <n v="4"/>
    <n v="2016"/>
  </r>
  <r>
    <s v="110"/>
    <d v="2016-04-15T00:00:00"/>
    <x v="6"/>
    <x v="0"/>
    <s v="10828"/>
    <s v="GLNANDA"/>
    <n v="-947.21"/>
    <n v="-2583"/>
    <s v="Billed Revenues"/>
    <s v="EXV"/>
    <s v="NONBU"/>
    <s v="G0000110"/>
    <s v="N"/>
    <s v="MACSS Dist Billed Revenue-03"/>
    <s v=""/>
    <x v="0"/>
    <s v="CAD0330426"/>
    <s v="S"/>
    <s v="KY"/>
    <s v="REV"/>
    <s v="974"/>
    <s v="GLBATCH"/>
    <n v="4"/>
    <n v="2016"/>
  </r>
  <r>
    <s v="110"/>
    <d v="2016-04-15T00:00:00"/>
    <x v="5"/>
    <x v="0"/>
    <s v="10828"/>
    <s v="GLNANDA"/>
    <n v="0"/>
    <n v="138"/>
    <s v="Billed Revenues"/>
    <s v="EXV"/>
    <s v="NONBU"/>
    <s v="G0000110"/>
    <s v="N"/>
    <s v="MACSS Dist Billed Revenue-03"/>
    <s v=""/>
    <x v="0"/>
    <s v="CAD0330426"/>
    <s v="S"/>
    <s v="KY"/>
    <s v="REV"/>
    <s v="974"/>
    <s v="GLBATCH"/>
    <n v="4"/>
    <n v="2016"/>
  </r>
  <r>
    <s v="110"/>
    <d v="2016-04-15T00:00:00"/>
    <x v="5"/>
    <x v="0"/>
    <s v="10828"/>
    <s v="GLNANDA"/>
    <n v="-49854.65"/>
    <n v="-381000"/>
    <s v="Billed Revenues"/>
    <s v="EXV"/>
    <s v="NONBU"/>
    <s v="G0000110"/>
    <s v="N"/>
    <s v="MACSS Dist Billed Revenue-03"/>
    <s v=""/>
    <x v="0"/>
    <s v="CAD0330426"/>
    <s v="S"/>
    <s v="KY"/>
    <s v="REV"/>
    <s v="974"/>
    <s v="GLBATCH"/>
    <n v="4"/>
    <n v="2016"/>
  </r>
  <r>
    <s v="110"/>
    <d v="2016-04-15T00:00:00"/>
    <x v="7"/>
    <x v="0"/>
    <s v="10828"/>
    <s v="GLNANDA"/>
    <n v="0"/>
    <n v="37"/>
    <s v="Billed Revenues"/>
    <s v="EXV"/>
    <s v="NONBU"/>
    <s v="G0000110"/>
    <s v="N"/>
    <s v="MACSS Dist Billed Revenue-03"/>
    <s v=""/>
    <x v="0"/>
    <s v="CAD0330426"/>
    <s v="S"/>
    <s v="KY"/>
    <s v="REV"/>
    <s v="974"/>
    <s v="GLBATCH"/>
    <n v="4"/>
    <n v="2016"/>
  </r>
  <r>
    <s v="110"/>
    <d v="2016-04-15T00:00:00"/>
    <x v="7"/>
    <x v="0"/>
    <s v="10828"/>
    <s v="GLNANDA"/>
    <n v="-57822.8"/>
    <n v="-485776"/>
    <s v="Billed Revenues"/>
    <s v="EXV"/>
    <s v="NONBU"/>
    <s v="G0000110"/>
    <s v="N"/>
    <s v="MACSS Dist Billed Revenue-03"/>
    <s v=""/>
    <x v="0"/>
    <s v="CAD0330426"/>
    <s v="S"/>
    <s v="KY"/>
    <s v="REV"/>
    <s v="974"/>
    <s v="GLBATCH"/>
    <n v="4"/>
    <n v="2016"/>
  </r>
  <r>
    <s v="110"/>
    <d v="2016-04-15T00:00:00"/>
    <x v="3"/>
    <x v="0"/>
    <s v="10828"/>
    <s v="GLNANDA"/>
    <n v="0"/>
    <n v="12"/>
    <s v="Billed Revenues"/>
    <s v="EXV"/>
    <s v="NONBU"/>
    <s v="G0000110"/>
    <s v="N"/>
    <s v="MACSS Dist Billed Revenue-03"/>
    <s v=""/>
    <x v="0"/>
    <s v="CAD0330426"/>
    <s v="S"/>
    <s v="KY"/>
    <s v="REV"/>
    <s v="974"/>
    <s v="GLBATCH"/>
    <n v="4"/>
    <n v="2016"/>
  </r>
  <r>
    <s v="110"/>
    <d v="2016-04-15T00:00:00"/>
    <x v="0"/>
    <x v="0"/>
    <s v="10828"/>
    <s v="GLNANDA"/>
    <n v="-543761.51"/>
    <n v="-8400231"/>
    <s v="Billed Revenues"/>
    <s v="EXV"/>
    <s v="NONBU"/>
    <s v="G0000110"/>
    <s v="N"/>
    <s v="MACSS Dist Billed Revenue-03"/>
    <s v=""/>
    <x v="0"/>
    <s v="CAD0330426"/>
    <s v="S"/>
    <s v="KY"/>
    <s v="REV"/>
    <s v="974"/>
    <s v="GLBATCH"/>
    <n v="4"/>
    <n v="2016"/>
  </r>
  <r>
    <s v="110"/>
    <d v="2016-04-15T00:00:00"/>
    <x v="0"/>
    <x v="0"/>
    <s v="10828"/>
    <s v="GLNANDA"/>
    <n v="0"/>
    <n v="37"/>
    <s v="Billed Revenues"/>
    <s v="EXV"/>
    <s v="NONBU"/>
    <s v="G0000110"/>
    <s v="N"/>
    <s v="MACSS Dist Billed Revenue-03"/>
    <s v=""/>
    <x v="0"/>
    <s v="CAD0330427"/>
    <s v="S"/>
    <s v="KY"/>
    <s v="REV"/>
    <s v="974"/>
    <s v="GLBATCH"/>
    <n v="4"/>
    <n v="2016"/>
  </r>
  <r>
    <s v="110"/>
    <d v="2016-04-15T00:00:00"/>
    <x v="3"/>
    <x v="0"/>
    <s v="10828"/>
    <s v="GLNANDA"/>
    <n v="-253462.05"/>
    <n v="-3091196"/>
    <s v="Billed Revenues"/>
    <s v="EXV"/>
    <s v="NONBU"/>
    <s v="G0000110"/>
    <s v="N"/>
    <s v="MACSS Dist Billed Revenue-03"/>
    <s v=""/>
    <x v="0"/>
    <s v="CAD0330427"/>
    <s v="S"/>
    <s v="KY"/>
    <s v="REV"/>
    <s v="974"/>
    <s v="GLBATCH"/>
    <n v="4"/>
    <n v="2016"/>
  </r>
  <r>
    <s v="110"/>
    <d v="2016-04-15T00:00:00"/>
    <x v="2"/>
    <x v="0"/>
    <s v="10828"/>
    <s v="GLNANDA"/>
    <n v="0"/>
    <n v="991"/>
    <s v="Billed Revenues"/>
    <s v="EXV"/>
    <s v="NONBU"/>
    <s v="G0000110"/>
    <s v="N"/>
    <s v="MACSS Dist Billed Revenue-03"/>
    <s v=""/>
    <x v="0"/>
    <s v="CAD0330427"/>
    <s v="S"/>
    <s v="KY"/>
    <s v="REV"/>
    <s v="974"/>
    <s v="GLBATCH"/>
    <n v="4"/>
    <n v="2016"/>
  </r>
  <r>
    <s v="110"/>
    <d v="2016-04-15T00:00:00"/>
    <x v="2"/>
    <x v="0"/>
    <s v="10828"/>
    <s v="GLNANDA"/>
    <n v="-393775.07"/>
    <n v="-3336641"/>
    <s v="Billed Revenues"/>
    <s v="EXV"/>
    <s v="NONBU"/>
    <s v="G0000110"/>
    <s v="N"/>
    <s v="MACSS Dist Billed Revenue-03"/>
    <s v=""/>
    <x v="0"/>
    <s v="CAD0330427"/>
    <s v="S"/>
    <s v="KY"/>
    <s v="REV"/>
    <s v="974"/>
    <s v="GLBATCH"/>
    <n v="4"/>
    <n v="2016"/>
  </r>
  <r>
    <s v="110"/>
    <d v="2016-04-15T00:00:00"/>
    <x v="1"/>
    <x v="0"/>
    <s v="10828"/>
    <s v="GLNANDA"/>
    <n v="0"/>
    <n v="1907"/>
    <s v="Billed Revenues"/>
    <s v="EXV"/>
    <s v="NONBU"/>
    <s v="G0000110"/>
    <s v="N"/>
    <s v="MACSS Dist Billed Revenue-03"/>
    <s v=""/>
    <x v="0"/>
    <s v="CAD0330427"/>
    <s v="S"/>
    <s v="KY"/>
    <s v="REV"/>
    <s v="974"/>
    <s v="GLBATCH"/>
    <n v="4"/>
    <n v="2016"/>
  </r>
  <r>
    <s v="110"/>
    <d v="2016-04-15T00:00:00"/>
    <x v="1"/>
    <x v="0"/>
    <s v="10828"/>
    <s v="GLNANDA"/>
    <n v="-173129.04"/>
    <n v="-1417119"/>
    <s v="Billed Revenues"/>
    <s v="EXV"/>
    <s v="NONBU"/>
    <s v="G0000110"/>
    <s v="N"/>
    <s v="MACSS Dist Billed Revenue-03"/>
    <s v=""/>
    <x v="0"/>
    <s v="CAD0330427"/>
    <s v="S"/>
    <s v="KY"/>
    <s v="REV"/>
    <s v="974"/>
    <s v="GLBATCH"/>
    <n v="4"/>
    <n v="2016"/>
  </r>
  <r>
    <s v="110"/>
    <d v="2016-04-15T00:00:00"/>
    <x v="4"/>
    <x v="0"/>
    <s v="10828"/>
    <s v="GLNANDA"/>
    <n v="0"/>
    <n v="2151"/>
    <s v="Billed Revenues"/>
    <s v="EXV"/>
    <s v="NONBU"/>
    <s v="G0000110"/>
    <s v="N"/>
    <s v="MACSS Dist Billed Revenue-03"/>
    <s v=""/>
    <x v="0"/>
    <s v="CAD0330427"/>
    <s v="S"/>
    <s v="KY"/>
    <s v="REV"/>
    <s v="974"/>
    <s v="GLBATCH"/>
    <n v="4"/>
    <n v="2016"/>
  </r>
  <r>
    <s v="110"/>
    <d v="2016-04-15T00:00:00"/>
    <x v="4"/>
    <x v="0"/>
    <s v="10828"/>
    <s v="GLNANDA"/>
    <n v="-245336.78"/>
    <n v="-2072541"/>
    <s v="Billed Revenues"/>
    <s v="EXV"/>
    <s v="NONBU"/>
    <s v="G0000110"/>
    <s v="N"/>
    <s v="MACSS Dist Billed Revenue-03"/>
    <s v=""/>
    <x v="0"/>
    <s v="CAD0330427"/>
    <s v="S"/>
    <s v="KY"/>
    <s v="REV"/>
    <s v="974"/>
    <s v="GLBATCH"/>
    <n v="4"/>
    <n v="2016"/>
  </r>
  <r>
    <s v="110"/>
    <d v="2016-04-15T00:00:00"/>
    <x v="6"/>
    <x v="0"/>
    <s v="10828"/>
    <s v="GLNANDA"/>
    <n v="0"/>
    <n v="13"/>
    <s v="Billed Revenues"/>
    <s v="EXV"/>
    <s v="NONBU"/>
    <s v="G0000110"/>
    <s v="N"/>
    <s v="MACSS Dist Billed Revenue-03"/>
    <s v=""/>
    <x v="0"/>
    <s v="CAD0330427"/>
    <s v="S"/>
    <s v="KY"/>
    <s v="REV"/>
    <s v="974"/>
    <s v="GLBATCH"/>
    <n v="4"/>
    <n v="2016"/>
  </r>
  <r>
    <s v="110"/>
    <d v="2016-04-15T00:00:00"/>
    <x v="6"/>
    <x v="0"/>
    <s v="10828"/>
    <s v="GLNANDA"/>
    <n v="-676"/>
    <n v="-3579"/>
    <s v="Billed Revenues"/>
    <s v="EXV"/>
    <s v="NONBU"/>
    <s v="G0000110"/>
    <s v="N"/>
    <s v="MACSS Dist Billed Revenue-03"/>
    <s v=""/>
    <x v="0"/>
    <s v="CAD0330427"/>
    <s v="S"/>
    <s v="KY"/>
    <s v="REV"/>
    <s v="974"/>
    <s v="GLBATCH"/>
    <n v="4"/>
    <n v="2016"/>
  </r>
  <r>
    <s v="110"/>
    <d v="2016-04-15T00:00:00"/>
    <x v="5"/>
    <x v="0"/>
    <s v="10828"/>
    <s v="GLNANDA"/>
    <n v="0"/>
    <n v="82"/>
    <s v="Billed Revenues"/>
    <s v="EXV"/>
    <s v="NONBU"/>
    <s v="G0000110"/>
    <s v="N"/>
    <s v="MACSS Dist Billed Revenue-03"/>
    <s v=""/>
    <x v="0"/>
    <s v="CAD0330427"/>
    <s v="S"/>
    <s v="KY"/>
    <s v="REV"/>
    <s v="974"/>
    <s v="GLBATCH"/>
    <n v="4"/>
    <n v="2016"/>
  </r>
  <r>
    <s v="110"/>
    <d v="2016-04-15T00:00:00"/>
    <x v="5"/>
    <x v="0"/>
    <s v="10828"/>
    <s v="GLNANDA"/>
    <n v="-23409.13"/>
    <n v="-168150"/>
    <s v="Billed Revenues"/>
    <s v="EXV"/>
    <s v="NONBU"/>
    <s v="G0000110"/>
    <s v="N"/>
    <s v="MACSS Dist Billed Revenue-03"/>
    <s v=""/>
    <x v="0"/>
    <s v="CAD0330427"/>
    <s v="S"/>
    <s v="KY"/>
    <s v="REV"/>
    <s v="974"/>
    <s v="GLBATCH"/>
    <n v="4"/>
    <n v="2016"/>
  </r>
  <r>
    <s v="110"/>
    <d v="2016-04-15T00:00:00"/>
    <x v="7"/>
    <x v="0"/>
    <s v="10828"/>
    <s v="GLNANDA"/>
    <n v="0"/>
    <n v="23"/>
    <s v="Billed Revenues"/>
    <s v="EXV"/>
    <s v="NONBU"/>
    <s v="G0000110"/>
    <s v="N"/>
    <s v="MACSS Dist Billed Revenue-03"/>
    <s v=""/>
    <x v="0"/>
    <s v="CAD0330427"/>
    <s v="S"/>
    <s v="KY"/>
    <s v="REV"/>
    <s v="974"/>
    <s v="GLBATCH"/>
    <n v="4"/>
    <n v="2016"/>
  </r>
  <r>
    <s v="110"/>
    <d v="2016-04-15T00:00:00"/>
    <x v="7"/>
    <x v="0"/>
    <s v="10828"/>
    <s v="GLNANDA"/>
    <n v="-24732.34"/>
    <n v="-202589"/>
    <s v="Billed Revenues"/>
    <s v="EXV"/>
    <s v="NONBU"/>
    <s v="G0000110"/>
    <s v="N"/>
    <s v="MACSS Dist Billed Revenue-03"/>
    <s v=""/>
    <x v="0"/>
    <s v="CAD0330427"/>
    <s v="S"/>
    <s v="KY"/>
    <s v="REV"/>
    <s v="974"/>
    <s v="GLBATCH"/>
    <n v="4"/>
    <n v="2016"/>
  </r>
  <r>
    <s v="110"/>
    <d v="2016-04-15T00:00:00"/>
    <x v="3"/>
    <x v="0"/>
    <s v="10828"/>
    <s v="GLNANDA"/>
    <n v="0"/>
    <n v="15"/>
    <s v="Billed Revenues"/>
    <s v="EXV"/>
    <s v="NONBU"/>
    <s v="G0000110"/>
    <s v="N"/>
    <s v="MACSS Dist Billed Revenue-03"/>
    <s v=""/>
    <x v="0"/>
    <s v="CAD0330427"/>
    <s v="S"/>
    <s v="KY"/>
    <s v="REV"/>
    <s v="974"/>
    <s v="GLBATCH"/>
    <n v="4"/>
    <n v="2016"/>
  </r>
  <r>
    <s v="110"/>
    <d v="2016-04-15T00:00:00"/>
    <x v="0"/>
    <x v="0"/>
    <s v="10828"/>
    <s v="GLNANDA"/>
    <n v="-41467.65"/>
    <n v="-422766"/>
    <s v="Billed Revenues"/>
    <s v="EXV"/>
    <s v="NONBU"/>
    <s v="G0000110"/>
    <s v="N"/>
    <s v="MACSS Dist Billed Revenue-03"/>
    <s v=""/>
    <x v="0"/>
    <s v="CAD0330427"/>
    <s v="S"/>
    <s v="KY"/>
    <s v="REV"/>
    <s v="974"/>
    <s v="GLBATCH"/>
    <n v="4"/>
    <n v="2016"/>
  </r>
  <r>
    <s v="110"/>
    <d v="2016-04-15T00:00:00"/>
    <x v="2"/>
    <x v="0"/>
    <s v="10828"/>
    <s v="GLNANDA"/>
    <n v="0"/>
    <n v="1685"/>
    <s v="Billed Revenues"/>
    <s v="EXV"/>
    <s v="NONBU"/>
    <s v="G0000110"/>
    <s v="N"/>
    <s v="MACSS Dist Billed Revenue-03"/>
    <s v=""/>
    <x v="0"/>
    <s v="CAD0330428"/>
    <s v="S"/>
    <s v="KY"/>
    <s v="REV"/>
    <s v="974"/>
    <s v="GLBATCH"/>
    <n v="4"/>
    <n v="2016"/>
  </r>
  <r>
    <s v="110"/>
    <d v="2016-04-15T00:00:00"/>
    <x v="0"/>
    <x v="0"/>
    <s v="10828"/>
    <s v="GLNANDA"/>
    <n v="-62034.76"/>
    <n v="-546260"/>
    <s v="Billed Revenues"/>
    <s v="EXV"/>
    <s v="NONBU"/>
    <s v="G0000110"/>
    <s v="N"/>
    <s v="MACSS Dist Billed Revenue-03"/>
    <s v=""/>
    <x v="0"/>
    <s v="CAD0330428"/>
    <s v="S"/>
    <s v="KY"/>
    <s v="REV"/>
    <s v="974"/>
    <s v="GLBATCH"/>
    <n v="4"/>
    <n v="2016"/>
  </r>
  <r>
    <s v="110"/>
    <d v="2016-04-15T00:00:00"/>
    <x v="1"/>
    <x v="0"/>
    <s v="10828"/>
    <s v="GLNANDA"/>
    <n v="0"/>
    <n v="3465"/>
    <s v="Billed Revenues"/>
    <s v="EXV"/>
    <s v="NONBU"/>
    <s v="G0000110"/>
    <s v="N"/>
    <s v="MACSS Dist Billed Revenue-03"/>
    <s v=""/>
    <x v="0"/>
    <s v="CAD0330428"/>
    <s v="S"/>
    <s v="KY"/>
    <s v="REV"/>
    <s v="974"/>
    <s v="GLBATCH"/>
    <n v="4"/>
    <n v="2016"/>
  </r>
  <r>
    <s v="110"/>
    <d v="2016-04-15T00:00:00"/>
    <x v="1"/>
    <x v="0"/>
    <s v="10828"/>
    <s v="GLNANDA"/>
    <n v="-317494.67"/>
    <n v="-2648114"/>
    <s v="Billed Revenues"/>
    <s v="EXV"/>
    <s v="NONBU"/>
    <s v="G0000110"/>
    <s v="N"/>
    <s v="MACSS Dist Billed Revenue-03"/>
    <s v=""/>
    <x v="0"/>
    <s v="CAD0330428"/>
    <s v="S"/>
    <s v="KY"/>
    <s v="REV"/>
    <s v="974"/>
    <s v="GLBATCH"/>
    <n v="4"/>
    <n v="2016"/>
  </r>
  <r>
    <s v="110"/>
    <d v="2016-04-15T00:00:00"/>
    <x v="4"/>
    <x v="0"/>
    <s v="10828"/>
    <s v="GLNANDA"/>
    <n v="0"/>
    <n v="4981"/>
    <s v="Billed Revenues"/>
    <s v="EXV"/>
    <s v="NONBU"/>
    <s v="G0000110"/>
    <s v="N"/>
    <s v="MACSS Dist Billed Revenue-03"/>
    <s v=""/>
    <x v="0"/>
    <s v="CAD0330428"/>
    <s v="S"/>
    <s v="KY"/>
    <s v="REV"/>
    <s v="974"/>
    <s v="GLBATCH"/>
    <n v="4"/>
    <n v="2016"/>
  </r>
  <r>
    <s v="110"/>
    <d v="2016-04-15T00:00:00"/>
    <x v="4"/>
    <x v="0"/>
    <s v="10828"/>
    <s v="GLNANDA"/>
    <n v="-595922.27"/>
    <n v="-5173009"/>
    <s v="Billed Revenues"/>
    <s v="EXV"/>
    <s v="NONBU"/>
    <s v="G0000110"/>
    <s v="N"/>
    <s v="MACSS Dist Billed Revenue-03"/>
    <s v=""/>
    <x v="0"/>
    <s v="CAD0330428"/>
    <s v="S"/>
    <s v="KY"/>
    <s v="REV"/>
    <s v="974"/>
    <s v="GLBATCH"/>
    <n v="4"/>
    <n v="2016"/>
  </r>
  <r>
    <s v="110"/>
    <d v="2016-04-15T00:00:00"/>
    <x v="6"/>
    <x v="0"/>
    <s v="10828"/>
    <s v="GLNANDA"/>
    <n v="0"/>
    <n v="21"/>
    <s v="Billed Revenues"/>
    <s v="EXV"/>
    <s v="NONBU"/>
    <s v="G0000110"/>
    <s v="N"/>
    <s v="MACSS Dist Billed Revenue-03"/>
    <s v=""/>
    <x v="0"/>
    <s v="CAD0330428"/>
    <s v="S"/>
    <s v="KY"/>
    <s v="REV"/>
    <s v="974"/>
    <s v="GLBATCH"/>
    <n v="4"/>
    <n v="2016"/>
  </r>
  <r>
    <s v="110"/>
    <d v="2016-04-15T00:00:00"/>
    <x v="6"/>
    <x v="0"/>
    <s v="10828"/>
    <s v="GLNANDA"/>
    <n v="-3607.63"/>
    <n v="-19941"/>
    <s v="Billed Revenues"/>
    <s v="EXV"/>
    <s v="NONBU"/>
    <s v="G0000110"/>
    <s v="N"/>
    <s v="MACSS Dist Billed Revenue-03"/>
    <s v=""/>
    <x v="0"/>
    <s v="CAD0330428"/>
    <s v="S"/>
    <s v="KY"/>
    <s v="REV"/>
    <s v="974"/>
    <s v="GLBATCH"/>
    <n v="4"/>
    <n v="2016"/>
  </r>
  <r>
    <s v="110"/>
    <d v="2016-04-15T00:00:00"/>
    <x v="5"/>
    <x v="0"/>
    <s v="10828"/>
    <s v="GLNANDA"/>
    <n v="0"/>
    <n v="264"/>
    <s v="Billed Revenues"/>
    <s v="EXV"/>
    <s v="NONBU"/>
    <s v="G0000110"/>
    <s v="N"/>
    <s v="MACSS Dist Billed Revenue-03"/>
    <s v=""/>
    <x v="0"/>
    <s v="CAD0330428"/>
    <s v="S"/>
    <s v="KY"/>
    <s v="REV"/>
    <s v="974"/>
    <s v="GLBATCH"/>
    <n v="4"/>
    <n v="2016"/>
  </r>
  <r>
    <s v="110"/>
    <d v="2016-04-15T00:00:00"/>
    <x v="5"/>
    <x v="0"/>
    <s v="10828"/>
    <s v="GLNANDA"/>
    <n v="-126655.54"/>
    <n v="-1115967"/>
    <s v="Billed Revenues"/>
    <s v="EXV"/>
    <s v="NONBU"/>
    <s v="G0000110"/>
    <s v="N"/>
    <s v="MACSS Dist Billed Revenue-03"/>
    <s v=""/>
    <x v="0"/>
    <s v="CAD0330428"/>
    <s v="S"/>
    <s v="KY"/>
    <s v="REV"/>
    <s v="974"/>
    <s v="GLBATCH"/>
    <n v="4"/>
    <n v="2016"/>
  </r>
  <r>
    <s v="110"/>
    <d v="2016-04-15T00:00:00"/>
    <x v="7"/>
    <x v="0"/>
    <s v="10828"/>
    <s v="GLNANDA"/>
    <n v="0"/>
    <n v="45"/>
    <s v="Billed Revenues"/>
    <s v="EXV"/>
    <s v="NONBU"/>
    <s v="G0000110"/>
    <s v="N"/>
    <s v="MACSS Dist Billed Revenue-03"/>
    <s v=""/>
    <x v="0"/>
    <s v="CAD0330428"/>
    <s v="S"/>
    <s v="KY"/>
    <s v="REV"/>
    <s v="974"/>
    <s v="GLBATCH"/>
    <n v="4"/>
    <n v="2016"/>
  </r>
  <r>
    <s v="110"/>
    <d v="2016-04-15T00:00:00"/>
    <x v="7"/>
    <x v="0"/>
    <s v="10828"/>
    <s v="GLNANDA"/>
    <n v="-101989.27"/>
    <n v="-868971"/>
    <s v="Billed Revenues"/>
    <s v="EXV"/>
    <s v="NONBU"/>
    <s v="G0000110"/>
    <s v="N"/>
    <s v="MACSS Dist Billed Revenue-03"/>
    <s v=""/>
    <x v="0"/>
    <s v="CAD0330428"/>
    <s v="S"/>
    <s v="KY"/>
    <s v="REV"/>
    <s v="974"/>
    <s v="GLBATCH"/>
    <n v="4"/>
    <n v="2016"/>
  </r>
  <r>
    <s v="110"/>
    <d v="2016-04-15T00:00:00"/>
    <x v="3"/>
    <x v="0"/>
    <s v="10828"/>
    <s v="GLNANDA"/>
    <n v="0"/>
    <n v="40"/>
    <s v="Billed Revenues"/>
    <s v="EXV"/>
    <s v="NONBU"/>
    <s v="G0000110"/>
    <s v="N"/>
    <s v="MACSS Dist Billed Revenue-03"/>
    <s v=""/>
    <x v="0"/>
    <s v="CAD0330428"/>
    <s v="S"/>
    <s v="KY"/>
    <s v="REV"/>
    <s v="974"/>
    <s v="GLBATCH"/>
    <n v="4"/>
    <n v="2016"/>
  </r>
  <r>
    <s v="110"/>
    <d v="2016-04-15T00:00:00"/>
    <x v="3"/>
    <x v="0"/>
    <s v="10828"/>
    <s v="GLNANDA"/>
    <n v="-282530.27"/>
    <n v="-2553443"/>
    <s v="Billed Revenues"/>
    <s v="EXV"/>
    <s v="NONBU"/>
    <s v="G0000110"/>
    <s v="N"/>
    <s v="MACSS Dist Billed Revenue-03"/>
    <s v=""/>
    <x v="0"/>
    <s v="CAD0330428"/>
    <s v="S"/>
    <s v="KY"/>
    <s v="REV"/>
    <s v="974"/>
    <s v="GLBATCH"/>
    <n v="4"/>
    <n v="2016"/>
  </r>
  <r>
    <s v="110"/>
    <d v="2016-04-15T00:00:00"/>
    <x v="0"/>
    <x v="0"/>
    <s v="10828"/>
    <s v="GLNANDA"/>
    <n v="0"/>
    <n v="67"/>
    <s v="Billed Revenues"/>
    <s v="EXV"/>
    <s v="NONBU"/>
    <s v="G0000110"/>
    <s v="N"/>
    <s v="MACSS Dist Billed Revenue-03"/>
    <s v=""/>
    <x v="0"/>
    <s v="CAD0330428"/>
    <s v="S"/>
    <s v="KY"/>
    <s v="REV"/>
    <s v="974"/>
    <s v="GLBATCH"/>
    <n v="4"/>
    <n v="2016"/>
  </r>
  <r>
    <s v="110"/>
    <d v="2016-04-15T00:00:00"/>
    <x v="2"/>
    <x v="0"/>
    <s v="10828"/>
    <s v="GLNANDA"/>
    <n v="-802870.98"/>
    <n v="-7627782"/>
    <s v="Billed Revenues"/>
    <s v="EXV"/>
    <s v="NONBU"/>
    <s v="G0000110"/>
    <s v="N"/>
    <s v="MACSS Dist Billed Revenue-03"/>
    <s v=""/>
    <x v="0"/>
    <s v="CAD0330428"/>
    <s v="S"/>
    <s v="KY"/>
    <s v="REV"/>
    <s v="974"/>
    <s v="GLBATCH"/>
    <n v="4"/>
    <n v="2016"/>
  </r>
  <r>
    <s v="110"/>
    <d v="2016-05-15T00:00:00"/>
    <x v="1"/>
    <x v="0"/>
    <s v="10828"/>
    <s v="GLNANDA"/>
    <n v="0"/>
    <n v="2145"/>
    <s v="Billed Revenues"/>
    <s v="EXV"/>
    <s v="NONBU"/>
    <s v="G0000110"/>
    <s v="N"/>
    <s v="MACSS Dist Billed Revenue-03"/>
    <s v=""/>
    <x v="0"/>
    <s v="CAD0330429"/>
    <s v="S"/>
    <s v="KY"/>
    <s v="REV"/>
    <s v="974"/>
    <s v="GLBATCH"/>
    <n v="5"/>
    <n v="2016"/>
  </r>
  <r>
    <s v="110"/>
    <d v="2016-05-15T00:00:00"/>
    <x v="1"/>
    <x v="0"/>
    <s v="10828"/>
    <s v="GLNANDA"/>
    <n v="-211413.63"/>
    <n v="-1688712"/>
    <s v="Billed Revenues"/>
    <s v="EXV"/>
    <s v="NONBU"/>
    <s v="G0000110"/>
    <s v="N"/>
    <s v="MACSS Dist Billed Revenue-03"/>
    <s v=""/>
    <x v="0"/>
    <s v="CAD0330429"/>
    <s v="S"/>
    <s v="KY"/>
    <s v="REV"/>
    <s v="974"/>
    <s v="GLBATCH"/>
    <n v="5"/>
    <n v="2016"/>
  </r>
  <r>
    <s v="110"/>
    <d v="2016-05-15T00:00:00"/>
    <x v="4"/>
    <x v="0"/>
    <s v="10828"/>
    <s v="GLNANDA"/>
    <n v="0"/>
    <n v="4689"/>
    <s v="Billed Revenues"/>
    <s v="EXV"/>
    <s v="NONBU"/>
    <s v="G0000110"/>
    <s v="N"/>
    <s v="MACSS Dist Billed Revenue-03"/>
    <s v=""/>
    <x v="0"/>
    <s v="CAD0330429"/>
    <s v="S"/>
    <s v="KY"/>
    <s v="REV"/>
    <s v="974"/>
    <s v="GLBATCH"/>
    <n v="5"/>
    <n v="2016"/>
  </r>
  <r>
    <s v="110"/>
    <d v="2016-05-15T00:00:00"/>
    <x v="3"/>
    <x v="0"/>
    <s v="10828"/>
    <s v="GLNANDA"/>
    <n v="-10348.73"/>
    <n v="-71023"/>
    <s v="Billed Revenues"/>
    <s v="EXV"/>
    <s v="NONBU"/>
    <s v="G0000110"/>
    <s v="N"/>
    <s v="MACSS Dist Billed Revenue-03"/>
    <s v=""/>
    <x v="0"/>
    <s v="CAD0330429"/>
    <s v="S"/>
    <s v="KY"/>
    <s v="REV"/>
    <s v="974"/>
    <s v="GLBATCH"/>
    <n v="5"/>
    <n v="2016"/>
  </r>
  <r>
    <s v="110"/>
    <d v="2016-05-15T00:00:00"/>
    <x v="3"/>
    <x v="0"/>
    <s v="10828"/>
    <s v="GLNANDA"/>
    <n v="0"/>
    <n v="11"/>
    <s v="Billed Revenues"/>
    <s v="EXV"/>
    <s v="NONBU"/>
    <s v="G0000110"/>
    <s v="N"/>
    <s v="MACSS Dist Billed Revenue-03"/>
    <s v=""/>
    <x v="0"/>
    <s v="CAD0330429"/>
    <s v="S"/>
    <s v="KY"/>
    <s v="REV"/>
    <s v="974"/>
    <s v="GLBATCH"/>
    <n v="5"/>
    <n v="2016"/>
  </r>
  <r>
    <s v="110"/>
    <d v="2016-05-15T00:00:00"/>
    <x v="7"/>
    <x v="0"/>
    <s v="10828"/>
    <s v="GLNANDA"/>
    <n v="-50946.61"/>
    <n v="-395653"/>
    <s v="Billed Revenues"/>
    <s v="EXV"/>
    <s v="NONBU"/>
    <s v="G0000110"/>
    <s v="N"/>
    <s v="MACSS Dist Billed Revenue-03"/>
    <s v=""/>
    <x v="0"/>
    <s v="CAD0330429"/>
    <s v="S"/>
    <s v="KY"/>
    <s v="REV"/>
    <s v="974"/>
    <s v="GLBATCH"/>
    <n v="5"/>
    <n v="2016"/>
  </r>
  <r>
    <s v="110"/>
    <d v="2016-05-15T00:00:00"/>
    <x v="7"/>
    <x v="0"/>
    <s v="10828"/>
    <s v="GLNANDA"/>
    <n v="0"/>
    <n v="22"/>
    <s v="Billed Revenues"/>
    <s v="EXV"/>
    <s v="NONBU"/>
    <s v="G0000110"/>
    <s v="N"/>
    <s v="MACSS Dist Billed Revenue-03"/>
    <s v=""/>
    <x v="0"/>
    <s v="CAD0330429"/>
    <s v="S"/>
    <s v="KY"/>
    <s v="REV"/>
    <s v="974"/>
    <s v="GLBATCH"/>
    <n v="5"/>
    <n v="2016"/>
  </r>
  <r>
    <s v="110"/>
    <d v="2016-05-15T00:00:00"/>
    <x v="2"/>
    <x v="0"/>
    <s v="10828"/>
    <s v="GLNANDA"/>
    <n v="-637367.55000000005"/>
    <n v="-4933336"/>
    <s v="Billed Revenues"/>
    <s v="EXV"/>
    <s v="NONBU"/>
    <s v="G0000110"/>
    <s v="N"/>
    <s v="MACSS Dist Billed Revenue-03"/>
    <s v=""/>
    <x v="0"/>
    <s v="CAD0330429"/>
    <s v="S"/>
    <s v="KY"/>
    <s v="REV"/>
    <s v="974"/>
    <s v="GLBATCH"/>
    <n v="5"/>
    <n v="2016"/>
  </r>
  <r>
    <s v="110"/>
    <d v="2016-05-15T00:00:00"/>
    <x v="2"/>
    <x v="0"/>
    <s v="10828"/>
    <s v="GLNANDA"/>
    <n v="0"/>
    <n v="1667"/>
    <s v="Billed Revenues"/>
    <s v="EXV"/>
    <s v="NONBU"/>
    <s v="G0000110"/>
    <s v="N"/>
    <s v="MACSS Dist Billed Revenue-03"/>
    <s v=""/>
    <x v="0"/>
    <s v="CAD0330429"/>
    <s v="S"/>
    <s v="KY"/>
    <s v="REV"/>
    <s v="974"/>
    <s v="GLBATCH"/>
    <n v="5"/>
    <n v="2016"/>
  </r>
  <r>
    <s v="110"/>
    <d v="2016-05-15T00:00:00"/>
    <x v="0"/>
    <x v="0"/>
    <s v="10828"/>
    <s v="GLNANDA"/>
    <n v="-234354"/>
    <n v="-2519171"/>
    <s v="Billed Revenues"/>
    <s v="EXV"/>
    <s v="NONBU"/>
    <s v="G0000110"/>
    <s v="N"/>
    <s v="MACSS Dist Billed Revenue-03"/>
    <s v=""/>
    <x v="0"/>
    <s v="CAD0330429"/>
    <s v="S"/>
    <s v="KY"/>
    <s v="REV"/>
    <s v="974"/>
    <s v="GLBATCH"/>
    <n v="5"/>
    <n v="2016"/>
  </r>
  <r>
    <s v="110"/>
    <d v="2016-05-15T00:00:00"/>
    <x v="0"/>
    <x v="0"/>
    <s v="10828"/>
    <s v="GLNANDA"/>
    <n v="0"/>
    <n v="54"/>
    <s v="Billed Revenues"/>
    <s v="EXV"/>
    <s v="NONBU"/>
    <s v="G0000110"/>
    <s v="N"/>
    <s v="MACSS Dist Billed Revenue-03"/>
    <s v=""/>
    <x v="0"/>
    <s v="CAD0330429"/>
    <s v="S"/>
    <s v="KY"/>
    <s v="REV"/>
    <s v="974"/>
    <s v="GLBATCH"/>
    <n v="5"/>
    <n v="2016"/>
  </r>
  <r>
    <s v="110"/>
    <d v="2016-05-15T00:00:00"/>
    <x v="5"/>
    <x v="0"/>
    <s v="10828"/>
    <s v="GLNANDA"/>
    <n v="-59240.82"/>
    <n v="-458064"/>
    <s v="Billed Revenues"/>
    <s v="EXV"/>
    <s v="NONBU"/>
    <s v="G0000110"/>
    <s v="N"/>
    <s v="MACSS Dist Billed Revenue-03"/>
    <s v=""/>
    <x v="0"/>
    <s v="CAD0330429"/>
    <s v="S"/>
    <s v="KY"/>
    <s v="REV"/>
    <s v="974"/>
    <s v="GLBATCH"/>
    <n v="5"/>
    <n v="2016"/>
  </r>
  <r>
    <s v="110"/>
    <d v="2016-05-15T00:00:00"/>
    <x v="5"/>
    <x v="0"/>
    <s v="10828"/>
    <s v="GLNANDA"/>
    <n v="0"/>
    <n v="138"/>
    <s v="Billed Revenues"/>
    <s v="EXV"/>
    <s v="NONBU"/>
    <s v="G0000110"/>
    <s v="N"/>
    <s v="MACSS Dist Billed Revenue-03"/>
    <s v=""/>
    <x v="0"/>
    <s v="CAD0330429"/>
    <s v="S"/>
    <s v="KY"/>
    <s v="REV"/>
    <s v="974"/>
    <s v="GLBATCH"/>
    <n v="5"/>
    <n v="2016"/>
  </r>
  <r>
    <s v="110"/>
    <d v="2016-05-15T00:00:00"/>
    <x v="6"/>
    <x v="0"/>
    <s v="10828"/>
    <s v="GLNANDA"/>
    <n v="-958.12"/>
    <n v="-4614"/>
    <s v="Billed Revenues"/>
    <s v="EXV"/>
    <s v="NONBU"/>
    <s v="G0000110"/>
    <s v="N"/>
    <s v="MACSS Dist Billed Revenue-03"/>
    <s v=""/>
    <x v="0"/>
    <s v="CAD0330429"/>
    <s v="S"/>
    <s v="KY"/>
    <s v="REV"/>
    <s v="974"/>
    <s v="GLBATCH"/>
    <n v="5"/>
    <n v="2016"/>
  </r>
  <r>
    <s v="110"/>
    <d v="2016-05-15T00:00:00"/>
    <x v="6"/>
    <x v="0"/>
    <s v="10828"/>
    <s v="GLNANDA"/>
    <n v="0"/>
    <n v="20"/>
    <s v="Billed Revenues"/>
    <s v="EXV"/>
    <s v="NONBU"/>
    <s v="G0000110"/>
    <s v="N"/>
    <s v="MACSS Dist Billed Revenue-03"/>
    <s v=""/>
    <x v="0"/>
    <s v="CAD0330429"/>
    <s v="S"/>
    <s v="KY"/>
    <s v="REV"/>
    <s v="974"/>
    <s v="GLBATCH"/>
    <n v="5"/>
    <n v="2016"/>
  </r>
  <r>
    <s v="110"/>
    <d v="2016-05-15T00:00:00"/>
    <x v="4"/>
    <x v="0"/>
    <s v="10828"/>
    <s v="GLNANDA"/>
    <n v="-593390.73"/>
    <n v="-4936258"/>
    <s v="Billed Revenues"/>
    <s v="EXV"/>
    <s v="NONBU"/>
    <s v="G0000110"/>
    <s v="N"/>
    <s v="MACSS Dist Billed Revenue-03"/>
    <s v=""/>
    <x v="0"/>
    <s v="CAD0330429"/>
    <s v="S"/>
    <s v="KY"/>
    <s v="REV"/>
    <s v="974"/>
    <s v="GLBATCH"/>
    <n v="5"/>
    <n v="2016"/>
  </r>
  <r>
    <s v="110"/>
    <d v="2016-04-15T00:00:00"/>
    <x v="0"/>
    <x v="0"/>
    <s v="10828"/>
    <s v="GLNANDA"/>
    <n v="0"/>
    <n v="6"/>
    <s v="Billed Revenues"/>
    <s v="EXV"/>
    <s v="NONBU"/>
    <s v="G0000110"/>
    <s v="N"/>
    <s v="MACSS Dist Billed Revenue-03"/>
    <s v=""/>
    <x v="0"/>
    <s v="CAD0330429"/>
    <s v="S"/>
    <s v="KY"/>
    <s v="REV"/>
    <s v="974"/>
    <s v="GLBATCH"/>
    <n v="4"/>
    <n v="2016"/>
  </r>
  <r>
    <s v="110"/>
    <d v="2016-04-15T00:00:00"/>
    <x v="3"/>
    <x v="0"/>
    <s v="10828"/>
    <s v="GLNANDA"/>
    <n v="-356300.83"/>
    <n v="-4622130"/>
    <s v="Billed Revenues"/>
    <s v="EXV"/>
    <s v="NONBU"/>
    <s v="G0000110"/>
    <s v="N"/>
    <s v="MACSS Dist Billed Revenue-03"/>
    <s v=""/>
    <x v="0"/>
    <s v="CAD0330429"/>
    <s v="S"/>
    <s v="KY"/>
    <s v="REV"/>
    <s v="974"/>
    <s v="GLBATCH"/>
    <n v="4"/>
    <n v="2016"/>
  </r>
  <r>
    <s v="110"/>
    <d v="2016-04-15T00:00:00"/>
    <x v="3"/>
    <x v="0"/>
    <s v="10828"/>
    <s v="GLNANDA"/>
    <n v="0"/>
    <n v="13"/>
    <s v="Billed Revenues"/>
    <s v="EXV"/>
    <s v="NONBU"/>
    <s v="G0000110"/>
    <s v="N"/>
    <s v="MACSS Dist Billed Revenue-03"/>
    <s v=""/>
    <x v="0"/>
    <s v="CAD0330429"/>
    <s v="S"/>
    <s v="KY"/>
    <s v="REV"/>
    <s v="974"/>
    <s v="GLBATCH"/>
    <n v="4"/>
    <n v="2016"/>
  </r>
  <r>
    <s v="110"/>
    <d v="2016-04-15T00:00:00"/>
    <x v="7"/>
    <x v="0"/>
    <s v="10828"/>
    <s v="GLNANDA"/>
    <n v="-276.83999999999997"/>
    <n v="-1535"/>
    <s v="Billed Revenues"/>
    <s v="EXV"/>
    <s v="NONBU"/>
    <s v="G0000110"/>
    <s v="N"/>
    <s v="MACSS Dist Billed Revenue-03"/>
    <s v=""/>
    <x v="0"/>
    <s v="CAD0330429"/>
    <s v="S"/>
    <s v="KY"/>
    <s v="REV"/>
    <s v="974"/>
    <s v="GLBATCH"/>
    <n v="4"/>
    <n v="2016"/>
  </r>
  <r>
    <s v="110"/>
    <d v="2016-04-15T00:00:00"/>
    <x v="7"/>
    <x v="0"/>
    <s v="10828"/>
    <s v="GLNANDA"/>
    <n v="0"/>
    <n v="4"/>
    <s v="Billed Revenues"/>
    <s v="EXV"/>
    <s v="NONBU"/>
    <s v="G0000110"/>
    <s v="N"/>
    <s v="MACSS Dist Billed Revenue-03"/>
    <s v=""/>
    <x v="0"/>
    <s v="CAD0330429"/>
    <s v="S"/>
    <s v="KY"/>
    <s v="REV"/>
    <s v="974"/>
    <s v="GLBATCH"/>
    <n v="4"/>
    <n v="2016"/>
  </r>
  <r>
    <s v="110"/>
    <d v="2016-04-15T00:00:00"/>
    <x v="5"/>
    <x v="0"/>
    <s v="10828"/>
    <s v="GLNANDA"/>
    <n v="-6317.83"/>
    <n v="-52226"/>
    <s v="Billed Revenues"/>
    <s v="EXV"/>
    <s v="NONBU"/>
    <s v="G0000110"/>
    <s v="N"/>
    <s v="MACSS Dist Billed Revenue-03"/>
    <s v=""/>
    <x v="0"/>
    <s v="CAD0330429"/>
    <s v="S"/>
    <s v="KY"/>
    <s v="REV"/>
    <s v="974"/>
    <s v="GLBATCH"/>
    <n v="4"/>
    <n v="2016"/>
  </r>
  <r>
    <s v="110"/>
    <d v="2016-04-15T00:00:00"/>
    <x v="5"/>
    <x v="0"/>
    <s v="10828"/>
    <s v="GLNANDA"/>
    <n v="0"/>
    <n v="10"/>
    <s v="Billed Revenues"/>
    <s v="EXV"/>
    <s v="NONBU"/>
    <s v="G0000110"/>
    <s v="N"/>
    <s v="MACSS Dist Billed Revenue-03"/>
    <s v=""/>
    <x v="0"/>
    <s v="CAD0330429"/>
    <s v="S"/>
    <s v="KY"/>
    <s v="REV"/>
    <s v="974"/>
    <s v="GLBATCH"/>
    <n v="4"/>
    <n v="2016"/>
  </r>
  <r>
    <s v="110"/>
    <d v="2016-04-15T00:00:00"/>
    <x v="0"/>
    <x v="0"/>
    <s v="10828"/>
    <s v="GLNANDA"/>
    <n v="-130502.85"/>
    <n v="-1947168"/>
    <s v="Billed Revenues"/>
    <s v="EXV"/>
    <s v="NONBU"/>
    <s v="G0000110"/>
    <s v="N"/>
    <s v="MACSS Dist Billed Revenue-03"/>
    <s v=""/>
    <x v="0"/>
    <s v="CAD0330429"/>
    <s v="S"/>
    <s v="KY"/>
    <s v="REV"/>
    <s v="974"/>
    <s v="GLBATCH"/>
    <n v="4"/>
    <n v="2016"/>
  </r>
  <r>
    <s v="110"/>
    <d v="2016-04-15T00:00:00"/>
    <x v="6"/>
    <x v="0"/>
    <s v="10828"/>
    <s v="GLNANDA"/>
    <n v="0"/>
    <n v="9"/>
    <s v="Billed Revenues"/>
    <s v="EXV"/>
    <s v="NONBU"/>
    <s v="G0000110"/>
    <s v="N"/>
    <s v="MACSS Dist Billed Revenue-03"/>
    <s v=""/>
    <x v="0"/>
    <s v="CAD0330429"/>
    <s v="S"/>
    <s v="KY"/>
    <s v="REV"/>
    <s v="974"/>
    <s v="GLBATCH"/>
    <n v="4"/>
    <n v="2016"/>
  </r>
  <r>
    <s v="110"/>
    <d v="2016-04-15T00:00:00"/>
    <x v="4"/>
    <x v="0"/>
    <s v="10828"/>
    <s v="GLNANDA"/>
    <n v="-1537.2"/>
    <n v="-10559"/>
    <s v="Billed Revenues"/>
    <s v="EXV"/>
    <s v="NONBU"/>
    <s v="G0000110"/>
    <s v="N"/>
    <s v="MACSS Dist Billed Revenue-03"/>
    <s v=""/>
    <x v="0"/>
    <s v="CAD0330429"/>
    <s v="S"/>
    <s v="KY"/>
    <s v="REV"/>
    <s v="974"/>
    <s v="GLBATCH"/>
    <n v="4"/>
    <n v="2016"/>
  </r>
  <r>
    <s v="110"/>
    <d v="2016-04-15T00:00:00"/>
    <x v="4"/>
    <x v="0"/>
    <s v="10828"/>
    <s v="GLNANDA"/>
    <n v="0"/>
    <n v="31"/>
    <s v="Billed Revenues"/>
    <s v="EXV"/>
    <s v="NONBU"/>
    <s v="G0000110"/>
    <s v="N"/>
    <s v="MACSS Dist Billed Revenue-03"/>
    <s v=""/>
    <x v="0"/>
    <s v="CAD0330429"/>
    <s v="S"/>
    <s v="KY"/>
    <s v="REV"/>
    <s v="974"/>
    <s v="GLBATCH"/>
    <n v="4"/>
    <n v="2016"/>
  </r>
  <r>
    <s v="110"/>
    <d v="2016-04-15T00:00:00"/>
    <x v="1"/>
    <x v="0"/>
    <s v="10828"/>
    <s v="GLNANDA"/>
    <n v="-1216"/>
    <n v="-10195"/>
    <s v="Billed Revenues"/>
    <s v="EXV"/>
    <s v="NONBU"/>
    <s v="G0000110"/>
    <s v="N"/>
    <s v="MACSS Dist Billed Revenue-03"/>
    <s v=""/>
    <x v="0"/>
    <s v="CAD0330429"/>
    <s v="S"/>
    <s v="KY"/>
    <s v="REV"/>
    <s v="974"/>
    <s v="GLBATCH"/>
    <n v="4"/>
    <n v="2016"/>
  </r>
  <r>
    <s v="110"/>
    <d v="2016-04-15T00:00:00"/>
    <x v="1"/>
    <x v="0"/>
    <s v="10828"/>
    <s v="GLNANDA"/>
    <n v="0"/>
    <n v="11"/>
    <s v="Billed Revenues"/>
    <s v="EXV"/>
    <s v="NONBU"/>
    <s v="G0000110"/>
    <s v="N"/>
    <s v="MACSS Dist Billed Revenue-03"/>
    <s v=""/>
    <x v="0"/>
    <s v="CAD0330429"/>
    <s v="S"/>
    <s v="KY"/>
    <s v="REV"/>
    <s v="974"/>
    <s v="GLBATCH"/>
    <n v="4"/>
    <n v="2016"/>
  </r>
  <r>
    <s v="110"/>
    <d v="2016-04-15T00:00:00"/>
    <x v="2"/>
    <x v="0"/>
    <s v="10828"/>
    <s v="GLNANDA"/>
    <n v="-17937.89"/>
    <n v="-129294"/>
    <s v="Billed Revenues"/>
    <s v="EXV"/>
    <s v="NONBU"/>
    <s v="G0000110"/>
    <s v="N"/>
    <s v="MACSS Dist Billed Revenue-03"/>
    <s v=""/>
    <x v="0"/>
    <s v="CAD0330429"/>
    <s v="S"/>
    <s v="KY"/>
    <s v="REV"/>
    <s v="974"/>
    <s v="GLBATCH"/>
    <n v="4"/>
    <n v="2016"/>
  </r>
  <r>
    <s v="110"/>
    <d v="2016-04-15T00:00:00"/>
    <x v="2"/>
    <x v="0"/>
    <s v="10828"/>
    <s v="GLNANDA"/>
    <n v="0"/>
    <n v="52"/>
    <s v="Billed Revenues"/>
    <s v="EXV"/>
    <s v="NONBU"/>
    <s v="G0000110"/>
    <s v="N"/>
    <s v="MACSS Dist Billed Revenue-03"/>
    <s v=""/>
    <x v="0"/>
    <s v="CAD0330429"/>
    <s v="S"/>
    <s v="KY"/>
    <s v="REV"/>
    <s v="974"/>
    <s v="GLBATCH"/>
    <n v="4"/>
    <n v="2016"/>
  </r>
  <r>
    <s v="110"/>
    <d v="2016-04-15T00:00:00"/>
    <x v="6"/>
    <x v="0"/>
    <s v="10828"/>
    <s v="GLNANDA"/>
    <n v="-23473.91"/>
    <n v="-112044"/>
    <s v="Billed Revenues"/>
    <s v="EXV"/>
    <s v="NONBU"/>
    <s v="G0000110"/>
    <s v="N"/>
    <s v="MACSS Dist Billed Revenue-03"/>
    <s v=""/>
    <x v="0"/>
    <s v="CAD0330429"/>
    <s v="S"/>
    <s v="KY"/>
    <s v="REV"/>
    <s v="974"/>
    <s v="GLBATCH"/>
    <n v="4"/>
    <n v="2016"/>
  </r>
  <r>
    <s v="110"/>
    <d v="2016-05-15T00:00:00"/>
    <x v="3"/>
    <x v="0"/>
    <s v="10828"/>
    <s v="GLNANDA"/>
    <n v="0"/>
    <n v="14"/>
    <s v="Billed Revenues"/>
    <s v="EXV"/>
    <s v="NONBU"/>
    <s v="G0000110"/>
    <s v="N"/>
    <s v="MACSS Dist Billed Revenue-03"/>
    <s v=""/>
    <x v="0"/>
    <s v="CAD0330502"/>
    <s v="S"/>
    <s v="KY"/>
    <s v="REV"/>
    <s v="974"/>
    <s v="GLBATCH"/>
    <n v="5"/>
    <n v="2016"/>
  </r>
  <r>
    <s v="110"/>
    <d v="2016-05-15T00:00:00"/>
    <x v="3"/>
    <x v="0"/>
    <s v="10828"/>
    <s v="GLNANDA"/>
    <n v="-10858.09"/>
    <n v="-75774"/>
    <s v="Billed Revenues"/>
    <s v="EXV"/>
    <s v="NONBU"/>
    <s v="G0000110"/>
    <s v="N"/>
    <s v="MACSS Dist Billed Revenue-03"/>
    <s v=""/>
    <x v="0"/>
    <s v="CAD0330502"/>
    <s v="S"/>
    <s v="KY"/>
    <s v="REV"/>
    <s v="974"/>
    <s v="GLBATCH"/>
    <n v="5"/>
    <n v="2016"/>
  </r>
  <r>
    <s v="110"/>
    <d v="2016-05-15T00:00:00"/>
    <x v="7"/>
    <x v="0"/>
    <s v="10828"/>
    <s v="GLNANDA"/>
    <n v="0"/>
    <n v="15"/>
    <s v="Billed Revenues"/>
    <s v="EXV"/>
    <s v="NONBU"/>
    <s v="G0000110"/>
    <s v="N"/>
    <s v="MACSS Dist Billed Revenue-03"/>
    <s v=""/>
    <x v="0"/>
    <s v="CAD0330502"/>
    <s v="S"/>
    <s v="KY"/>
    <s v="REV"/>
    <s v="974"/>
    <s v="GLBATCH"/>
    <n v="5"/>
    <n v="2016"/>
  </r>
  <r>
    <s v="110"/>
    <d v="2016-05-15T00:00:00"/>
    <x v="7"/>
    <x v="0"/>
    <s v="10828"/>
    <s v="GLNANDA"/>
    <n v="-30089.11"/>
    <n v="-244684"/>
    <s v="Billed Revenues"/>
    <s v="EXV"/>
    <s v="NONBU"/>
    <s v="G0000110"/>
    <s v="N"/>
    <s v="MACSS Dist Billed Revenue-03"/>
    <s v=""/>
    <x v="0"/>
    <s v="CAD0330502"/>
    <s v="S"/>
    <s v="KY"/>
    <s v="REV"/>
    <s v="974"/>
    <s v="GLBATCH"/>
    <n v="5"/>
    <n v="2016"/>
  </r>
  <r>
    <s v="110"/>
    <d v="2016-05-15T00:00:00"/>
    <x v="6"/>
    <x v="0"/>
    <s v="10828"/>
    <s v="GLNANDA"/>
    <n v="0"/>
    <n v="10"/>
    <s v="Billed Revenues"/>
    <s v="EXV"/>
    <s v="NONBU"/>
    <s v="G0000110"/>
    <s v="N"/>
    <s v="MACSS Dist Billed Revenue-03"/>
    <s v=""/>
    <x v="0"/>
    <s v="CAD0330502"/>
    <s v="S"/>
    <s v="KY"/>
    <s v="REV"/>
    <s v="974"/>
    <s v="GLBATCH"/>
    <n v="5"/>
    <n v="2016"/>
  </r>
  <r>
    <s v="110"/>
    <d v="2016-05-15T00:00:00"/>
    <x v="6"/>
    <x v="0"/>
    <s v="10828"/>
    <s v="GLNANDA"/>
    <n v="-1000.01"/>
    <n v="-6256"/>
    <s v="Billed Revenues"/>
    <s v="EXV"/>
    <s v="NONBU"/>
    <s v="G0000110"/>
    <s v="N"/>
    <s v="MACSS Dist Billed Revenue-03"/>
    <s v=""/>
    <x v="0"/>
    <s v="CAD0330502"/>
    <s v="S"/>
    <s v="KY"/>
    <s v="REV"/>
    <s v="974"/>
    <s v="GLBATCH"/>
    <n v="5"/>
    <n v="2016"/>
  </r>
  <r>
    <s v="110"/>
    <d v="2016-05-15T00:00:00"/>
    <x v="5"/>
    <x v="0"/>
    <s v="10828"/>
    <s v="GLNANDA"/>
    <n v="0"/>
    <n v="68"/>
    <s v="Billed Revenues"/>
    <s v="EXV"/>
    <s v="NONBU"/>
    <s v="G0000110"/>
    <s v="N"/>
    <s v="MACSS Dist Billed Revenue-03"/>
    <s v=""/>
    <x v="0"/>
    <s v="CAD0330502"/>
    <s v="S"/>
    <s v="KY"/>
    <s v="REV"/>
    <s v="974"/>
    <s v="GLBATCH"/>
    <n v="5"/>
    <n v="2016"/>
  </r>
  <r>
    <s v="110"/>
    <d v="2016-05-15T00:00:00"/>
    <x v="5"/>
    <x v="0"/>
    <s v="10828"/>
    <s v="GLNANDA"/>
    <n v="-30069.02"/>
    <n v="-239308"/>
    <s v="Billed Revenues"/>
    <s v="EXV"/>
    <s v="NONBU"/>
    <s v="G0000110"/>
    <s v="N"/>
    <s v="MACSS Dist Billed Revenue-03"/>
    <s v=""/>
    <x v="0"/>
    <s v="CAD0330502"/>
    <s v="S"/>
    <s v="KY"/>
    <s v="REV"/>
    <s v="974"/>
    <s v="GLBATCH"/>
    <n v="5"/>
    <n v="2016"/>
  </r>
  <r>
    <s v="110"/>
    <d v="2016-05-15T00:00:00"/>
    <x v="4"/>
    <x v="0"/>
    <s v="10828"/>
    <s v="GLNANDA"/>
    <n v="0"/>
    <n v="4048"/>
    <s v="Billed Revenues"/>
    <s v="EXV"/>
    <s v="NONBU"/>
    <s v="G0000110"/>
    <s v="N"/>
    <s v="MACSS Dist Billed Revenue-03"/>
    <s v=""/>
    <x v="0"/>
    <s v="CAD0330502"/>
    <s v="S"/>
    <s v="KY"/>
    <s v="REV"/>
    <s v="974"/>
    <s v="GLBATCH"/>
    <n v="5"/>
    <n v="2016"/>
  </r>
  <r>
    <s v="110"/>
    <d v="2016-05-15T00:00:00"/>
    <x v="4"/>
    <x v="0"/>
    <s v="10828"/>
    <s v="GLNANDA"/>
    <n v="-514866"/>
    <n v="-4276183"/>
    <s v="Billed Revenues"/>
    <s v="EXV"/>
    <s v="NONBU"/>
    <s v="G0000110"/>
    <s v="N"/>
    <s v="MACSS Dist Billed Revenue-03"/>
    <s v=""/>
    <x v="0"/>
    <s v="CAD0330502"/>
    <s v="S"/>
    <s v="KY"/>
    <s v="REV"/>
    <s v="974"/>
    <s v="GLBATCH"/>
    <n v="5"/>
    <n v="2016"/>
  </r>
  <r>
    <s v="110"/>
    <d v="2016-05-15T00:00:00"/>
    <x v="2"/>
    <x v="0"/>
    <s v="10828"/>
    <s v="GLNANDA"/>
    <n v="0"/>
    <n v="914"/>
    <s v="Billed Revenues"/>
    <s v="EXV"/>
    <s v="NONBU"/>
    <s v="G0000110"/>
    <s v="N"/>
    <s v="MACSS Dist Billed Revenue-03"/>
    <s v=""/>
    <x v="0"/>
    <s v="CAD0330502"/>
    <s v="S"/>
    <s v="KY"/>
    <s v="REV"/>
    <s v="974"/>
    <s v="GLBATCH"/>
    <n v="5"/>
    <n v="2016"/>
  </r>
  <r>
    <s v="110"/>
    <d v="2016-05-15T00:00:00"/>
    <x v="2"/>
    <x v="0"/>
    <s v="10828"/>
    <s v="GLNANDA"/>
    <n v="-142790.79"/>
    <n v="-965278"/>
    <s v="Billed Revenues"/>
    <s v="EXV"/>
    <s v="NONBU"/>
    <s v="G0000110"/>
    <s v="N"/>
    <s v="MACSS Dist Billed Revenue-03"/>
    <s v=""/>
    <x v="0"/>
    <s v="CAD0330502"/>
    <s v="S"/>
    <s v="KY"/>
    <s v="REV"/>
    <s v="974"/>
    <s v="GLBATCH"/>
    <n v="5"/>
    <n v="2016"/>
  </r>
  <r>
    <s v="110"/>
    <d v="2016-05-15T00:00:00"/>
    <x v="1"/>
    <x v="0"/>
    <s v="10828"/>
    <s v="GLNANDA"/>
    <n v="0"/>
    <n v="2639"/>
    <s v="Billed Revenues"/>
    <s v="EXV"/>
    <s v="NONBU"/>
    <s v="G0000110"/>
    <s v="N"/>
    <s v="MACSS Dist Billed Revenue-03"/>
    <s v=""/>
    <x v="0"/>
    <s v="CAD0330502"/>
    <s v="S"/>
    <s v="KY"/>
    <s v="REV"/>
    <s v="974"/>
    <s v="GLBATCH"/>
    <n v="5"/>
    <n v="2016"/>
  </r>
  <r>
    <s v="110"/>
    <d v="2016-05-15T00:00:00"/>
    <x v="1"/>
    <x v="0"/>
    <s v="10828"/>
    <s v="GLNANDA"/>
    <n v="-253896.09"/>
    <n v="-2013664"/>
    <s v="Billed Revenues"/>
    <s v="EXV"/>
    <s v="NONBU"/>
    <s v="G0000110"/>
    <s v="N"/>
    <s v="MACSS Dist Billed Revenue-03"/>
    <s v=""/>
    <x v="0"/>
    <s v="CAD0330502"/>
    <s v="S"/>
    <s v="KY"/>
    <s v="REV"/>
    <s v="974"/>
    <s v="GLBATCH"/>
    <n v="5"/>
    <n v="2016"/>
  </r>
  <r>
    <s v="110"/>
    <d v="2016-05-15T00:00:00"/>
    <x v="0"/>
    <x v="0"/>
    <s v="10828"/>
    <s v="GLNANDA"/>
    <n v="0"/>
    <n v="48"/>
    <s v="Billed Revenues"/>
    <s v="EXV"/>
    <s v="NONBU"/>
    <s v="G0000110"/>
    <s v="N"/>
    <s v="MACSS Dist Billed Revenue-03"/>
    <s v=""/>
    <x v="0"/>
    <s v="CAD0330502"/>
    <s v="S"/>
    <s v="KY"/>
    <s v="REV"/>
    <s v="974"/>
    <s v="GLBATCH"/>
    <n v="5"/>
    <n v="2016"/>
  </r>
  <r>
    <s v="110"/>
    <d v="2016-05-15T00:00:00"/>
    <x v="0"/>
    <x v="0"/>
    <s v="10828"/>
    <s v="GLNANDA"/>
    <n v="-10356.59"/>
    <n v="-76073"/>
    <s v="Billed Revenues"/>
    <s v="EXV"/>
    <s v="NONBU"/>
    <s v="G0000110"/>
    <s v="N"/>
    <s v="MACSS Dist Billed Revenue-03"/>
    <s v=""/>
    <x v="0"/>
    <s v="CAD0330502"/>
    <s v="S"/>
    <s v="KY"/>
    <s v="REV"/>
    <s v="974"/>
    <s v="GLBATCH"/>
    <n v="5"/>
    <n v="2016"/>
  </r>
  <r>
    <s v="110"/>
    <d v="2016-04-15T00:00:00"/>
    <x v="0"/>
    <x v="0"/>
    <s v="10828"/>
    <s v="GLNANDA"/>
    <n v="0"/>
    <n v="4"/>
    <s v="Billed Revenues"/>
    <s v="EXV"/>
    <s v="NONBU"/>
    <s v="G0000110"/>
    <s v="N"/>
    <s v="MACSS Dist Billed Revenue-03"/>
    <s v=""/>
    <x v="0"/>
    <s v="CAD0330502"/>
    <s v="S"/>
    <s v="KY"/>
    <s v="REV"/>
    <s v="974"/>
    <s v="GLBATCH"/>
    <n v="4"/>
    <n v="2016"/>
  </r>
  <r>
    <s v="110"/>
    <d v="2016-04-15T00:00:00"/>
    <x v="0"/>
    <x v="0"/>
    <s v="10828"/>
    <s v="GLNANDA"/>
    <n v="-1449316.99"/>
    <n v="-23075935"/>
    <s v="Billed Revenues"/>
    <s v="EXV"/>
    <s v="NONBU"/>
    <s v="G0000110"/>
    <s v="N"/>
    <s v="MACSS Dist Billed Revenue-03"/>
    <s v=""/>
    <x v="0"/>
    <s v="CAD0330502"/>
    <s v="S"/>
    <s v="KY"/>
    <s v="REV"/>
    <s v="974"/>
    <s v="GLBATCH"/>
    <n v="4"/>
    <n v="2016"/>
  </r>
  <r>
    <s v="110"/>
    <d v="2016-04-15T00:00:00"/>
    <x v="5"/>
    <x v="0"/>
    <s v="10828"/>
    <s v="GLNANDA"/>
    <n v="0"/>
    <n v="1"/>
    <s v="Billed Revenues"/>
    <s v="EXV"/>
    <s v="NONBU"/>
    <s v="G0000110"/>
    <s v="N"/>
    <s v="MACSS Dist Billed Revenue-03"/>
    <s v=""/>
    <x v="0"/>
    <s v="CAD0330502"/>
    <s v="S"/>
    <s v="KY"/>
    <s v="REV"/>
    <s v="974"/>
    <s v="GLBATCH"/>
    <n v="4"/>
    <n v="2016"/>
  </r>
  <r>
    <s v="110"/>
    <d v="2016-04-15T00:00:00"/>
    <x v="5"/>
    <x v="0"/>
    <s v="10828"/>
    <s v="GLNANDA"/>
    <n v="-136.46"/>
    <n v="-1040"/>
    <s v="Billed Revenues"/>
    <s v="EXV"/>
    <s v="NONBU"/>
    <s v="G0000110"/>
    <s v="N"/>
    <s v="MACSS Dist Billed Revenue-03"/>
    <s v=""/>
    <x v="0"/>
    <s v="CAD0330502"/>
    <s v="S"/>
    <s v="KY"/>
    <s v="REV"/>
    <s v="974"/>
    <s v="GLBATCH"/>
    <n v="4"/>
    <n v="2016"/>
  </r>
  <r>
    <s v="110"/>
    <d v="2016-04-15T00:00:00"/>
    <x v="6"/>
    <x v="0"/>
    <s v="10828"/>
    <s v="GLNANDA"/>
    <n v="0"/>
    <n v="43"/>
    <s v="Billed Revenues"/>
    <s v="EXV"/>
    <s v="NONBU"/>
    <s v="G0000110"/>
    <s v="N"/>
    <s v="MACSS Dist Billed Revenue-03"/>
    <s v=""/>
    <x v="0"/>
    <s v="CAD0330502"/>
    <s v="S"/>
    <s v="KY"/>
    <s v="REV"/>
    <s v="974"/>
    <s v="GLBATCH"/>
    <n v="4"/>
    <n v="2016"/>
  </r>
  <r>
    <s v="110"/>
    <d v="2016-04-15T00:00:00"/>
    <x v="6"/>
    <x v="0"/>
    <s v="10828"/>
    <s v="GLNANDA"/>
    <n v="-107565.97"/>
    <n v="-506757"/>
    <s v="Billed Revenues"/>
    <s v="EXV"/>
    <s v="NONBU"/>
    <s v="G0000110"/>
    <s v="N"/>
    <s v="MACSS Dist Billed Revenue-03"/>
    <s v=""/>
    <x v="0"/>
    <s v="CAD0330502"/>
    <s v="S"/>
    <s v="KY"/>
    <s v="REV"/>
    <s v="974"/>
    <s v="GLBATCH"/>
    <n v="4"/>
    <n v="2016"/>
  </r>
  <r>
    <s v="110"/>
    <d v="2016-04-15T00:00:00"/>
    <x v="3"/>
    <x v="0"/>
    <s v="10828"/>
    <s v="GLNANDA"/>
    <n v="-12129.23"/>
    <n v="-99400"/>
    <s v="Billed Revenues"/>
    <s v="EXV"/>
    <s v="NONBU"/>
    <s v="G0000110"/>
    <s v="N"/>
    <s v="MACSS Dist Billed Revenue-03"/>
    <s v=""/>
    <x v="0"/>
    <s v="CAD0330502"/>
    <s v="S"/>
    <s v="KY"/>
    <s v="REV"/>
    <s v="974"/>
    <s v="GLBATCH"/>
    <n v="4"/>
    <n v="2016"/>
  </r>
  <r>
    <s v="110"/>
    <d v="2016-04-15T00:00:00"/>
    <x v="4"/>
    <x v="0"/>
    <s v="10828"/>
    <s v="GLNANDA"/>
    <n v="-1231.3599999999999"/>
    <n v="-9744"/>
    <s v="Billed Revenues"/>
    <s v="EXV"/>
    <s v="NONBU"/>
    <s v="G0000110"/>
    <s v="N"/>
    <s v="MACSS Dist Billed Revenue-03"/>
    <s v=""/>
    <x v="0"/>
    <s v="CAD0330502"/>
    <s v="S"/>
    <s v="KY"/>
    <s v="REV"/>
    <s v="974"/>
    <s v="GLBATCH"/>
    <n v="4"/>
    <n v="2016"/>
  </r>
  <r>
    <s v="110"/>
    <d v="2016-04-15T00:00:00"/>
    <x v="2"/>
    <x v="0"/>
    <s v="10828"/>
    <s v="GLNANDA"/>
    <n v="0"/>
    <n v="15"/>
    <s v="Billed Revenues"/>
    <s v="EXV"/>
    <s v="NONBU"/>
    <s v="G0000110"/>
    <s v="N"/>
    <s v="MACSS Dist Billed Revenue-03"/>
    <s v=""/>
    <x v="0"/>
    <s v="CAD0330502"/>
    <s v="S"/>
    <s v="KY"/>
    <s v="REV"/>
    <s v="974"/>
    <s v="GLBATCH"/>
    <n v="4"/>
    <n v="2016"/>
  </r>
  <r>
    <s v="110"/>
    <d v="2016-04-15T00:00:00"/>
    <x v="2"/>
    <x v="0"/>
    <s v="10828"/>
    <s v="GLNANDA"/>
    <n v="-2365.19"/>
    <n v="-2342"/>
    <s v="Billed Revenues"/>
    <s v="EXV"/>
    <s v="NONBU"/>
    <s v="G0000110"/>
    <s v="N"/>
    <s v="MACSS Dist Billed Revenue-03"/>
    <s v=""/>
    <x v="0"/>
    <s v="CAD0330502"/>
    <s v="S"/>
    <s v="KY"/>
    <s v="REV"/>
    <s v="974"/>
    <s v="GLBATCH"/>
    <n v="4"/>
    <n v="2016"/>
  </r>
  <r>
    <s v="110"/>
    <d v="2016-04-15T00:00:00"/>
    <x v="1"/>
    <x v="0"/>
    <s v="10828"/>
    <s v="GLNANDA"/>
    <n v="0"/>
    <n v="8"/>
    <s v="Billed Revenues"/>
    <s v="EXV"/>
    <s v="NONBU"/>
    <s v="G0000110"/>
    <s v="N"/>
    <s v="MACSS Dist Billed Revenue-03"/>
    <s v=""/>
    <x v="0"/>
    <s v="CAD0330502"/>
    <s v="S"/>
    <s v="KY"/>
    <s v="REV"/>
    <s v="974"/>
    <s v="GLBATCH"/>
    <n v="4"/>
    <n v="2016"/>
  </r>
  <r>
    <s v="110"/>
    <d v="2016-04-15T00:00:00"/>
    <x v="1"/>
    <x v="0"/>
    <s v="10828"/>
    <s v="GLNANDA"/>
    <n v="-863.33"/>
    <n v="-7108"/>
    <s v="Billed Revenues"/>
    <s v="EXV"/>
    <s v="NONBU"/>
    <s v="G0000110"/>
    <s v="N"/>
    <s v="MACSS Dist Billed Revenue-03"/>
    <s v=""/>
    <x v="0"/>
    <s v="CAD0330502"/>
    <s v="S"/>
    <s v="KY"/>
    <s v="REV"/>
    <s v="974"/>
    <s v="GLBATCH"/>
    <n v="4"/>
    <n v="2016"/>
  </r>
  <r>
    <s v="110"/>
    <d v="2016-04-15T00:00:00"/>
    <x v="3"/>
    <x v="0"/>
    <s v="10828"/>
    <s v="GLNANDA"/>
    <n v="0"/>
    <n v="4"/>
    <s v="Billed Revenues"/>
    <s v="EXV"/>
    <s v="NONBU"/>
    <s v="G0000110"/>
    <s v="N"/>
    <s v="MACSS Dist Billed Revenue-03"/>
    <s v=""/>
    <x v="0"/>
    <s v="CAD0330502"/>
    <s v="S"/>
    <s v="KY"/>
    <s v="REV"/>
    <s v="974"/>
    <s v="GLBATCH"/>
    <n v="4"/>
    <n v="2016"/>
  </r>
  <r>
    <s v="110"/>
    <d v="2016-04-15T00:00:00"/>
    <x v="4"/>
    <x v="0"/>
    <s v="10828"/>
    <s v="GLNANDA"/>
    <n v="0"/>
    <n v="13"/>
    <s v="Billed Revenues"/>
    <s v="EXV"/>
    <s v="NONBU"/>
    <s v="G0000110"/>
    <s v="N"/>
    <s v="MACSS Dist Billed Revenue-03"/>
    <s v=""/>
    <x v="0"/>
    <s v="CAD0330502"/>
    <s v="S"/>
    <s v="KY"/>
    <s v="REV"/>
    <s v="974"/>
    <s v="GLBATCH"/>
    <n v="4"/>
    <n v="2016"/>
  </r>
  <r>
    <s v="110"/>
    <d v="2016-05-15T00:00:00"/>
    <x v="0"/>
    <x v="0"/>
    <s v="10828"/>
    <s v="GLNANDA"/>
    <n v="0"/>
    <n v="51"/>
    <s v="Billed Revenues"/>
    <s v="EXV"/>
    <s v="NONBU"/>
    <s v="G0000110"/>
    <s v="N"/>
    <s v="MACSS Dist Billed Revenue-03"/>
    <s v=""/>
    <x v="0"/>
    <s v="CAD0330503"/>
    <s v="S"/>
    <s v="KY"/>
    <s v="REV"/>
    <s v="974"/>
    <s v="GLBATCH"/>
    <n v="5"/>
    <n v="2016"/>
  </r>
  <r>
    <s v="110"/>
    <d v="2016-05-15T00:00:00"/>
    <x v="3"/>
    <x v="0"/>
    <s v="10828"/>
    <s v="GLNANDA"/>
    <n v="-54976.07"/>
    <n v="-605077"/>
    <s v="Billed Revenues"/>
    <s v="EXV"/>
    <s v="NONBU"/>
    <s v="G0000110"/>
    <s v="N"/>
    <s v="MACSS Dist Billed Revenue-03"/>
    <s v=""/>
    <x v="0"/>
    <s v="CAD0330503"/>
    <s v="S"/>
    <s v="KY"/>
    <s v="REV"/>
    <s v="974"/>
    <s v="GLBATCH"/>
    <n v="5"/>
    <n v="2016"/>
  </r>
  <r>
    <s v="110"/>
    <d v="2016-05-15T00:00:00"/>
    <x v="7"/>
    <x v="0"/>
    <s v="10828"/>
    <s v="GLNANDA"/>
    <n v="-54023.95"/>
    <n v="-422946"/>
    <s v="Billed Revenues"/>
    <s v="EXV"/>
    <s v="NONBU"/>
    <s v="G0000110"/>
    <s v="N"/>
    <s v="MACSS Dist Billed Revenue-03"/>
    <s v=""/>
    <x v="0"/>
    <s v="CAD0330503"/>
    <s v="S"/>
    <s v="KY"/>
    <s v="REV"/>
    <s v="974"/>
    <s v="GLBATCH"/>
    <n v="5"/>
    <n v="2016"/>
  </r>
  <r>
    <s v="110"/>
    <d v="2016-05-15T00:00:00"/>
    <x v="6"/>
    <x v="0"/>
    <s v="10828"/>
    <s v="GLNANDA"/>
    <n v="0"/>
    <n v="14"/>
    <s v="Billed Revenues"/>
    <s v="EXV"/>
    <s v="NONBU"/>
    <s v="G0000110"/>
    <s v="N"/>
    <s v="MACSS Dist Billed Revenue-03"/>
    <s v=""/>
    <x v="0"/>
    <s v="CAD0330503"/>
    <s v="S"/>
    <s v="KY"/>
    <s v="REV"/>
    <s v="974"/>
    <s v="GLBATCH"/>
    <n v="5"/>
    <n v="2016"/>
  </r>
  <r>
    <s v="110"/>
    <d v="2016-05-15T00:00:00"/>
    <x v="6"/>
    <x v="0"/>
    <s v="10828"/>
    <s v="GLNANDA"/>
    <n v="-1905.6"/>
    <n v="-13249"/>
    <s v="Billed Revenues"/>
    <s v="EXV"/>
    <s v="NONBU"/>
    <s v="G0000110"/>
    <s v="N"/>
    <s v="MACSS Dist Billed Revenue-03"/>
    <s v=""/>
    <x v="0"/>
    <s v="CAD0330503"/>
    <s v="S"/>
    <s v="KY"/>
    <s v="REV"/>
    <s v="974"/>
    <s v="GLBATCH"/>
    <n v="5"/>
    <n v="2016"/>
  </r>
  <r>
    <s v="110"/>
    <d v="2016-05-15T00:00:00"/>
    <x v="5"/>
    <x v="0"/>
    <s v="10828"/>
    <s v="GLNANDA"/>
    <n v="0"/>
    <n v="54"/>
    <s v="Billed Revenues"/>
    <s v="EXV"/>
    <s v="NONBU"/>
    <s v="G0000110"/>
    <s v="N"/>
    <s v="MACSS Dist Billed Revenue-03"/>
    <s v=""/>
    <x v="0"/>
    <s v="CAD0330503"/>
    <s v="S"/>
    <s v="KY"/>
    <s v="REV"/>
    <s v="974"/>
    <s v="GLBATCH"/>
    <n v="5"/>
    <n v="2016"/>
  </r>
  <r>
    <s v="110"/>
    <d v="2016-05-15T00:00:00"/>
    <x v="5"/>
    <x v="0"/>
    <s v="10828"/>
    <s v="GLNANDA"/>
    <n v="-25632.97"/>
    <n v="-204930"/>
    <s v="Billed Revenues"/>
    <s v="EXV"/>
    <s v="NONBU"/>
    <s v="G0000110"/>
    <s v="N"/>
    <s v="MACSS Dist Billed Revenue-03"/>
    <s v=""/>
    <x v="0"/>
    <s v="CAD0330503"/>
    <s v="S"/>
    <s v="KY"/>
    <s v="REV"/>
    <s v="974"/>
    <s v="GLBATCH"/>
    <n v="5"/>
    <n v="2016"/>
  </r>
  <r>
    <s v="110"/>
    <d v="2016-05-15T00:00:00"/>
    <x v="4"/>
    <x v="0"/>
    <s v="10828"/>
    <s v="GLNANDA"/>
    <n v="0"/>
    <n v="3770"/>
    <s v="Billed Revenues"/>
    <s v="EXV"/>
    <s v="NONBU"/>
    <s v="G0000110"/>
    <s v="N"/>
    <s v="MACSS Dist Billed Revenue-03"/>
    <s v=""/>
    <x v="0"/>
    <s v="CAD0330503"/>
    <s v="S"/>
    <s v="KY"/>
    <s v="REV"/>
    <s v="974"/>
    <s v="GLBATCH"/>
    <n v="5"/>
    <n v="2016"/>
  </r>
  <r>
    <s v="110"/>
    <d v="2016-05-15T00:00:00"/>
    <x v="4"/>
    <x v="0"/>
    <s v="10828"/>
    <s v="GLNANDA"/>
    <n v="-471521.56"/>
    <n v="-3916736"/>
    <s v="Billed Revenues"/>
    <s v="EXV"/>
    <s v="NONBU"/>
    <s v="G0000110"/>
    <s v="N"/>
    <s v="MACSS Dist Billed Revenue-03"/>
    <s v=""/>
    <x v="0"/>
    <s v="CAD0330503"/>
    <s v="S"/>
    <s v="KY"/>
    <s v="REV"/>
    <s v="974"/>
    <s v="GLBATCH"/>
    <n v="5"/>
    <n v="2016"/>
  </r>
  <r>
    <s v="110"/>
    <d v="2016-05-15T00:00:00"/>
    <x v="2"/>
    <x v="0"/>
    <s v="10828"/>
    <s v="GLNANDA"/>
    <n v="0"/>
    <n v="1058"/>
    <s v="Billed Revenues"/>
    <s v="EXV"/>
    <s v="NONBU"/>
    <s v="G0000110"/>
    <s v="N"/>
    <s v="MACSS Dist Billed Revenue-03"/>
    <s v=""/>
    <x v="0"/>
    <s v="CAD0330503"/>
    <s v="S"/>
    <s v="KY"/>
    <s v="REV"/>
    <s v="974"/>
    <s v="GLBATCH"/>
    <n v="5"/>
    <n v="2016"/>
  </r>
  <r>
    <s v="110"/>
    <d v="2016-05-15T00:00:00"/>
    <x v="2"/>
    <x v="0"/>
    <s v="10828"/>
    <s v="GLNANDA"/>
    <n v="-212583.72"/>
    <n v="-1521251"/>
    <s v="Billed Revenues"/>
    <s v="EXV"/>
    <s v="NONBU"/>
    <s v="G0000110"/>
    <s v="N"/>
    <s v="MACSS Dist Billed Revenue-03"/>
    <s v=""/>
    <x v="0"/>
    <s v="CAD0330503"/>
    <s v="S"/>
    <s v="KY"/>
    <s v="REV"/>
    <s v="974"/>
    <s v="GLBATCH"/>
    <n v="5"/>
    <n v="2016"/>
  </r>
  <r>
    <s v="110"/>
    <d v="2016-05-15T00:00:00"/>
    <x v="1"/>
    <x v="0"/>
    <s v="10828"/>
    <s v="GLNANDA"/>
    <n v="0"/>
    <n v="2705"/>
    <s v="Billed Revenues"/>
    <s v="EXV"/>
    <s v="NONBU"/>
    <s v="G0000110"/>
    <s v="N"/>
    <s v="MACSS Dist Billed Revenue-03"/>
    <s v=""/>
    <x v="0"/>
    <s v="CAD0330503"/>
    <s v="S"/>
    <s v="KY"/>
    <s v="REV"/>
    <s v="974"/>
    <s v="GLBATCH"/>
    <n v="5"/>
    <n v="2016"/>
  </r>
  <r>
    <s v="110"/>
    <d v="2016-05-15T00:00:00"/>
    <x v="1"/>
    <x v="0"/>
    <s v="10828"/>
    <s v="GLNANDA"/>
    <n v="-260392.03"/>
    <n v="-2070304"/>
    <s v="Billed Revenues"/>
    <s v="EXV"/>
    <s v="NONBU"/>
    <s v="G0000110"/>
    <s v="N"/>
    <s v="MACSS Dist Billed Revenue-03"/>
    <s v=""/>
    <x v="0"/>
    <s v="CAD0330503"/>
    <s v="S"/>
    <s v="KY"/>
    <s v="REV"/>
    <s v="974"/>
    <s v="GLBATCH"/>
    <n v="5"/>
    <n v="2016"/>
  </r>
  <r>
    <s v="110"/>
    <d v="2016-05-15T00:00:00"/>
    <x v="0"/>
    <x v="0"/>
    <s v="10828"/>
    <s v="GLNANDA"/>
    <n v="-5213131.6100000003"/>
    <n v="-95482757"/>
    <s v="Billed Revenues"/>
    <s v="EXV"/>
    <s v="NONBU"/>
    <s v="G0000110"/>
    <s v="N"/>
    <s v="MACSS Dist Billed Revenue-03"/>
    <s v=""/>
    <x v="0"/>
    <s v="CAD0330503"/>
    <s v="S"/>
    <s v="KY"/>
    <s v="REV"/>
    <s v="974"/>
    <s v="GLBATCH"/>
    <n v="5"/>
    <n v="2016"/>
  </r>
  <r>
    <s v="110"/>
    <d v="2016-05-15T00:00:00"/>
    <x v="3"/>
    <x v="0"/>
    <s v="10828"/>
    <s v="GLNANDA"/>
    <n v="0"/>
    <n v="11"/>
    <s v="Billed Revenues"/>
    <s v="EXV"/>
    <s v="NONBU"/>
    <s v="G0000110"/>
    <s v="N"/>
    <s v="MACSS Dist Billed Revenue-03"/>
    <s v=""/>
    <x v="0"/>
    <s v="CAD0330503"/>
    <s v="S"/>
    <s v="KY"/>
    <s v="REV"/>
    <s v="974"/>
    <s v="GLBATCH"/>
    <n v="5"/>
    <n v="2016"/>
  </r>
  <r>
    <s v="110"/>
    <d v="2016-05-15T00:00:00"/>
    <x v="7"/>
    <x v="0"/>
    <s v="10828"/>
    <s v="GLNANDA"/>
    <n v="0"/>
    <n v="30"/>
    <s v="Billed Revenues"/>
    <s v="EXV"/>
    <s v="NONBU"/>
    <s v="G0000110"/>
    <s v="N"/>
    <s v="MACSS Dist Billed Revenue-03"/>
    <s v=""/>
    <x v="0"/>
    <s v="CAD0330503"/>
    <s v="S"/>
    <s v="KY"/>
    <s v="REV"/>
    <s v="974"/>
    <s v="GLBATCH"/>
    <n v="5"/>
    <n v="2016"/>
  </r>
  <r>
    <s v="110"/>
    <d v="2016-05-15T00:00:00"/>
    <x v="7"/>
    <x v="0"/>
    <s v="10828"/>
    <s v="GLNANDA"/>
    <n v="0"/>
    <n v="52"/>
    <s v="Billed Revenues"/>
    <s v="EXV"/>
    <s v="NONBU"/>
    <s v="G0000110"/>
    <s v="N"/>
    <s v="MACSS Dist Billed Revenue-03"/>
    <s v=""/>
    <x v="0"/>
    <s v="CAD0330504"/>
    <s v="S"/>
    <s v="KY"/>
    <s v="REV"/>
    <s v="974"/>
    <s v="GLBATCH"/>
    <n v="5"/>
    <n v="2016"/>
  </r>
  <r>
    <s v="110"/>
    <d v="2016-05-15T00:00:00"/>
    <x v="3"/>
    <x v="0"/>
    <s v="10828"/>
    <s v="GLNANDA"/>
    <n v="-64383.040000000001"/>
    <n v="-625669"/>
    <s v="Billed Revenues"/>
    <s v="EXV"/>
    <s v="NONBU"/>
    <s v="G0000110"/>
    <s v="N"/>
    <s v="MACSS Dist Billed Revenue-03"/>
    <s v=""/>
    <x v="0"/>
    <s v="CAD0330504"/>
    <s v="S"/>
    <s v="KY"/>
    <s v="REV"/>
    <s v="974"/>
    <s v="GLBATCH"/>
    <n v="5"/>
    <n v="2016"/>
  </r>
  <r>
    <s v="110"/>
    <d v="2016-05-15T00:00:00"/>
    <x v="6"/>
    <x v="0"/>
    <s v="10828"/>
    <s v="GLNANDA"/>
    <n v="0"/>
    <n v="24"/>
    <s v="Billed Revenues"/>
    <s v="EXV"/>
    <s v="NONBU"/>
    <s v="G0000110"/>
    <s v="N"/>
    <s v="MACSS Dist Billed Revenue-03"/>
    <s v=""/>
    <x v="0"/>
    <s v="CAD0330504"/>
    <s v="S"/>
    <s v="KY"/>
    <s v="REV"/>
    <s v="974"/>
    <s v="GLBATCH"/>
    <n v="5"/>
    <n v="2016"/>
  </r>
  <r>
    <s v="110"/>
    <d v="2016-05-15T00:00:00"/>
    <x v="6"/>
    <x v="0"/>
    <s v="10828"/>
    <s v="GLNANDA"/>
    <n v="-859.72"/>
    <n v="-1827"/>
    <s v="Billed Revenues"/>
    <s v="EXV"/>
    <s v="NONBU"/>
    <s v="G0000110"/>
    <s v="N"/>
    <s v="MACSS Dist Billed Revenue-03"/>
    <s v=""/>
    <x v="0"/>
    <s v="CAD0330504"/>
    <s v="S"/>
    <s v="KY"/>
    <s v="REV"/>
    <s v="974"/>
    <s v="GLBATCH"/>
    <n v="5"/>
    <n v="2016"/>
  </r>
  <r>
    <s v="110"/>
    <d v="2016-05-15T00:00:00"/>
    <x v="5"/>
    <x v="0"/>
    <s v="10828"/>
    <s v="GLNANDA"/>
    <n v="0"/>
    <n v="144"/>
    <s v="Billed Revenues"/>
    <s v="EXV"/>
    <s v="NONBU"/>
    <s v="G0000110"/>
    <s v="N"/>
    <s v="MACSS Dist Billed Revenue-03"/>
    <s v=""/>
    <x v="0"/>
    <s v="CAD0330504"/>
    <s v="S"/>
    <s v="KY"/>
    <s v="REV"/>
    <s v="974"/>
    <s v="GLBATCH"/>
    <n v="5"/>
    <n v="2016"/>
  </r>
  <r>
    <s v="110"/>
    <d v="2016-05-15T00:00:00"/>
    <x v="5"/>
    <x v="0"/>
    <s v="10828"/>
    <s v="GLNANDA"/>
    <n v="-175997.91"/>
    <n v="-1751550"/>
    <s v="Billed Revenues"/>
    <s v="EXV"/>
    <s v="NONBU"/>
    <s v="G0000110"/>
    <s v="N"/>
    <s v="MACSS Dist Billed Revenue-03"/>
    <s v=""/>
    <x v="0"/>
    <s v="CAD0330504"/>
    <s v="S"/>
    <s v="KY"/>
    <s v="REV"/>
    <s v="974"/>
    <s v="GLBATCH"/>
    <n v="5"/>
    <n v="2016"/>
  </r>
  <r>
    <s v="110"/>
    <d v="2016-05-15T00:00:00"/>
    <x v="4"/>
    <x v="0"/>
    <s v="10828"/>
    <s v="GLNANDA"/>
    <n v="0"/>
    <n v="3354"/>
    <s v="Billed Revenues"/>
    <s v="EXV"/>
    <s v="NONBU"/>
    <s v="G0000110"/>
    <s v="N"/>
    <s v="MACSS Dist Billed Revenue-03"/>
    <s v=""/>
    <x v="0"/>
    <s v="CAD0330504"/>
    <s v="S"/>
    <s v="KY"/>
    <s v="REV"/>
    <s v="974"/>
    <s v="GLBATCH"/>
    <n v="5"/>
    <n v="2016"/>
  </r>
  <r>
    <s v="110"/>
    <d v="2016-05-15T00:00:00"/>
    <x v="4"/>
    <x v="0"/>
    <s v="10828"/>
    <s v="GLNANDA"/>
    <n v="-399128.78"/>
    <n v="-3308330"/>
    <s v="Billed Revenues"/>
    <s v="EXV"/>
    <s v="NONBU"/>
    <s v="G0000110"/>
    <s v="N"/>
    <s v="MACSS Dist Billed Revenue-03"/>
    <s v=""/>
    <x v="0"/>
    <s v="CAD0330504"/>
    <s v="S"/>
    <s v="KY"/>
    <s v="REV"/>
    <s v="974"/>
    <s v="GLBATCH"/>
    <n v="5"/>
    <n v="2016"/>
  </r>
  <r>
    <s v="110"/>
    <d v="2016-05-15T00:00:00"/>
    <x v="2"/>
    <x v="0"/>
    <s v="10828"/>
    <s v="GLNANDA"/>
    <n v="0"/>
    <n v="1264"/>
    <s v="Billed Revenues"/>
    <s v="EXV"/>
    <s v="NONBU"/>
    <s v="G0000110"/>
    <s v="N"/>
    <s v="MACSS Dist Billed Revenue-03"/>
    <s v=""/>
    <x v="0"/>
    <s v="CAD0330504"/>
    <s v="S"/>
    <s v="KY"/>
    <s v="REV"/>
    <s v="974"/>
    <s v="GLBATCH"/>
    <n v="5"/>
    <n v="2016"/>
  </r>
  <r>
    <s v="110"/>
    <d v="2016-05-15T00:00:00"/>
    <x v="2"/>
    <x v="0"/>
    <s v="10828"/>
    <s v="GLNANDA"/>
    <n v="-583044.88"/>
    <n v="-5208141"/>
    <s v="Billed Revenues"/>
    <s v="EXV"/>
    <s v="NONBU"/>
    <s v="G0000110"/>
    <s v="N"/>
    <s v="MACSS Dist Billed Revenue-03"/>
    <s v=""/>
    <x v="0"/>
    <s v="CAD0330504"/>
    <s v="S"/>
    <s v="KY"/>
    <s v="REV"/>
    <s v="974"/>
    <s v="GLBATCH"/>
    <n v="5"/>
    <n v="2016"/>
  </r>
  <r>
    <s v="110"/>
    <d v="2016-05-15T00:00:00"/>
    <x v="1"/>
    <x v="0"/>
    <s v="10828"/>
    <s v="GLNANDA"/>
    <n v="0"/>
    <n v="3258"/>
    <s v="Billed Revenues"/>
    <s v="EXV"/>
    <s v="NONBU"/>
    <s v="G0000110"/>
    <s v="N"/>
    <s v="MACSS Dist Billed Revenue-03"/>
    <s v=""/>
    <x v="0"/>
    <s v="CAD0330504"/>
    <s v="S"/>
    <s v="KY"/>
    <s v="REV"/>
    <s v="974"/>
    <s v="GLBATCH"/>
    <n v="5"/>
    <n v="2016"/>
  </r>
  <r>
    <s v="110"/>
    <d v="2016-05-15T00:00:00"/>
    <x v="1"/>
    <x v="0"/>
    <s v="10828"/>
    <s v="GLNANDA"/>
    <n v="-300052.59999999998"/>
    <n v="-2399142"/>
    <s v="Billed Revenues"/>
    <s v="EXV"/>
    <s v="NONBU"/>
    <s v="G0000110"/>
    <s v="N"/>
    <s v="MACSS Dist Billed Revenue-03"/>
    <s v=""/>
    <x v="0"/>
    <s v="CAD0330504"/>
    <s v="S"/>
    <s v="KY"/>
    <s v="REV"/>
    <s v="974"/>
    <s v="GLBATCH"/>
    <n v="5"/>
    <n v="2016"/>
  </r>
  <r>
    <s v="110"/>
    <d v="2016-05-15T00:00:00"/>
    <x v="0"/>
    <x v="0"/>
    <s v="10828"/>
    <s v="GLNANDA"/>
    <n v="0"/>
    <n v="35"/>
    <s v="Billed Revenues"/>
    <s v="EXV"/>
    <s v="NONBU"/>
    <s v="G0000110"/>
    <s v="N"/>
    <s v="MACSS Dist Billed Revenue-03"/>
    <s v=""/>
    <x v="0"/>
    <s v="CAD0330504"/>
    <s v="S"/>
    <s v="KY"/>
    <s v="REV"/>
    <s v="974"/>
    <s v="GLBATCH"/>
    <n v="5"/>
    <n v="2016"/>
  </r>
  <r>
    <s v="110"/>
    <d v="2016-05-15T00:00:00"/>
    <x v="0"/>
    <x v="0"/>
    <s v="10828"/>
    <s v="GLNANDA"/>
    <n v="-548398.12"/>
    <n v="-8788588"/>
    <s v="Billed Revenues"/>
    <s v="EXV"/>
    <s v="NONBU"/>
    <s v="G0000110"/>
    <s v="N"/>
    <s v="MACSS Dist Billed Revenue-03"/>
    <s v=""/>
    <x v="0"/>
    <s v="CAD0330504"/>
    <s v="S"/>
    <s v="KY"/>
    <s v="REV"/>
    <s v="974"/>
    <s v="GLBATCH"/>
    <n v="5"/>
    <n v="2016"/>
  </r>
  <r>
    <s v="110"/>
    <d v="2016-05-15T00:00:00"/>
    <x v="3"/>
    <x v="0"/>
    <s v="10828"/>
    <s v="GLNANDA"/>
    <n v="0"/>
    <n v="17"/>
    <s v="Billed Revenues"/>
    <s v="EXV"/>
    <s v="NONBU"/>
    <s v="G0000110"/>
    <s v="N"/>
    <s v="MACSS Dist Billed Revenue-03"/>
    <s v=""/>
    <x v="0"/>
    <s v="CAD0330504"/>
    <s v="S"/>
    <s v="KY"/>
    <s v="REV"/>
    <s v="974"/>
    <s v="GLBATCH"/>
    <n v="5"/>
    <n v="2016"/>
  </r>
  <r>
    <s v="110"/>
    <d v="2016-05-15T00:00:00"/>
    <x v="7"/>
    <x v="0"/>
    <s v="10828"/>
    <s v="GLNANDA"/>
    <n v="-81738.899999999994"/>
    <n v="-642580"/>
    <s v="Billed Revenues"/>
    <s v="EXV"/>
    <s v="NONBU"/>
    <s v="G0000110"/>
    <s v="N"/>
    <s v="MACSS Dist Billed Revenue-03"/>
    <s v=""/>
    <x v="0"/>
    <s v="CAD0330504"/>
    <s v="S"/>
    <s v="KY"/>
    <s v="REV"/>
    <s v="974"/>
    <s v="GLBATCH"/>
    <n v="5"/>
    <n v="2016"/>
  </r>
  <r>
    <s v="110"/>
    <d v="2016-05-15T00:00:00"/>
    <x v="0"/>
    <x v="0"/>
    <s v="10828"/>
    <s v="GLNANDA"/>
    <n v="-117228.59"/>
    <n v="-1458689"/>
    <s v="Billed Revenues"/>
    <s v="EXV"/>
    <s v="NONBU"/>
    <s v="G0000110"/>
    <s v="N"/>
    <s v="MACSS Dist Billed Revenue-03"/>
    <s v=""/>
    <x v="0"/>
    <s v="CAD0330505"/>
    <s v="S"/>
    <s v="KY"/>
    <s v="REV"/>
    <s v="974"/>
    <s v="GLBATCH"/>
    <n v="5"/>
    <n v="2016"/>
  </r>
  <r>
    <s v="110"/>
    <d v="2016-05-15T00:00:00"/>
    <x v="3"/>
    <x v="0"/>
    <s v="10828"/>
    <s v="GLNANDA"/>
    <n v="-112939.6"/>
    <n v="-973752"/>
    <s v="Billed Revenues"/>
    <s v="EXV"/>
    <s v="NONBU"/>
    <s v="G0000110"/>
    <s v="N"/>
    <s v="MACSS Dist Billed Revenue-03"/>
    <s v=""/>
    <x v="0"/>
    <s v="CAD0330505"/>
    <s v="S"/>
    <s v="KY"/>
    <s v="REV"/>
    <s v="974"/>
    <s v="GLBATCH"/>
    <n v="5"/>
    <n v="2016"/>
  </r>
  <r>
    <s v="110"/>
    <d v="2016-05-15T00:00:00"/>
    <x v="5"/>
    <x v="0"/>
    <s v="10828"/>
    <s v="GLNANDA"/>
    <n v="-98265.9"/>
    <n v="-763349"/>
    <s v="Billed Revenues"/>
    <s v="EXV"/>
    <s v="NONBU"/>
    <s v="G0000110"/>
    <s v="N"/>
    <s v="MACSS Dist Billed Revenue-03"/>
    <s v=""/>
    <x v="0"/>
    <s v="CAD0330505"/>
    <s v="S"/>
    <s v="KY"/>
    <s v="REV"/>
    <s v="974"/>
    <s v="GLBATCH"/>
    <n v="5"/>
    <n v="2016"/>
  </r>
  <r>
    <s v="110"/>
    <d v="2016-05-15T00:00:00"/>
    <x v="7"/>
    <x v="0"/>
    <s v="10828"/>
    <s v="GLNANDA"/>
    <n v="0"/>
    <n v="52"/>
    <s v="Billed Revenues"/>
    <s v="EXV"/>
    <s v="NONBU"/>
    <s v="G0000110"/>
    <s v="N"/>
    <s v="MACSS Dist Billed Revenue-03"/>
    <s v=""/>
    <x v="0"/>
    <s v="CAD0330505"/>
    <s v="S"/>
    <s v="KY"/>
    <s v="REV"/>
    <s v="974"/>
    <s v="GLBATCH"/>
    <n v="5"/>
    <n v="2016"/>
  </r>
  <r>
    <s v="110"/>
    <d v="2016-05-15T00:00:00"/>
    <x v="7"/>
    <x v="0"/>
    <s v="10828"/>
    <s v="GLNANDA"/>
    <n v="-118455.38"/>
    <n v="-982389"/>
    <s v="Billed Revenues"/>
    <s v="EXV"/>
    <s v="NONBU"/>
    <s v="G0000110"/>
    <s v="N"/>
    <s v="MACSS Dist Billed Revenue-03"/>
    <s v=""/>
    <x v="0"/>
    <s v="CAD0330505"/>
    <s v="S"/>
    <s v="KY"/>
    <s v="REV"/>
    <s v="974"/>
    <s v="GLBATCH"/>
    <n v="5"/>
    <n v="2016"/>
  </r>
  <r>
    <s v="110"/>
    <d v="2016-05-15T00:00:00"/>
    <x v="6"/>
    <x v="0"/>
    <s v="10828"/>
    <s v="GLNANDA"/>
    <n v="0"/>
    <n v="18"/>
    <s v="Billed Revenues"/>
    <s v="EXV"/>
    <s v="NONBU"/>
    <s v="G0000110"/>
    <s v="N"/>
    <s v="MACSS Dist Billed Revenue-03"/>
    <s v=""/>
    <x v="0"/>
    <s v="CAD0330505"/>
    <s v="S"/>
    <s v="KY"/>
    <s v="REV"/>
    <s v="974"/>
    <s v="GLBATCH"/>
    <n v="5"/>
    <n v="2016"/>
  </r>
  <r>
    <s v="110"/>
    <d v="2016-05-15T00:00:00"/>
    <x v="6"/>
    <x v="0"/>
    <s v="10828"/>
    <s v="GLNANDA"/>
    <n v="-1354.45"/>
    <n v="-8489"/>
    <s v="Billed Revenues"/>
    <s v="EXV"/>
    <s v="NONBU"/>
    <s v="G0000110"/>
    <s v="N"/>
    <s v="MACSS Dist Billed Revenue-03"/>
    <s v=""/>
    <x v="0"/>
    <s v="CAD0330505"/>
    <s v="S"/>
    <s v="KY"/>
    <s v="REV"/>
    <s v="974"/>
    <s v="GLBATCH"/>
    <n v="5"/>
    <n v="2016"/>
  </r>
  <r>
    <s v="110"/>
    <d v="2016-05-15T00:00:00"/>
    <x v="4"/>
    <x v="0"/>
    <s v="10828"/>
    <s v="GLNANDA"/>
    <n v="0"/>
    <n v="4615"/>
    <s v="Billed Revenues"/>
    <s v="EXV"/>
    <s v="NONBU"/>
    <s v="G0000110"/>
    <s v="N"/>
    <s v="MACSS Dist Billed Revenue-03"/>
    <s v=""/>
    <x v="0"/>
    <s v="CAD0330505"/>
    <s v="S"/>
    <s v="KY"/>
    <s v="REV"/>
    <s v="974"/>
    <s v="GLBATCH"/>
    <n v="5"/>
    <n v="2016"/>
  </r>
  <r>
    <s v="110"/>
    <d v="2016-05-15T00:00:00"/>
    <x v="4"/>
    <x v="0"/>
    <s v="10828"/>
    <s v="GLNANDA"/>
    <n v="-542835.98"/>
    <n v="-4499943"/>
    <s v="Billed Revenues"/>
    <s v="EXV"/>
    <s v="NONBU"/>
    <s v="G0000110"/>
    <s v="N"/>
    <s v="MACSS Dist Billed Revenue-03"/>
    <s v=""/>
    <x v="0"/>
    <s v="CAD0330505"/>
    <s v="S"/>
    <s v="KY"/>
    <s v="REV"/>
    <s v="974"/>
    <s v="GLBATCH"/>
    <n v="5"/>
    <n v="2016"/>
  </r>
  <r>
    <s v="110"/>
    <d v="2016-05-15T00:00:00"/>
    <x v="1"/>
    <x v="0"/>
    <s v="10828"/>
    <s v="GLNANDA"/>
    <n v="0"/>
    <n v="3620"/>
    <s v="Billed Revenues"/>
    <s v="EXV"/>
    <s v="NONBU"/>
    <s v="G0000110"/>
    <s v="N"/>
    <s v="MACSS Dist Billed Revenue-03"/>
    <s v=""/>
    <x v="0"/>
    <s v="CAD0330505"/>
    <s v="S"/>
    <s v="KY"/>
    <s v="REV"/>
    <s v="974"/>
    <s v="GLBATCH"/>
    <n v="5"/>
    <n v="2016"/>
  </r>
  <r>
    <s v="110"/>
    <d v="2016-05-15T00:00:00"/>
    <x v="1"/>
    <x v="0"/>
    <s v="10828"/>
    <s v="GLNANDA"/>
    <n v="-329313.32"/>
    <n v="-2629540"/>
    <s v="Billed Revenues"/>
    <s v="EXV"/>
    <s v="NONBU"/>
    <s v="G0000110"/>
    <s v="N"/>
    <s v="MACSS Dist Billed Revenue-03"/>
    <s v=""/>
    <x v="0"/>
    <s v="CAD0330505"/>
    <s v="S"/>
    <s v="KY"/>
    <s v="REV"/>
    <s v="974"/>
    <s v="GLBATCH"/>
    <n v="5"/>
    <n v="2016"/>
  </r>
  <r>
    <s v="110"/>
    <d v="2016-05-15T00:00:00"/>
    <x v="0"/>
    <x v="0"/>
    <s v="10828"/>
    <s v="GLNANDA"/>
    <n v="0"/>
    <n v="28"/>
    <s v="Billed Revenues"/>
    <s v="EXV"/>
    <s v="NONBU"/>
    <s v="G0000110"/>
    <s v="N"/>
    <s v="MACSS Dist Billed Revenue-03"/>
    <s v=""/>
    <x v="0"/>
    <s v="CAD0330505"/>
    <s v="S"/>
    <s v="KY"/>
    <s v="REV"/>
    <s v="974"/>
    <s v="GLBATCH"/>
    <n v="5"/>
    <n v="2016"/>
  </r>
  <r>
    <s v="110"/>
    <d v="2016-05-15T00:00:00"/>
    <x v="2"/>
    <x v="0"/>
    <s v="10828"/>
    <s v="GLNANDA"/>
    <n v="0"/>
    <n v="1407"/>
    <s v="Billed Revenues"/>
    <s v="EXV"/>
    <s v="NONBU"/>
    <s v="G0000110"/>
    <s v="N"/>
    <s v="MACSS Dist Billed Revenue-03"/>
    <s v=""/>
    <x v="0"/>
    <s v="CAD0330505"/>
    <s v="S"/>
    <s v="KY"/>
    <s v="REV"/>
    <s v="974"/>
    <s v="GLBATCH"/>
    <n v="5"/>
    <n v="2016"/>
  </r>
  <r>
    <s v="110"/>
    <d v="2016-05-15T00:00:00"/>
    <x v="2"/>
    <x v="0"/>
    <s v="10828"/>
    <s v="GLNANDA"/>
    <n v="-392428.36"/>
    <n v="-2969533"/>
    <s v="Billed Revenues"/>
    <s v="EXV"/>
    <s v="NONBU"/>
    <s v="G0000110"/>
    <s v="N"/>
    <s v="MACSS Dist Billed Revenue-03"/>
    <s v=""/>
    <x v="0"/>
    <s v="CAD0330505"/>
    <s v="S"/>
    <s v="KY"/>
    <s v="REV"/>
    <s v="974"/>
    <s v="GLBATCH"/>
    <n v="5"/>
    <n v="2016"/>
  </r>
  <r>
    <s v="110"/>
    <d v="2016-05-15T00:00:00"/>
    <x v="3"/>
    <x v="0"/>
    <s v="10828"/>
    <s v="GLNANDA"/>
    <n v="0"/>
    <n v="9"/>
    <s v="Billed Revenues"/>
    <s v="EXV"/>
    <s v="NONBU"/>
    <s v="G0000110"/>
    <s v="N"/>
    <s v="MACSS Dist Billed Revenue-03"/>
    <s v=""/>
    <x v="0"/>
    <s v="CAD0330505"/>
    <s v="S"/>
    <s v="KY"/>
    <s v="REV"/>
    <s v="974"/>
    <s v="GLBATCH"/>
    <n v="5"/>
    <n v="2016"/>
  </r>
  <r>
    <s v="110"/>
    <d v="2016-05-15T00:00:00"/>
    <x v="5"/>
    <x v="0"/>
    <s v="10828"/>
    <s v="GLNANDA"/>
    <n v="0"/>
    <n v="238"/>
    <s v="Billed Revenues"/>
    <s v="EXV"/>
    <s v="NONBU"/>
    <s v="G0000110"/>
    <s v="N"/>
    <s v="MACSS Dist Billed Revenue-03"/>
    <s v=""/>
    <x v="0"/>
    <s v="CAD0330505"/>
    <s v="S"/>
    <s v="KY"/>
    <s v="REV"/>
    <s v="974"/>
    <s v="GLBATCH"/>
    <n v="5"/>
    <n v="2016"/>
  </r>
  <r>
    <s v="110"/>
    <d v="2016-05-15T00:00:00"/>
    <x v="5"/>
    <x v="0"/>
    <s v="10828"/>
    <s v="GLNANDA"/>
    <n v="0"/>
    <n v="131"/>
    <s v="Billed Revenues"/>
    <s v="EXV"/>
    <s v="NONBU"/>
    <s v="G0000110"/>
    <s v="N"/>
    <s v="MACSS Dist Billed Revenue-03"/>
    <s v=""/>
    <x v="0"/>
    <s v="CAD0330506"/>
    <s v="S"/>
    <s v="KY"/>
    <s v="REV"/>
    <s v="974"/>
    <s v="GLBATCH"/>
    <n v="5"/>
    <n v="2016"/>
  </r>
  <r>
    <s v="110"/>
    <d v="2016-05-15T00:00:00"/>
    <x v="3"/>
    <x v="0"/>
    <s v="10828"/>
    <s v="GLNANDA"/>
    <n v="-322205.69"/>
    <n v="-4328773"/>
    <s v="Billed Revenues"/>
    <s v="EXV"/>
    <s v="NONBU"/>
    <s v="G0000110"/>
    <s v="N"/>
    <s v="MACSS Dist Billed Revenue-03"/>
    <s v=""/>
    <x v="0"/>
    <s v="CAD0330506"/>
    <s v="S"/>
    <s v="KY"/>
    <s v="REV"/>
    <s v="974"/>
    <s v="GLBATCH"/>
    <n v="5"/>
    <n v="2016"/>
  </r>
  <r>
    <s v="110"/>
    <d v="2016-05-15T00:00:00"/>
    <x v="7"/>
    <x v="0"/>
    <s v="10828"/>
    <s v="GLNANDA"/>
    <n v="0"/>
    <n v="38"/>
    <s v="Billed Revenues"/>
    <s v="EXV"/>
    <s v="NONBU"/>
    <s v="G0000110"/>
    <s v="N"/>
    <s v="MACSS Dist Billed Revenue-03"/>
    <s v=""/>
    <x v="0"/>
    <s v="CAD0330506"/>
    <s v="S"/>
    <s v="KY"/>
    <s v="REV"/>
    <s v="974"/>
    <s v="GLBATCH"/>
    <n v="5"/>
    <n v="2016"/>
  </r>
  <r>
    <s v="110"/>
    <d v="2016-05-15T00:00:00"/>
    <x v="7"/>
    <x v="0"/>
    <s v="10828"/>
    <s v="GLNANDA"/>
    <n v="-81627.179999999993"/>
    <n v="-677781"/>
    <s v="Billed Revenues"/>
    <s v="EXV"/>
    <s v="NONBU"/>
    <s v="G0000110"/>
    <s v="N"/>
    <s v="MACSS Dist Billed Revenue-03"/>
    <s v=""/>
    <x v="0"/>
    <s v="CAD0330506"/>
    <s v="S"/>
    <s v="KY"/>
    <s v="REV"/>
    <s v="974"/>
    <s v="GLBATCH"/>
    <n v="5"/>
    <n v="2016"/>
  </r>
  <r>
    <s v="110"/>
    <d v="2016-05-15T00:00:00"/>
    <x v="6"/>
    <x v="0"/>
    <s v="10828"/>
    <s v="GLNANDA"/>
    <n v="0"/>
    <n v="24"/>
    <s v="Billed Revenues"/>
    <s v="EXV"/>
    <s v="NONBU"/>
    <s v="G0000110"/>
    <s v="N"/>
    <s v="MACSS Dist Billed Revenue-03"/>
    <s v=""/>
    <x v="0"/>
    <s v="CAD0330506"/>
    <s v="S"/>
    <s v="KY"/>
    <s v="REV"/>
    <s v="974"/>
    <s v="GLBATCH"/>
    <n v="5"/>
    <n v="2016"/>
  </r>
  <r>
    <s v="110"/>
    <d v="2016-05-15T00:00:00"/>
    <x v="6"/>
    <x v="0"/>
    <s v="10828"/>
    <s v="GLNANDA"/>
    <n v="-1783.31"/>
    <n v="-9752"/>
    <s v="Billed Revenues"/>
    <s v="EXV"/>
    <s v="NONBU"/>
    <s v="G0000110"/>
    <s v="N"/>
    <s v="MACSS Dist Billed Revenue-03"/>
    <s v=""/>
    <x v="0"/>
    <s v="CAD0330506"/>
    <s v="S"/>
    <s v="KY"/>
    <s v="REV"/>
    <s v="974"/>
    <s v="GLBATCH"/>
    <n v="5"/>
    <n v="2016"/>
  </r>
  <r>
    <s v="110"/>
    <d v="2016-05-15T00:00:00"/>
    <x v="4"/>
    <x v="0"/>
    <s v="10828"/>
    <s v="GLNANDA"/>
    <n v="0"/>
    <n v="3658"/>
    <s v="Billed Revenues"/>
    <s v="EXV"/>
    <s v="NONBU"/>
    <s v="G0000110"/>
    <s v="N"/>
    <s v="MACSS Dist Billed Revenue-03"/>
    <s v=""/>
    <x v="0"/>
    <s v="CAD0330506"/>
    <s v="S"/>
    <s v="KY"/>
    <s v="REV"/>
    <s v="974"/>
    <s v="GLBATCH"/>
    <n v="5"/>
    <n v="2016"/>
  </r>
  <r>
    <s v="110"/>
    <d v="2016-05-15T00:00:00"/>
    <x v="4"/>
    <x v="0"/>
    <s v="10828"/>
    <s v="GLNANDA"/>
    <n v="-448609.95"/>
    <n v="-3715151"/>
    <s v="Billed Revenues"/>
    <s v="EXV"/>
    <s v="NONBU"/>
    <s v="G0000110"/>
    <s v="N"/>
    <s v="MACSS Dist Billed Revenue-03"/>
    <s v=""/>
    <x v="0"/>
    <s v="CAD0330506"/>
    <s v="S"/>
    <s v="KY"/>
    <s v="REV"/>
    <s v="974"/>
    <s v="GLBATCH"/>
    <n v="5"/>
    <n v="2016"/>
  </r>
  <r>
    <s v="110"/>
    <d v="2016-05-15T00:00:00"/>
    <x v="1"/>
    <x v="0"/>
    <s v="10828"/>
    <s v="GLNANDA"/>
    <n v="0"/>
    <n v="2930"/>
    <s v="Billed Revenues"/>
    <s v="EXV"/>
    <s v="NONBU"/>
    <s v="G0000110"/>
    <s v="N"/>
    <s v="MACSS Dist Billed Revenue-03"/>
    <s v=""/>
    <x v="0"/>
    <s v="CAD0330506"/>
    <s v="S"/>
    <s v="KY"/>
    <s v="REV"/>
    <s v="974"/>
    <s v="GLBATCH"/>
    <n v="5"/>
    <n v="2016"/>
  </r>
  <r>
    <s v="110"/>
    <d v="2016-05-15T00:00:00"/>
    <x v="1"/>
    <x v="0"/>
    <s v="10828"/>
    <s v="GLNANDA"/>
    <n v="-275453.25"/>
    <n v="-2185937"/>
    <s v="Billed Revenues"/>
    <s v="EXV"/>
    <s v="NONBU"/>
    <s v="G0000110"/>
    <s v="N"/>
    <s v="MACSS Dist Billed Revenue-03"/>
    <s v=""/>
    <x v="0"/>
    <s v="CAD0330506"/>
    <s v="S"/>
    <s v="KY"/>
    <s v="REV"/>
    <s v="974"/>
    <s v="GLBATCH"/>
    <n v="5"/>
    <n v="2016"/>
  </r>
  <r>
    <s v="110"/>
    <d v="2016-05-15T00:00:00"/>
    <x v="0"/>
    <x v="0"/>
    <s v="10828"/>
    <s v="GLNANDA"/>
    <n v="0"/>
    <n v="31"/>
    <s v="Billed Revenues"/>
    <s v="EXV"/>
    <s v="NONBU"/>
    <s v="G0000110"/>
    <s v="N"/>
    <s v="MACSS Dist Billed Revenue-03"/>
    <s v=""/>
    <x v="0"/>
    <s v="CAD0330506"/>
    <s v="S"/>
    <s v="KY"/>
    <s v="REV"/>
    <s v="974"/>
    <s v="GLBATCH"/>
    <n v="5"/>
    <n v="2016"/>
  </r>
  <r>
    <s v="110"/>
    <d v="2016-05-15T00:00:00"/>
    <x v="0"/>
    <x v="0"/>
    <s v="10828"/>
    <s v="GLNANDA"/>
    <n v="-18400.419999999998"/>
    <n v="-153123"/>
    <s v="Billed Revenues"/>
    <s v="EXV"/>
    <s v="NONBU"/>
    <s v="G0000110"/>
    <s v="N"/>
    <s v="MACSS Dist Billed Revenue-03"/>
    <s v=""/>
    <x v="0"/>
    <s v="CAD0330506"/>
    <s v="S"/>
    <s v="KY"/>
    <s v="REV"/>
    <s v="974"/>
    <s v="GLBATCH"/>
    <n v="5"/>
    <n v="2016"/>
  </r>
  <r>
    <s v="110"/>
    <d v="2016-05-15T00:00:00"/>
    <x v="2"/>
    <x v="0"/>
    <s v="10828"/>
    <s v="GLNANDA"/>
    <n v="0"/>
    <n v="1233"/>
    <s v="Billed Revenues"/>
    <s v="EXV"/>
    <s v="NONBU"/>
    <s v="G0000110"/>
    <s v="N"/>
    <s v="MACSS Dist Billed Revenue-03"/>
    <s v=""/>
    <x v="0"/>
    <s v="CAD0330506"/>
    <s v="S"/>
    <s v="KY"/>
    <s v="REV"/>
    <s v="974"/>
    <s v="GLBATCH"/>
    <n v="5"/>
    <n v="2016"/>
  </r>
  <r>
    <s v="110"/>
    <d v="2016-05-15T00:00:00"/>
    <x v="2"/>
    <x v="0"/>
    <s v="10828"/>
    <s v="GLNANDA"/>
    <n v="-575008.81999999995"/>
    <n v="-5386048"/>
    <s v="Billed Revenues"/>
    <s v="EXV"/>
    <s v="NONBU"/>
    <s v="G0000110"/>
    <s v="N"/>
    <s v="MACSS Dist Billed Revenue-03"/>
    <s v=""/>
    <x v="0"/>
    <s v="CAD0330506"/>
    <s v="S"/>
    <s v="KY"/>
    <s v="REV"/>
    <s v="974"/>
    <s v="GLBATCH"/>
    <n v="5"/>
    <n v="2016"/>
  </r>
  <r>
    <s v="110"/>
    <d v="2016-05-15T00:00:00"/>
    <x v="3"/>
    <x v="0"/>
    <s v="10828"/>
    <s v="GLNANDA"/>
    <n v="0"/>
    <n v="3"/>
    <s v="Billed Revenues"/>
    <s v="EXV"/>
    <s v="NONBU"/>
    <s v="G0000110"/>
    <s v="N"/>
    <s v="MACSS Dist Billed Revenue-03"/>
    <s v=""/>
    <x v="0"/>
    <s v="CAD0330506"/>
    <s v="S"/>
    <s v="KY"/>
    <s v="REV"/>
    <s v="974"/>
    <s v="GLBATCH"/>
    <n v="5"/>
    <n v="2016"/>
  </r>
  <r>
    <s v="110"/>
    <d v="2016-05-15T00:00:00"/>
    <x v="5"/>
    <x v="0"/>
    <s v="10828"/>
    <s v="GLNANDA"/>
    <n v="-68790.33"/>
    <n v="-546085"/>
    <s v="Billed Revenues"/>
    <s v="EXV"/>
    <s v="NONBU"/>
    <s v="G0000110"/>
    <s v="N"/>
    <s v="MACSS Dist Billed Revenue-03"/>
    <s v=""/>
    <x v="0"/>
    <s v="CAD0330506"/>
    <s v="S"/>
    <s v="KY"/>
    <s v="REV"/>
    <s v="974"/>
    <s v="GLBATCH"/>
    <n v="5"/>
    <n v="2016"/>
  </r>
  <r>
    <s v="110"/>
    <d v="2016-05-15T00:00:00"/>
    <x v="5"/>
    <x v="0"/>
    <s v="10828"/>
    <s v="GLNANDA"/>
    <n v="0"/>
    <n v="120"/>
    <s v="Billed Revenues"/>
    <s v="EXV"/>
    <s v="NONBU"/>
    <s v="G0000110"/>
    <s v="N"/>
    <s v="MACSS Dist Billed Revenue-03"/>
    <s v=""/>
    <x v="0"/>
    <s v="CAD0330509"/>
    <s v="S"/>
    <s v="KY"/>
    <s v="REV"/>
    <s v="974"/>
    <s v="GLBATCH"/>
    <n v="5"/>
    <n v="2016"/>
  </r>
  <r>
    <s v="110"/>
    <d v="2016-05-15T00:00:00"/>
    <x v="3"/>
    <x v="0"/>
    <s v="10828"/>
    <s v="GLNANDA"/>
    <n v="-412.65"/>
    <n v="-1981"/>
    <s v="Billed Revenues"/>
    <s v="EXV"/>
    <s v="NONBU"/>
    <s v="G0000110"/>
    <s v="N"/>
    <s v="MACSS Dist Billed Revenue-03"/>
    <s v=""/>
    <x v="0"/>
    <s v="CAD0330509"/>
    <s v="S"/>
    <s v="KY"/>
    <s v="REV"/>
    <s v="974"/>
    <s v="GLBATCH"/>
    <n v="5"/>
    <n v="2016"/>
  </r>
  <r>
    <s v="110"/>
    <d v="2016-05-15T00:00:00"/>
    <x v="7"/>
    <x v="0"/>
    <s v="10828"/>
    <s v="GLNANDA"/>
    <n v="0"/>
    <n v="38"/>
    <s v="Billed Revenues"/>
    <s v="EXV"/>
    <s v="NONBU"/>
    <s v="G0000110"/>
    <s v="N"/>
    <s v="MACSS Dist Billed Revenue-03"/>
    <s v=""/>
    <x v="0"/>
    <s v="CAD0330509"/>
    <s v="S"/>
    <s v="KY"/>
    <s v="REV"/>
    <s v="974"/>
    <s v="GLBATCH"/>
    <n v="5"/>
    <n v="2016"/>
  </r>
  <r>
    <s v="110"/>
    <d v="2016-05-15T00:00:00"/>
    <x v="7"/>
    <x v="0"/>
    <s v="10828"/>
    <s v="GLNANDA"/>
    <n v="-119150.68"/>
    <n v="-1015684"/>
    <s v="Billed Revenues"/>
    <s v="EXV"/>
    <s v="NONBU"/>
    <s v="G0000110"/>
    <s v="N"/>
    <s v="MACSS Dist Billed Revenue-03"/>
    <s v=""/>
    <x v="0"/>
    <s v="CAD0330509"/>
    <s v="S"/>
    <s v="KY"/>
    <s v="REV"/>
    <s v="974"/>
    <s v="GLBATCH"/>
    <n v="5"/>
    <n v="2016"/>
  </r>
  <r>
    <s v="110"/>
    <d v="2016-05-15T00:00:00"/>
    <x v="6"/>
    <x v="0"/>
    <s v="10828"/>
    <s v="GLNANDA"/>
    <n v="0"/>
    <n v="18"/>
    <s v="Billed Revenues"/>
    <s v="EXV"/>
    <s v="NONBU"/>
    <s v="G0000110"/>
    <s v="N"/>
    <s v="MACSS Dist Billed Revenue-03"/>
    <s v=""/>
    <x v="0"/>
    <s v="CAD0330509"/>
    <s v="S"/>
    <s v="KY"/>
    <s v="REV"/>
    <s v="974"/>
    <s v="GLBATCH"/>
    <n v="5"/>
    <n v="2016"/>
  </r>
  <r>
    <s v="110"/>
    <d v="2016-05-15T00:00:00"/>
    <x v="6"/>
    <x v="0"/>
    <s v="10828"/>
    <s v="GLNANDA"/>
    <n v="-1107.07"/>
    <n v="-5573"/>
    <s v="Billed Revenues"/>
    <s v="EXV"/>
    <s v="NONBU"/>
    <s v="G0000110"/>
    <s v="N"/>
    <s v="MACSS Dist Billed Revenue-03"/>
    <s v=""/>
    <x v="0"/>
    <s v="CAD0330509"/>
    <s v="S"/>
    <s v="KY"/>
    <s v="REV"/>
    <s v="974"/>
    <s v="GLBATCH"/>
    <n v="5"/>
    <n v="2016"/>
  </r>
  <r>
    <s v="110"/>
    <d v="2016-05-15T00:00:00"/>
    <x v="4"/>
    <x v="0"/>
    <s v="10828"/>
    <s v="GLNANDA"/>
    <n v="0"/>
    <n v="4521"/>
    <s v="Billed Revenues"/>
    <s v="EXV"/>
    <s v="NONBU"/>
    <s v="G0000110"/>
    <s v="N"/>
    <s v="MACSS Dist Billed Revenue-03"/>
    <s v=""/>
    <x v="0"/>
    <s v="CAD0330509"/>
    <s v="S"/>
    <s v="KY"/>
    <s v="REV"/>
    <s v="974"/>
    <s v="GLBATCH"/>
    <n v="5"/>
    <n v="2016"/>
  </r>
  <r>
    <s v="110"/>
    <d v="2016-05-15T00:00:00"/>
    <x v="4"/>
    <x v="0"/>
    <s v="10828"/>
    <s v="GLNANDA"/>
    <n v="-569533.29"/>
    <n v="-4742858"/>
    <s v="Billed Revenues"/>
    <s v="EXV"/>
    <s v="NONBU"/>
    <s v="G0000110"/>
    <s v="N"/>
    <s v="MACSS Dist Billed Revenue-03"/>
    <s v=""/>
    <x v="0"/>
    <s v="CAD0330509"/>
    <s v="S"/>
    <s v="KY"/>
    <s v="REV"/>
    <s v="974"/>
    <s v="GLBATCH"/>
    <n v="5"/>
    <n v="2016"/>
  </r>
  <r>
    <s v="110"/>
    <d v="2016-05-15T00:00:00"/>
    <x v="1"/>
    <x v="0"/>
    <s v="10828"/>
    <s v="GLNANDA"/>
    <n v="0"/>
    <n v="2955"/>
    <s v="Billed Revenues"/>
    <s v="EXV"/>
    <s v="NONBU"/>
    <s v="G0000110"/>
    <s v="N"/>
    <s v="MACSS Dist Billed Revenue-03"/>
    <s v=""/>
    <x v="0"/>
    <s v="CAD0330509"/>
    <s v="S"/>
    <s v="KY"/>
    <s v="REV"/>
    <s v="974"/>
    <s v="GLBATCH"/>
    <n v="5"/>
    <n v="2016"/>
  </r>
  <r>
    <s v="110"/>
    <d v="2016-05-15T00:00:00"/>
    <x v="1"/>
    <x v="0"/>
    <s v="10828"/>
    <s v="GLNANDA"/>
    <n v="-269249.42"/>
    <n v="-2126743"/>
    <s v="Billed Revenues"/>
    <s v="EXV"/>
    <s v="NONBU"/>
    <s v="G0000110"/>
    <s v="N"/>
    <s v="MACSS Dist Billed Revenue-03"/>
    <s v=""/>
    <x v="0"/>
    <s v="CAD0330509"/>
    <s v="S"/>
    <s v="KY"/>
    <s v="REV"/>
    <s v="974"/>
    <s v="GLBATCH"/>
    <n v="5"/>
    <n v="2016"/>
  </r>
  <r>
    <s v="110"/>
    <d v="2016-05-15T00:00:00"/>
    <x v="0"/>
    <x v="0"/>
    <s v="10828"/>
    <s v="GLNANDA"/>
    <n v="0"/>
    <n v="41"/>
    <s v="Billed Revenues"/>
    <s v="EXV"/>
    <s v="NONBU"/>
    <s v="G0000110"/>
    <s v="N"/>
    <s v="MACSS Dist Billed Revenue-03"/>
    <s v=""/>
    <x v="0"/>
    <s v="CAD0330509"/>
    <s v="S"/>
    <s v="KY"/>
    <s v="REV"/>
    <s v="974"/>
    <s v="GLBATCH"/>
    <n v="5"/>
    <n v="2016"/>
  </r>
  <r>
    <s v="110"/>
    <d v="2016-05-15T00:00:00"/>
    <x v="0"/>
    <x v="0"/>
    <s v="10828"/>
    <s v="GLNANDA"/>
    <n v="-163605.68"/>
    <n v="-2386404"/>
    <s v="Billed Revenues"/>
    <s v="EXV"/>
    <s v="NONBU"/>
    <s v="G0000110"/>
    <s v="N"/>
    <s v="MACSS Dist Billed Revenue-03"/>
    <s v=""/>
    <x v="0"/>
    <s v="CAD0330509"/>
    <s v="S"/>
    <s v="KY"/>
    <s v="REV"/>
    <s v="974"/>
    <s v="GLBATCH"/>
    <n v="5"/>
    <n v="2016"/>
  </r>
  <r>
    <s v="110"/>
    <d v="2016-05-15T00:00:00"/>
    <x v="2"/>
    <x v="0"/>
    <s v="10828"/>
    <s v="GLNANDA"/>
    <n v="0"/>
    <n v="1171"/>
    <s v="Billed Revenues"/>
    <s v="EXV"/>
    <s v="NONBU"/>
    <s v="G0000110"/>
    <s v="N"/>
    <s v="MACSS Dist Billed Revenue-03"/>
    <s v=""/>
    <x v="0"/>
    <s v="CAD0330509"/>
    <s v="S"/>
    <s v="KY"/>
    <s v="REV"/>
    <s v="974"/>
    <s v="GLBATCH"/>
    <n v="5"/>
    <n v="2016"/>
  </r>
  <r>
    <s v="110"/>
    <d v="2016-05-15T00:00:00"/>
    <x v="2"/>
    <x v="0"/>
    <s v="10828"/>
    <s v="GLNANDA"/>
    <n v="-307562.06"/>
    <n v="-2307525"/>
    <s v="Billed Revenues"/>
    <s v="EXV"/>
    <s v="NONBU"/>
    <s v="G0000110"/>
    <s v="N"/>
    <s v="MACSS Dist Billed Revenue-03"/>
    <s v=""/>
    <x v="0"/>
    <s v="CAD0330509"/>
    <s v="S"/>
    <s v="KY"/>
    <s v="REV"/>
    <s v="974"/>
    <s v="GLBATCH"/>
    <n v="5"/>
    <n v="2016"/>
  </r>
  <r>
    <s v="110"/>
    <d v="2016-05-15T00:00:00"/>
    <x v="3"/>
    <x v="0"/>
    <s v="10828"/>
    <s v="GLNANDA"/>
    <n v="0"/>
    <n v="2"/>
    <s v="Billed Revenues"/>
    <s v="EXV"/>
    <s v="NONBU"/>
    <s v="G0000110"/>
    <s v="N"/>
    <s v="MACSS Dist Billed Revenue-03"/>
    <s v=""/>
    <x v="0"/>
    <s v="CAD0330509"/>
    <s v="S"/>
    <s v="KY"/>
    <s v="REV"/>
    <s v="974"/>
    <s v="GLBATCH"/>
    <n v="5"/>
    <n v="2016"/>
  </r>
  <r>
    <s v="110"/>
    <d v="2016-05-15T00:00:00"/>
    <x v="5"/>
    <x v="0"/>
    <s v="10828"/>
    <s v="GLNANDA"/>
    <n v="-96336.61"/>
    <n v="-920582"/>
    <s v="Billed Revenues"/>
    <s v="EXV"/>
    <s v="NONBU"/>
    <s v="G0000110"/>
    <s v="N"/>
    <s v="MACSS Dist Billed Revenue-03"/>
    <s v=""/>
    <x v="0"/>
    <s v="CAD0330509"/>
    <s v="S"/>
    <s v="KY"/>
    <s v="REV"/>
    <s v="974"/>
    <s v="GLBATCH"/>
    <n v="5"/>
    <n v="2016"/>
  </r>
  <r>
    <s v="110"/>
    <d v="2016-05-15T00:00:00"/>
    <x v="0"/>
    <x v="0"/>
    <s v="10828"/>
    <s v="GLNANDA"/>
    <n v="-70749.34"/>
    <n v="-190428"/>
    <s v="Billed Revenues"/>
    <s v="EXV"/>
    <s v="NONBU"/>
    <s v="G0000110"/>
    <s v="N"/>
    <s v="MACSS Dist Billed Revenue-03"/>
    <s v=""/>
    <x v="0"/>
    <s v="CAD0330510"/>
    <s v="S"/>
    <s v="KY"/>
    <s v="REV"/>
    <s v="974"/>
    <s v="GLBATCH"/>
    <n v="5"/>
    <n v="2016"/>
  </r>
  <r>
    <s v="110"/>
    <d v="2016-05-15T00:00:00"/>
    <x v="7"/>
    <x v="0"/>
    <s v="10828"/>
    <s v="GLNANDA"/>
    <n v="0"/>
    <n v="46"/>
    <s v="Billed Revenues"/>
    <s v="EXV"/>
    <s v="NONBU"/>
    <s v="G0000110"/>
    <s v="N"/>
    <s v="MACSS Dist Billed Revenue-03"/>
    <s v=""/>
    <x v="0"/>
    <s v="CAD0330510"/>
    <s v="S"/>
    <s v="KY"/>
    <s v="REV"/>
    <s v="974"/>
    <s v="GLBATCH"/>
    <n v="5"/>
    <n v="2016"/>
  </r>
  <r>
    <s v="110"/>
    <d v="2016-05-15T00:00:00"/>
    <x v="5"/>
    <x v="0"/>
    <s v="10828"/>
    <s v="GLNANDA"/>
    <n v="-110019.35"/>
    <n v="-948828"/>
    <s v="Billed Revenues"/>
    <s v="EXV"/>
    <s v="NONBU"/>
    <s v="G0000110"/>
    <s v="N"/>
    <s v="MACSS Dist Billed Revenue-03"/>
    <s v=""/>
    <x v="0"/>
    <s v="CAD0330510"/>
    <s v="S"/>
    <s v="KY"/>
    <s v="REV"/>
    <s v="974"/>
    <s v="GLBATCH"/>
    <n v="5"/>
    <n v="2016"/>
  </r>
  <r>
    <s v="110"/>
    <d v="2016-05-15T00:00:00"/>
    <x v="5"/>
    <x v="0"/>
    <s v="10828"/>
    <s v="GLNANDA"/>
    <n v="0"/>
    <n v="131"/>
    <s v="Billed Revenues"/>
    <s v="EXV"/>
    <s v="NONBU"/>
    <s v="G0000110"/>
    <s v="N"/>
    <s v="MACSS Dist Billed Revenue-03"/>
    <s v=""/>
    <x v="0"/>
    <s v="CAD0330510"/>
    <s v="S"/>
    <s v="KY"/>
    <s v="REV"/>
    <s v="974"/>
    <s v="GLBATCH"/>
    <n v="5"/>
    <n v="2016"/>
  </r>
  <r>
    <s v="110"/>
    <d v="2016-05-15T00:00:00"/>
    <x v="3"/>
    <x v="0"/>
    <s v="10828"/>
    <s v="GLNANDA"/>
    <n v="-187489.51"/>
    <n v="-1677854"/>
    <s v="Billed Revenues"/>
    <s v="EXV"/>
    <s v="NONBU"/>
    <s v="G0000110"/>
    <s v="N"/>
    <s v="MACSS Dist Billed Revenue-03"/>
    <s v=""/>
    <x v="0"/>
    <s v="CAD0330510"/>
    <s v="S"/>
    <s v="KY"/>
    <s v="REV"/>
    <s v="974"/>
    <s v="GLBATCH"/>
    <n v="5"/>
    <n v="2016"/>
  </r>
  <r>
    <s v="110"/>
    <d v="2016-05-15T00:00:00"/>
    <x v="3"/>
    <x v="0"/>
    <s v="10828"/>
    <s v="GLNANDA"/>
    <n v="0"/>
    <n v="26"/>
    <s v="Billed Revenues"/>
    <s v="EXV"/>
    <s v="NONBU"/>
    <s v="G0000110"/>
    <s v="N"/>
    <s v="MACSS Dist Billed Revenue-03"/>
    <s v=""/>
    <x v="0"/>
    <s v="CAD0330510"/>
    <s v="S"/>
    <s v="KY"/>
    <s v="REV"/>
    <s v="974"/>
    <s v="GLBATCH"/>
    <n v="5"/>
    <n v="2016"/>
  </r>
  <r>
    <s v="110"/>
    <d v="2016-05-15T00:00:00"/>
    <x v="2"/>
    <x v="0"/>
    <s v="10828"/>
    <s v="GLNANDA"/>
    <n v="-728333.66"/>
    <n v="-6465607"/>
    <s v="Billed Revenues"/>
    <s v="EXV"/>
    <s v="NONBU"/>
    <s v="G0000110"/>
    <s v="N"/>
    <s v="MACSS Dist Billed Revenue-03"/>
    <s v=""/>
    <x v="0"/>
    <s v="CAD0330510"/>
    <s v="S"/>
    <s v="KY"/>
    <s v="REV"/>
    <s v="974"/>
    <s v="GLBATCH"/>
    <n v="5"/>
    <n v="2016"/>
  </r>
  <r>
    <s v="110"/>
    <d v="2016-05-15T00:00:00"/>
    <x v="2"/>
    <x v="0"/>
    <s v="10828"/>
    <s v="GLNANDA"/>
    <n v="0"/>
    <n v="1542"/>
    <s v="Billed Revenues"/>
    <s v="EXV"/>
    <s v="NONBU"/>
    <s v="G0000110"/>
    <s v="N"/>
    <s v="MACSS Dist Billed Revenue-03"/>
    <s v=""/>
    <x v="0"/>
    <s v="CAD0330510"/>
    <s v="S"/>
    <s v="KY"/>
    <s v="REV"/>
    <s v="974"/>
    <s v="GLBATCH"/>
    <n v="5"/>
    <n v="2016"/>
  </r>
  <r>
    <s v="110"/>
    <d v="2016-05-15T00:00:00"/>
    <x v="7"/>
    <x v="0"/>
    <s v="10828"/>
    <s v="GLNANDA"/>
    <n v="-56293.94"/>
    <n v="-443317"/>
    <s v="Billed Revenues"/>
    <s v="EXV"/>
    <s v="NONBU"/>
    <s v="G0000110"/>
    <s v="N"/>
    <s v="MACSS Dist Billed Revenue-03"/>
    <s v=""/>
    <x v="0"/>
    <s v="CAD0330510"/>
    <s v="S"/>
    <s v="KY"/>
    <s v="REV"/>
    <s v="974"/>
    <s v="GLBATCH"/>
    <n v="5"/>
    <n v="2016"/>
  </r>
  <r>
    <s v="110"/>
    <d v="2016-05-15T00:00:00"/>
    <x v="0"/>
    <x v="0"/>
    <s v="10828"/>
    <s v="GLNANDA"/>
    <n v="0"/>
    <n v="25"/>
    <s v="Billed Revenues"/>
    <s v="EXV"/>
    <s v="NONBU"/>
    <s v="G0000110"/>
    <s v="N"/>
    <s v="MACSS Dist Billed Revenue-03"/>
    <s v=""/>
    <x v="0"/>
    <s v="CAD0330510"/>
    <s v="S"/>
    <s v="KY"/>
    <s v="REV"/>
    <s v="974"/>
    <s v="GLBATCH"/>
    <n v="5"/>
    <n v="2016"/>
  </r>
  <r>
    <s v="110"/>
    <d v="2016-05-15T00:00:00"/>
    <x v="1"/>
    <x v="0"/>
    <s v="10828"/>
    <s v="GLNANDA"/>
    <n v="-222438.95"/>
    <n v="-1759449"/>
    <s v="Billed Revenues"/>
    <s v="EXV"/>
    <s v="NONBU"/>
    <s v="G0000110"/>
    <s v="N"/>
    <s v="MACSS Dist Billed Revenue-03"/>
    <s v=""/>
    <x v="0"/>
    <s v="CAD0330510"/>
    <s v="S"/>
    <s v="KY"/>
    <s v="REV"/>
    <s v="974"/>
    <s v="GLBATCH"/>
    <n v="5"/>
    <n v="2016"/>
  </r>
  <r>
    <s v="110"/>
    <d v="2016-05-15T00:00:00"/>
    <x v="1"/>
    <x v="0"/>
    <s v="10828"/>
    <s v="GLNANDA"/>
    <n v="0"/>
    <n v="2372"/>
    <s v="Billed Revenues"/>
    <s v="EXV"/>
    <s v="NONBU"/>
    <s v="G0000110"/>
    <s v="N"/>
    <s v="MACSS Dist Billed Revenue-03"/>
    <s v=""/>
    <x v="0"/>
    <s v="CAD0330510"/>
    <s v="S"/>
    <s v="KY"/>
    <s v="REV"/>
    <s v="974"/>
    <s v="GLBATCH"/>
    <n v="5"/>
    <n v="2016"/>
  </r>
  <r>
    <s v="110"/>
    <d v="2016-05-15T00:00:00"/>
    <x v="4"/>
    <x v="0"/>
    <s v="10828"/>
    <s v="GLNANDA"/>
    <n v="-532739.76"/>
    <n v="-4397599"/>
    <s v="Billed Revenues"/>
    <s v="EXV"/>
    <s v="NONBU"/>
    <s v="G0000110"/>
    <s v="N"/>
    <s v="MACSS Dist Billed Revenue-03"/>
    <s v=""/>
    <x v="0"/>
    <s v="CAD0330510"/>
    <s v="S"/>
    <s v="KY"/>
    <s v="REV"/>
    <s v="974"/>
    <s v="GLBATCH"/>
    <n v="5"/>
    <n v="2016"/>
  </r>
  <r>
    <s v="110"/>
    <d v="2016-05-15T00:00:00"/>
    <x v="4"/>
    <x v="0"/>
    <s v="10828"/>
    <s v="GLNANDA"/>
    <n v="0"/>
    <n v="4542"/>
    <s v="Billed Revenues"/>
    <s v="EXV"/>
    <s v="NONBU"/>
    <s v="G0000110"/>
    <s v="N"/>
    <s v="MACSS Dist Billed Revenue-03"/>
    <s v=""/>
    <x v="0"/>
    <s v="CAD0330510"/>
    <s v="S"/>
    <s v="KY"/>
    <s v="REV"/>
    <s v="974"/>
    <s v="GLBATCH"/>
    <n v="5"/>
    <n v="2016"/>
  </r>
  <r>
    <s v="110"/>
    <d v="2016-05-15T00:00:00"/>
    <x v="6"/>
    <x v="0"/>
    <s v="10828"/>
    <s v="GLNANDA"/>
    <n v="-628.37"/>
    <n v="-2392"/>
    <s v="Billed Revenues"/>
    <s v="EXV"/>
    <s v="NONBU"/>
    <s v="G0000110"/>
    <s v="N"/>
    <s v="MACSS Dist Billed Revenue-03"/>
    <s v=""/>
    <x v="0"/>
    <s v="CAD0330510"/>
    <s v="S"/>
    <s v="KY"/>
    <s v="REV"/>
    <s v="974"/>
    <s v="GLBATCH"/>
    <n v="5"/>
    <n v="2016"/>
  </r>
  <r>
    <s v="110"/>
    <d v="2016-05-15T00:00:00"/>
    <x v="6"/>
    <x v="0"/>
    <s v="10828"/>
    <s v="GLNANDA"/>
    <n v="0"/>
    <n v="14"/>
    <s v="Billed Revenues"/>
    <s v="EXV"/>
    <s v="NONBU"/>
    <s v="G0000110"/>
    <s v="N"/>
    <s v="MACSS Dist Billed Revenue-03"/>
    <s v=""/>
    <x v="0"/>
    <s v="CAD0330510"/>
    <s v="S"/>
    <s v="KY"/>
    <s v="REV"/>
    <s v="974"/>
    <s v="GLBATCH"/>
    <n v="5"/>
    <n v="2016"/>
  </r>
  <r>
    <s v="110"/>
    <d v="2016-05-15T00:00:00"/>
    <x v="7"/>
    <x v="0"/>
    <s v="10828"/>
    <s v="GLNANDA"/>
    <n v="-68580.37"/>
    <n v="-657129"/>
    <s v="Billed Revenues"/>
    <s v="EXV"/>
    <s v="NONBU"/>
    <s v="G0000110"/>
    <s v="N"/>
    <s v="MACSS Dist Billed Revenue-03"/>
    <s v=""/>
    <x v="0"/>
    <s v="CAD0330511"/>
    <s v="S"/>
    <s v="KY"/>
    <s v="REV"/>
    <s v="974"/>
    <s v="GLBATCH"/>
    <n v="5"/>
    <n v="2016"/>
  </r>
  <r>
    <s v="110"/>
    <d v="2016-05-15T00:00:00"/>
    <x v="6"/>
    <x v="0"/>
    <s v="10828"/>
    <s v="GLNANDA"/>
    <n v="-3837.72"/>
    <n v="-28081"/>
    <s v="Billed Revenues"/>
    <s v="EXV"/>
    <s v="NONBU"/>
    <s v="G0000110"/>
    <s v="N"/>
    <s v="MACSS Dist Billed Revenue-03"/>
    <s v=""/>
    <x v="0"/>
    <s v="CAD0330511"/>
    <s v="S"/>
    <s v="KY"/>
    <s v="REV"/>
    <s v="974"/>
    <s v="GLBATCH"/>
    <n v="5"/>
    <n v="2016"/>
  </r>
  <r>
    <s v="110"/>
    <d v="2016-05-15T00:00:00"/>
    <x v="0"/>
    <x v="0"/>
    <s v="10828"/>
    <s v="GLNANDA"/>
    <n v="-1201688.42"/>
    <n v="-19118438"/>
    <s v="Billed Revenues"/>
    <s v="EXV"/>
    <s v="NONBU"/>
    <s v="G0000110"/>
    <s v="N"/>
    <s v="MACSS Dist Billed Revenue-03"/>
    <s v=""/>
    <x v="0"/>
    <s v="CAD0330511"/>
    <s v="S"/>
    <s v="KY"/>
    <s v="REV"/>
    <s v="974"/>
    <s v="GLBATCH"/>
    <n v="5"/>
    <n v="2016"/>
  </r>
  <r>
    <s v="110"/>
    <d v="2016-05-15T00:00:00"/>
    <x v="0"/>
    <x v="0"/>
    <s v="10828"/>
    <s v="GLNANDA"/>
    <n v="0"/>
    <n v="45"/>
    <s v="Billed Revenues"/>
    <s v="EXV"/>
    <s v="NONBU"/>
    <s v="G0000110"/>
    <s v="N"/>
    <s v="MACSS Dist Billed Revenue-03"/>
    <s v=""/>
    <x v="0"/>
    <s v="CAD0330511"/>
    <s v="S"/>
    <s v="KY"/>
    <s v="REV"/>
    <s v="974"/>
    <s v="GLBATCH"/>
    <n v="5"/>
    <n v="2016"/>
  </r>
  <r>
    <s v="110"/>
    <d v="2016-05-15T00:00:00"/>
    <x v="3"/>
    <x v="0"/>
    <s v="10828"/>
    <s v="GLNANDA"/>
    <n v="-15550.34"/>
    <n v="-94145"/>
    <s v="Billed Revenues"/>
    <s v="EXV"/>
    <s v="NONBU"/>
    <s v="G0000110"/>
    <s v="N"/>
    <s v="MACSS Dist Billed Revenue-03"/>
    <s v=""/>
    <x v="0"/>
    <s v="CAD0330511"/>
    <s v="S"/>
    <s v="KY"/>
    <s v="REV"/>
    <s v="974"/>
    <s v="GLBATCH"/>
    <n v="5"/>
    <n v="2016"/>
  </r>
  <r>
    <s v="110"/>
    <d v="2016-05-15T00:00:00"/>
    <x v="3"/>
    <x v="0"/>
    <s v="10828"/>
    <s v="GLNANDA"/>
    <n v="0"/>
    <n v="17"/>
    <s v="Billed Revenues"/>
    <s v="EXV"/>
    <s v="NONBU"/>
    <s v="G0000110"/>
    <s v="N"/>
    <s v="MACSS Dist Billed Revenue-03"/>
    <s v=""/>
    <x v="0"/>
    <s v="CAD0330511"/>
    <s v="S"/>
    <s v="KY"/>
    <s v="REV"/>
    <s v="974"/>
    <s v="GLBATCH"/>
    <n v="5"/>
    <n v="2016"/>
  </r>
  <r>
    <s v="110"/>
    <d v="2016-05-15T00:00:00"/>
    <x v="1"/>
    <x v="0"/>
    <s v="10828"/>
    <s v="GLNANDA"/>
    <n v="-171560.43"/>
    <n v="-1323903"/>
    <s v="Billed Revenues"/>
    <s v="EXV"/>
    <s v="NONBU"/>
    <s v="G0000110"/>
    <s v="N"/>
    <s v="MACSS Dist Billed Revenue-03"/>
    <s v=""/>
    <x v="0"/>
    <s v="CAD0330511"/>
    <s v="S"/>
    <s v="KY"/>
    <s v="REV"/>
    <s v="974"/>
    <s v="GLBATCH"/>
    <n v="5"/>
    <n v="2016"/>
  </r>
  <r>
    <s v="110"/>
    <d v="2016-05-15T00:00:00"/>
    <x v="1"/>
    <x v="0"/>
    <s v="10828"/>
    <s v="GLNANDA"/>
    <n v="0"/>
    <n v="1975"/>
    <s v="Billed Revenues"/>
    <s v="EXV"/>
    <s v="NONBU"/>
    <s v="G0000110"/>
    <s v="N"/>
    <s v="MACSS Dist Billed Revenue-03"/>
    <s v=""/>
    <x v="0"/>
    <s v="CAD0330511"/>
    <s v="S"/>
    <s v="KY"/>
    <s v="REV"/>
    <s v="974"/>
    <s v="GLBATCH"/>
    <n v="5"/>
    <n v="2016"/>
  </r>
  <r>
    <s v="110"/>
    <d v="2016-05-15T00:00:00"/>
    <x v="4"/>
    <x v="0"/>
    <s v="10828"/>
    <s v="GLNANDA"/>
    <n v="-438381.79"/>
    <n v="-3574765"/>
    <s v="Billed Revenues"/>
    <s v="EXV"/>
    <s v="NONBU"/>
    <s v="G0000110"/>
    <s v="N"/>
    <s v="MACSS Dist Billed Revenue-03"/>
    <s v=""/>
    <x v="0"/>
    <s v="CAD0330511"/>
    <s v="S"/>
    <s v="KY"/>
    <s v="REV"/>
    <s v="974"/>
    <s v="GLBATCH"/>
    <n v="5"/>
    <n v="2016"/>
  </r>
  <r>
    <s v="110"/>
    <d v="2016-05-15T00:00:00"/>
    <x v="4"/>
    <x v="0"/>
    <s v="10828"/>
    <s v="GLNANDA"/>
    <n v="0"/>
    <n v="3959"/>
    <s v="Billed Revenues"/>
    <s v="EXV"/>
    <s v="NONBU"/>
    <s v="G0000110"/>
    <s v="N"/>
    <s v="MACSS Dist Billed Revenue-03"/>
    <s v=""/>
    <x v="0"/>
    <s v="CAD0330511"/>
    <s v="S"/>
    <s v="KY"/>
    <s v="REV"/>
    <s v="974"/>
    <s v="GLBATCH"/>
    <n v="5"/>
    <n v="2016"/>
  </r>
  <r>
    <s v="110"/>
    <d v="2016-05-15T00:00:00"/>
    <x v="5"/>
    <x v="0"/>
    <s v="10828"/>
    <s v="GLNANDA"/>
    <n v="-113131.74"/>
    <n v="-978212"/>
    <s v="Billed Revenues"/>
    <s v="EXV"/>
    <s v="NONBU"/>
    <s v="G0000110"/>
    <s v="N"/>
    <s v="MACSS Dist Billed Revenue-03"/>
    <s v=""/>
    <x v="0"/>
    <s v="CAD0330511"/>
    <s v="S"/>
    <s v="KY"/>
    <s v="REV"/>
    <s v="974"/>
    <s v="GLBATCH"/>
    <n v="5"/>
    <n v="2016"/>
  </r>
  <r>
    <s v="110"/>
    <d v="2016-05-15T00:00:00"/>
    <x v="5"/>
    <x v="0"/>
    <s v="10828"/>
    <s v="GLNANDA"/>
    <n v="0"/>
    <n v="180"/>
    <s v="Billed Revenues"/>
    <s v="EXV"/>
    <s v="NONBU"/>
    <s v="G0000110"/>
    <s v="N"/>
    <s v="MACSS Dist Billed Revenue-03"/>
    <s v=""/>
    <x v="0"/>
    <s v="CAD0330511"/>
    <s v="S"/>
    <s v="KY"/>
    <s v="REV"/>
    <s v="974"/>
    <s v="GLBATCH"/>
    <n v="5"/>
    <n v="2016"/>
  </r>
  <r>
    <s v="110"/>
    <d v="2016-05-15T00:00:00"/>
    <x v="2"/>
    <x v="0"/>
    <s v="10828"/>
    <s v="GLNANDA"/>
    <n v="-448739.97"/>
    <n v="-3467267"/>
    <s v="Billed Revenues"/>
    <s v="EXV"/>
    <s v="NONBU"/>
    <s v="G0000110"/>
    <s v="N"/>
    <s v="MACSS Dist Billed Revenue-03"/>
    <s v=""/>
    <x v="0"/>
    <s v="CAD0330511"/>
    <s v="S"/>
    <s v="KY"/>
    <s v="REV"/>
    <s v="974"/>
    <s v="GLBATCH"/>
    <n v="5"/>
    <n v="2016"/>
  </r>
  <r>
    <s v="110"/>
    <d v="2016-05-15T00:00:00"/>
    <x v="2"/>
    <x v="0"/>
    <s v="10828"/>
    <s v="GLNANDA"/>
    <n v="0"/>
    <n v="1495"/>
    <s v="Billed Revenues"/>
    <s v="EXV"/>
    <s v="NONBU"/>
    <s v="G0000110"/>
    <s v="N"/>
    <s v="MACSS Dist Billed Revenue-03"/>
    <s v=""/>
    <x v="0"/>
    <s v="CAD0330511"/>
    <s v="S"/>
    <s v="KY"/>
    <s v="REV"/>
    <s v="974"/>
    <s v="GLBATCH"/>
    <n v="5"/>
    <n v="2016"/>
  </r>
  <r>
    <s v="110"/>
    <d v="2016-05-15T00:00:00"/>
    <x v="6"/>
    <x v="0"/>
    <s v="10828"/>
    <s v="GLNANDA"/>
    <n v="0"/>
    <n v="15"/>
    <s v="Billed Revenues"/>
    <s v="EXV"/>
    <s v="NONBU"/>
    <s v="G0000110"/>
    <s v="N"/>
    <s v="MACSS Dist Billed Revenue-03"/>
    <s v=""/>
    <x v="0"/>
    <s v="CAD0330511"/>
    <s v="S"/>
    <s v="KY"/>
    <s v="REV"/>
    <s v="974"/>
    <s v="GLBATCH"/>
    <n v="5"/>
    <n v="2016"/>
  </r>
  <r>
    <s v="110"/>
    <d v="2016-05-15T00:00:00"/>
    <x v="7"/>
    <x v="0"/>
    <s v="10828"/>
    <s v="GLNANDA"/>
    <n v="0"/>
    <n v="33"/>
    <s v="Billed Revenues"/>
    <s v="EXV"/>
    <s v="NONBU"/>
    <s v="G0000110"/>
    <s v="N"/>
    <s v="MACSS Dist Billed Revenue-03"/>
    <s v=""/>
    <x v="0"/>
    <s v="CAD0330511"/>
    <s v="S"/>
    <s v="KY"/>
    <s v="REV"/>
    <s v="974"/>
    <s v="GLBATCH"/>
    <n v="5"/>
    <n v="2016"/>
  </r>
  <r>
    <s v="110"/>
    <d v="2016-05-15T00:00:00"/>
    <x v="7"/>
    <x v="0"/>
    <s v="10828"/>
    <s v="GLNANDA"/>
    <n v="0"/>
    <n v="35"/>
    <s v="Billed Revenues"/>
    <s v="EXV"/>
    <s v="NONBU"/>
    <s v="G0000110"/>
    <s v="N"/>
    <s v="MACSS Dist Billed Revenue-03"/>
    <s v=""/>
    <x v="0"/>
    <s v="CAD0330512"/>
    <s v="S"/>
    <s v="KY"/>
    <s v="REV"/>
    <s v="974"/>
    <s v="GLBATCH"/>
    <n v="5"/>
    <n v="2016"/>
  </r>
  <r>
    <s v="110"/>
    <d v="2016-05-15T00:00:00"/>
    <x v="7"/>
    <x v="0"/>
    <s v="10828"/>
    <s v="GLNANDA"/>
    <n v="-55556.88"/>
    <n v="-455229"/>
    <s v="Billed Revenues"/>
    <s v="EXV"/>
    <s v="NONBU"/>
    <s v="G0000110"/>
    <s v="N"/>
    <s v="MACSS Dist Billed Revenue-03"/>
    <s v=""/>
    <x v="0"/>
    <s v="CAD0330512"/>
    <s v="S"/>
    <s v="KY"/>
    <s v="REV"/>
    <s v="974"/>
    <s v="GLBATCH"/>
    <n v="5"/>
    <n v="2016"/>
  </r>
  <r>
    <s v="110"/>
    <d v="2016-05-15T00:00:00"/>
    <x v="6"/>
    <x v="0"/>
    <s v="10828"/>
    <s v="GLNANDA"/>
    <n v="0"/>
    <n v="18"/>
    <s v="Billed Revenues"/>
    <s v="EXV"/>
    <s v="NONBU"/>
    <s v="G0000110"/>
    <s v="N"/>
    <s v="MACSS Dist Billed Revenue-03"/>
    <s v=""/>
    <x v="0"/>
    <s v="CAD0330512"/>
    <s v="S"/>
    <s v="KY"/>
    <s v="REV"/>
    <s v="974"/>
    <s v="GLBATCH"/>
    <n v="5"/>
    <n v="2016"/>
  </r>
  <r>
    <s v="110"/>
    <d v="2016-05-15T00:00:00"/>
    <x v="6"/>
    <x v="0"/>
    <s v="10828"/>
    <s v="GLNANDA"/>
    <n v="-1286.5999999999999"/>
    <n v="-6879"/>
    <s v="Billed Revenues"/>
    <s v="EXV"/>
    <s v="NONBU"/>
    <s v="G0000110"/>
    <s v="N"/>
    <s v="MACSS Dist Billed Revenue-03"/>
    <s v=""/>
    <x v="0"/>
    <s v="CAD0330512"/>
    <s v="S"/>
    <s v="KY"/>
    <s v="REV"/>
    <s v="974"/>
    <s v="GLBATCH"/>
    <n v="5"/>
    <n v="2016"/>
  </r>
  <r>
    <s v="110"/>
    <d v="2016-05-15T00:00:00"/>
    <x v="4"/>
    <x v="0"/>
    <s v="10828"/>
    <s v="GLNANDA"/>
    <n v="0"/>
    <n v="4050"/>
    <s v="Billed Revenues"/>
    <s v="EXV"/>
    <s v="NONBU"/>
    <s v="G0000110"/>
    <s v="N"/>
    <s v="MACSS Dist Billed Revenue-03"/>
    <s v=""/>
    <x v="0"/>
    <s v="CAD0330512"/>
    <s v="S"/>
    <s v="KY"/>
    <s v="REV"/>
    <s v="974"/>
    <s v="GLBATCH"/>
    <n v="5"/>
    <n v="2016"/>
  </r>
  <r>
    <s v="110"/>
    <d v="2016-05-15T00:00:00"/>
    <x v="4"/>
    <x v="0"/>
    <s v="10828"/>
    <s v="GLNANDA"/>
    <n v="-413011.58"/>
    <n v="-3327739"/>
    <s v="Billed Revenues"/>
    <s v="EXV"/>
    <s v="NONBU"/>
    <s v="G0000110"/>
    <s v="N"/>
    <s v="MACSS Dist Billed Revenue-03"/>
    <s v=""/>
    <x v="0"/>
    <s v="CAD0330512"/>
    <s v="S"/>
    <s v="KY"/>
    <s v="REV"/>
    <s v="974"/>
    <s v="GLBATCH"/>
    <n v="5"/>
    <n v="2016"/>
  </r>
  <r>
    <s v="110"/>
    <d v="2016-05-15T00:00:00"/>
    <x v="1"/>
    <x v="0"/>
    <s v="10828"/>
    <s v="GLNANDA"/>
    <n v="0"/>
    <n v="2446"/>
    <s v="Billed Revenues"/>
    <s v="EXV"/>
    <s v="NONBU"/>
    <s v="G0000110"/>
    <s v="N"/>
    <s v="MACSS Dist Billed Revenue-03"/>
    <s v=""/>
    <x v="0"/>
    <s v="CAD0330512"/>
    <s v="S"/>
    <s v="KY"/>
    <s v="REV"/>
    <s v="974"/>
    <s v="GLBATCH"/>
    <n v="5"/>
    <n v="2016"/>
  </r>
  <r>
    <s v="110"/>
    <d v="2016-05-15T00:00:00"/>
    <x v="1"/>
    <x v="0"/>
    <s v="10828"/>
    <s v="GLNANDA"/>
    <n v="-213365.36"/>
    <n v="-1662984"/>
    <s v="Billed Revenues"/>
    <s v="EXV"/>
    <s v="NONBU"/>
    <s v="G0000110"/>
    <s v="N"/>
    <s v="MACSS Dist Billed Revenue-03"/>
    <s v=""/>
    <x v="0"/>
    <s v="CAD0330512"/>
    <s v="S"/>
    <s v="KY"/>
    <s v="REV"/>
    <s v="974"/>
    <s v="GLBATCH"/>
    <n v="5"/>
    <n v="2016"/>
  </r>
  <r>
    <s v="110"/>
    <d v="2016-05-15T00:00:00"/>
    <x v="2"/>
    <x v="0"/>
    <s v="10828"/>
    <s v="GLNANDA"/>
    <n v="0"/>
    <n v="1254"/>
    <s v="Billed Revenues"/>
    <s v="EXV"/>
    <s v="NONBU"/>
    <s v="G0000110"/>
    <s v="N"/>
    <s v="MACSS Dist Billed Revenue-03"/>
    <s v=""/>
    <x v="0"/>
    <s v="CAD0330512"/>
    <s v="S"/>
    <s v="KY"/>
    <s v="REV"/>
    <s v="974"/>
    <s v="GLBATCH"/>
    <n v="5"/>
    <n v="2016"/>
  </r>
  <r>
    <s v="110"/>
    <d v="2016-05-15T00:00:00"/>
    <x v="2"/>
    <x v="0"/>
    <s v="10828"/>
    <s v="GLNANDA"/>
    <n v="-454119.21"/>
    <n v="-3472662"/>
    <s v="Billed Revenues"/>
    <s v="EXV"/>
    <s v="NONBU"/>
    <s v="G0000110"/>
    <s v="N"/>
    <s v="MACSS Dist Billed Revenue-03"/>
    <s v=""/>
    <x v="0"/>
    <s v="CAD0330512"/>
    <s v="S"/>
    <s v="KY"/>
    <s v="REV"/>
    <s v="974"/>
    <s v="GLBATCH"/>
    <n v="5"/>
    <n v="2016"/>
  </r>
  <r>
    <s v="110"/>
    <d v="2016-05-15T00:00:00"/>
    <x v="3"/>
    <x v="0"/>
    <s v="10828"/>
    <s v="GLNANDA"/>
    <n v="0"/>
    <n v="5"/>
    <s v="Billed Revenues"/>
    <s v="EXV"/>
    <s v="NONBU"/>
    <s v="G0000110"/>
    <s v="N"/>
    <s v="MACSS Dist Billed Revenue-03"/>
    <s v=""/>
    <x v="0"/>
    <s v="CAD0330512"/>
    <s v="S"/>
    <s v="KY"/>
    <s v="REV"/>
    <s v="974"/>
    <s v="GLBATCH"/>
    <n v="5"/>
    <n v="2016"/>
  </r>
  <r>
    <s v="110"/>
    <d v="2016-05-15T00:00:00"/>
    <x v="3"/>
    <x v="0"/>
    <s v="10828"/>
    <s v="GLNANDA"/>
    <n v="-93797.35"/>
    <n v="-470400"/>
    <s v="Billed Revenues"/>
    <s v="EXV"/>
    <s v="NONBU"/>
    <s v="G0000110"/>
    <s v="N"/>
    <s v="MACSS Dist Billed Revenue-03"/>
    <s v=""/>
    <x v="0"/>
    <s v="CAD0330512"/>
    <s v="S"/>
    <s v="KY"/>
    <s v="REV"/>
    <s v="974"/>
    <s v="GLBATCH"/>
    <n v="5"/>
    <n v="2016"/>
  </r>
  <r>
    <s v="110"/>
    <d v="2016-05-15T00:00:00"/>
    <x v="0"/>
    <x v="0"/>
    <s v="10828"/>
    <s v="GLNANDA"/>
    <n v="0"/>
    <n v="24"/>
    <s v="Billed Revenues"/>
    <s v="EXV"/>
    <s v="NONBU"/>
    <s v="G0000110"/>
    <s v="N"/>
    <s v="MACSS Dist Billed Revenue-03"/>
    <s v=""/>
    <x v="0"/>
    <s v="CAD0330512"/>
    <s v="S"/>
    <s v="KY"/>
    <s v="REV"/>
    <s v="974"/>
    <s v="GLBATCH"/>
    <n v="5"/>
    <n v="2016"/>
  </r>
  <r>
    <s v="110"/>
    <d v="2016-05-15T00:00:00"/>
    <x v="0"/>
    <x v="0"/>
    <s v="10828"/>
    <s v="GLNANDA"/>
    <n v="-52105.120000000003"/>
    <n v="-475672"/>
    <s v="Billed Revenues"/>
    <s v="EXV"/>
    <s v="NONBU"/>
    <s v="G0000110"/>
    <s v="N"/>
    <s v="MACSS Dist Billed Revenue-03"/>
    <s v=""/>
    <x v="0"/>
    <s v="CAD0330512"/>
    <s v="S"/>
    <s v="KY"/>
    <s v="REV"/>
    <s v="974"/>
    <s v="GLBATCH"/>
    <n v="5"/>
    <n v="2016"/>
  </r>
  <r>
    <s v="110"/>
    <d v="2016-05-15T00:00:00"/>
    <x v="5"/>
    <x v="0"/>
    <s v="10828"/>
    <s v="GLNANDA"/>
    <n v="0"/>
    <n v="180"/>
    <s v="Billed Revenues"/>
    <s v="EXV"/>
    <s v="NONBU"/>
    <s v="G0000110"/>
    <s v="N"/>
    <s v="MACSS Dist Billed Revenue-03"/>
    <s v=""/>
    <x v="0"/>
    <s v="CAD0330512"/>
    <s v="S"/>
    <s v="KY"/>
    <s v="REV"/>
    <s v="974"/>
    <s v="GLBATCH"/>
    <n v="5"/>
    <n v="2016"/>
  </r>
  <r>
    <s v="110"/>
    <d v="2016-05-15T00:00:00"/>
    <x v="5"/>
    <x v="0"/>
    <s v="10828"/>
    <s v="GLNANDA"/>
    <n v="-128670.42"/>
    <n v="-1022698"/>
    <s v="Billed Revenues"/>
    <s v="EXV"/>
    <s v="NONBU"/>
    <s v="G0000110"/>
    <s v="N"/>
    <s v="MACSS Dist Billed Revenue-03"/>
    <s v=""/>
    <x v="0"/>
    <s v="CAD0330512"/>
    <s v="S"/>
    <s v="KY"/>
    <s v="REV"/>
    <s v="974"/>
    <s v="GLBATCH"/>
    <n v="5"/>
    <n v="2016"/>
  </r>
  <r>
    <s v="110"/>
    <d v="2016-05-15T00:00:00"/>
    <x v="7"/>
    <x v="0"/>
    <s v="10828"/>
    <s v="GLNANDA"/>
    <n v="0"/>
    <n v="49"/>
    <s v="Billed Revenues"/>
    <s v="EXV"/>
    <s v="NONBU"/>
    <s v="G0000110"/>
    <s v="N"/>
    <s v="MACSS Dist Billed Revenue-03"/>
    <s v=""/>
    <x v="0"/>
    <s v="CAD0330513"/>
    <s v="S"/>
    <s v="KY"/>
    <s v="REV"/>
    <s v="974"/>
    <s v="GLBATCH"/>
    <n v="5"/>
    <n v="2016"/>
  </r>
  <r>
    <s v="110"/>
    <d v="2016-05-15T00:00:00"/>
    <x v="7"/>
    <x v="0"/>
    <s v="10828"/>
    <s v="GLNANDA"/>
    <n v="-105360.22"/>
    <n v="-881144"/>
    <s v="Billed Revenues"/>
    <s v="EXV"/>
    <s v="NONBU"/>
    <s v="G0000110"/>
    <s v="N"/>
    <s v="MACSS Dist Billed Revenue-03"/>
    <s v=""/>
    <x v="0"/>
    <s v="CAD0330513"/>
    <s v="S"/>
    <s v="KY"/>
    <s v="REV"/>
    <s v="974"/>
    <s v="GLBATCH"/>
    <n v="5"/>
    <n v="2016"/>
  </r>
  <r>
    <s v="110"/>
    <d v="2016-05-15T00:00:00"/>
    <x v="3"/>
    <x v="0"/>
    <s v="10828"/>
    <s v="GLNANDA"/>
    <n v="-2528.08"/>
    <n v="-15233"/>
    <s v="Billed Revenues"/>
    <s v="EXV"/>
    <s v="NONBU"/>
    <s v="G0000110"/>
    <s v="N"/>
    <s v="MACSS Dist Billed Revenue-03"/>
    <s v=""/>
    <x v="0"/>
    <s v="CAD0330513"/>
    <s v="S"/>
    <s v="KY"/>
    <s v="REV"/>
    <s v="974"/>
    <s v="GLBATCH"/>
    <n v="5"/>
    <n v="2016"/>
  </r>
  <r>
    <s v="110"/>
    <d v="2016-05-15T00:00:00"/>
    <x v="3"/>
    <x v="0"/>
    <s v="10828"/>
    <s v="GLNANDA"/>
    <n v="0"/>
    <n v="5"/>
    <s v="Billed Revenues"/>
    <s v="EXV"/>
    <s v="NONBU"/>
    <s v="G0000110"/>
    <s v="N"/>
    <s v="MACSS Dist Billed Revenue-03"/>
    <s v=""/>
    <x v="0"/>
    <s v="CAD0330513"/>
    <s v="S"/>
    <s v="KY"/>
    <s v="REV"/>
    <s v="974"/>
    <s v="GLBATCH"/>
    <n v="5"/>
    <n v="2016"/>
  </r>
  <r>
    <s v="110"/>
    <d v="2016-05-15T00:00:00"/>
    <x v="0"/>
    <x v="0"/>
    <s v="10828"/>
    <s v="GLNANDA"/>
    <n v="-8309.1200000000008"/>
    <n v="-542354"/>
    <s v="Billed Revenues"/>
    <s v="EXV"/>
    <s v="NONBU"/>
    <s v="G0000110"/>
    <s v="N"/>
    <s v="MACSS Dist Billed Revenue-03"/>
    <s v=""/>
    <x v="0"/>
    <s v="CAD0330513"/>
    <s v="S"/>
    <s v="KY"/>
    <s v="REV"/>
    <s v="974"/>
    <s v="GLBATCH"/>
    <n v="5"/>
    <n v="2016"/>
  </r>
  <r>
    <s v="110"/>
    <d v="2016-05-15T00:00:00"/>
    <x v="0"/>
    <x v="0"/>
    <s v="10828"/>
    <s v="GLNANDA"/>
    <n v="0"/>
    <n v="31"/>
    <s v="Billed Revenues"/>
    <s v="EXV"/>
    <s v="NONBU"/>
    <s v="G0000110"/>
    <s v="N"/>
    <s v="MACSS Dist Billed Revenue-03"/>
    <s v=""/>
    <x v="0"/>
    <s v="CAD0330513"/>
    <s v="S"/>
    <s v="KY"/>
    <s v="REV"/>
    <s v="974"/>
    <s v="GLBATCH"/>
    <n v="5"/>
    <n v="2016"/>
  </r>
  <r>
    <s v="110"/>
    <d v="2016-05-15T00:00:00"/>
    <x v="1"/>
    <x v="0"/>
    <s v="10828"/>
    <s v="GLNANDA"/>
    <n v="-211818.55"/>
    <n v="-1656971"/>
    <s v="Billed Revenues"/>
    <s v="EXV"/>
    <s v="NONBU"/>
    <s v="G0000110"/>
    <s v="N"/>
    <s v="MACSS Dist Billed Revenue-03"/>
    <s v=""/>
    <x v="0"/>
    <s v="CAD0330513"/>
    <s v="S"/>
    <s v="KY"/>
    <s v="REV"/>
    <s v="974"/>
    <s v="GLBATCH"/>
    <n v="5"/>
    <n v="2016"/>
  </r>
  <r>
    <s v="110"/>
    <d v="2016-05-15T00:00:00"/>
    <x v="1"/>
    <x v="0"/>
    <s v="10828"/>
    <s v="GLNANDA"/>
    <n v="0"/>
    <n v="2388"/>
    <s v="Billed Revenues"/>
    <s v="EXV"/>
    <s v="NONBU"/>
    <s v="G0000110"/>
    <s v="N"/>
    <s v="MACSS Dist Billed Revenue-03"/>
    <s v=""/>
    <x v="0"/>
    <s v="CAD0330513"/>
    <s v="S"/>
    <s v="KY"/>
    <s v="REV"/>
    <s v="974"/>
    <s v="GLBATCH"/>
    <n v="5"/>
    <n v="2016"/>
  </r>
  <r>
    <s v="110"/>
    <d v="2016-05-15T00:00:00"/>
    <x v="2"/>
    <x v="0"/>
    <s v="10828"/>
    <s v="GLNANDA"/>
    <n v="-709729.13"/>
    <n v="-5542582"/>
    <s v="Billed Revenues"/>
    <s v="EXV"/>
    <s v="NONBU"/>
    <s v="G0000110"/>
    <s v="N"/>
    <s v="MACSS Dist Billed Revenue-03"/>
    <s v=""/>
    <x v="0"/>
    <s v="CAD0330513"/>
    <s v="S"/>
    <s v="KY"/>
    <s v="REV"/>
    <s v="974"/>
    <s v="GLBATCH"/>
    <n v="5"/>
    <n v="2016"/>
  </r>
  <r>
    <s v="110"/>
    <d v="2016-05-15T00:00:00"/>
    <x v="2"/>
    <x v="0"/>
    <s v="10828"/>
    <s v="GLNANDA"/>
    <n v="0"/>
    <n v="1852"/>
    <s v="Billed Revenues"/>
    <s v="EXV"/>
    <s v="NONBU"/>
    <s v="G0000110"/>
    <s v="N"/>
    <s v="MACSS Dist Billed Revenue-03"/>
    <s v=""/>
    <x v="0"/>
    <s v="CAD0330513"/>
    <s v="S"/>
    <s v="KY"/>
    <s v="REV"/>
    <s v="974"/>
    <s v="GLBATCH"/>
    <n v="5"/>
    <n v="2016"/>
  </r>
  <r>
    <s v="110"/>
    <d v="2016-05-15T00:00:00"/>
    <x v="4"/>
    <x v="0"/>
    <s v="10828"/>
    <s v="GLNANDA"/>
    <n v="-560846.62"/>
    <n v="-4579422"/>
    <s v="Billed Revenues"/>
    <s v="EXV"/>
    <s v="NONBU"/>
    <s v="G0000110"/>
    <s v="N"/>
    <s v="MACSS Dist Billed Revenue-03"/>
    <s v=""/>
    <x v="0"/>
    <s v="CAD0330513"/>
    <s v="S"/>
    <s v="KY"/>
    <s v="REV"/>
    <s v="974"/>
    <s v="GLBATCH"/>
    <n v="5"/>
    <n v="2016"/>
  </r>
  <r>
    <s v="110"/>
    <d v="2016-05-15T00:00:00"/>
    <x v="4"/>
    <x v="0"/>
    <s v="10828"/>
    <s v="GLNANDA"/>
    <n v="0"/>
    <n v="5298"/>
    <s v="Billed Revenues"/>
    <s v="EXV"/>
    <s v="NONBU"/>
    <s v="G0000110"/>
    <s v="N"/>
    <s v="MACSS Dist Billed Revenue-03"/>
    <s v=""/>
    <x v="0"/>
    <s v="CAD0330513"/>
    <s v="S"/>
    <s v="KY"/>
    <s v="REV"/>
    <s v="974"/>
    <s v="GLBATCH"/>
    <n v="5"/>
    <n v="2016"/>
  </r>
  <r>
    <s v="110"/>
    <d v="2016-05-15T00:00:00"/>
    <x v="5"/>
    <x v="0"/>
    <s v="10828"/>
    <s v="GLNANDA"/>
    <n v="-135450.1"/>
    <n v="-1090385"/>
    <s v="Billed Revenues"/>
    <s v="EXV"/>
    <s v="NONBU"/>
    <s v="G0000110"/>
    <s v="N"/>
    <s v="MACSS Dist Billed Revenue-03"/>
    <s v=""/>
    <x v="0"/>
    <s v="CAD0330513"/>
    <s v="S"/>
    <s v="KY"/>
    <s v="REV"/>
    <s v="974"/>
    <s v="GLBATCH"/>
    <n v="5"/>
    <n v="2016"/>
  </r>
  <r>
    <s v="110"/>
    <d v="2016-05-15T00:00:00"/>
    <x v="5"/>
    <x v="0"/>
    <s v="10828"/>
    <s v="GLNANDA"/>
    <n v="0"/>
    <n v="239"/>
    <s v="Billed Revenues"/>
    <s v="EXV"/>
    <s v="NONBU"/>
    <s v="G0000110"/>
    <s v="N"/>
    <s v="MACSS Dist Billed Revenue-03"/>
    <s v=""/>
    <x v="0"/>
    <s v="CAD0330513"/>
    <s v="S"/>
    <s v="KY"/>
    <s v="REV"/>
    <s v="974"/>
    <s v="GLBATCH"/>
    <n v="5"/>
    <n v="2016"/>
  </r>
  <r>
    <s v="110"/>
    <d v="2016-05-15T00:00:00"/>
    <x v="6"/>
    <x v="0"/>
    <s v="10828"/>
    <s v="GLNANDA"/>
    <n v="-2836"/>
    <n v="-16104"/>
    <s v="Billed Revenues"/>
    <s v="EXV"/>
    <s v="NONBU"/>
    <s v="G0000110"/>
    <s v="N"/>
    <s v="MACSS Dist Billed Revenue-03"/>
    <s v=""/>
    <x v="0"/>
    <s v="CAD0330513"/>
    <s v="S"/>
    <s v="KY"/>
    <s v="REV"/>
    <s v="974"/>
    <s v="GLBATCH"/>
    <n v="5"/>
    <n v="2016"/>
  </r>
  <r>
    <s v="110"/>
    <d v="2016-05-15T00:00:00"/>
    <x v="6"/>
    <x v="0"/>
    <s v="10828"/>
    <s v="GLNANDA"/>
    <n v="0"/>
    <n v="13"/>
    <s v="Billed Revenues"/>
    <s v="EXV"/>
    <s v="NONBU"/>
    <s v="G0000110"/>
    <s v="N"/>
    <s v="MACSS Dist Billed Revenue-03"/>
    <s v=""/>
    <x v="0"/>
    <s v="CAD0330513"/>
    <s v="S"/>
    <s v="KY"/>
    <s v="REV"/>
    <s v="974"/>
    <s v="GLBATCH"/>
    <n v="5"/>
    <n v="2016"/>
  </r>
  <r>
    <s v="110"/>
    <d v="2016-05-15T00:00:00"/>
    <x v="1"/>
    <x v="0"/>
    <s v="10828"/>
    <s v="GLNANDA"/>
    <n v="0"/>
    <n v="1715"/>
    <s v="Billed Revenues"/>
    <s v="EXV"/>
    <s v="NONBU"/>
    <s v="G0000110"/>
    <s v="N"/>
    <s v="MACSS Dist Billed Revenue-03"/>
    <s v=""/>
    <x v="0"/>
    <s v="CAD0330516"/>
    <s v="S"/>
    <s v="KY"/>
    <s v="REV"/>
    <s v="974"/>
    <s v="GLBATCH"/>
    <n v="5"/>
    <n v="2016"/>
  </r>
  <r>
    <s v="110"/>
    <d v="2016-05-15T00:00:00"/>
    <x v="5"/>
    <x v="0"/>
    <s v="10828"/>
    <s v="GLNANDA"/>
    <n v="-40668.74"/>
    <n v="-322710"/>
    <s v="Billed Revenues"/>
    <s v="EXV"/>
    <s v="NONBU"/>
    <s v="G0000110"/>
    <s v="N"/>
    <s v="MACSS Dist Billed Revenue-03"/>
    <s v=""/>
    <x v="0"/>
    <s v="CAD0330516"/>
    <s v="S"/>
    <s v="KY"/>
    <s v="REV"/>
    <s v="974"/>
    <s v="GLBATCH"/>
    <n v="5"/>
    <n v="2016"/>
  </r>
  <r>
    <s v="110"/>
    <d v="2016-05-15T00:00:00"/>
    <x v="7"/>
    <x v="0"/>
    <s v="10828"/>
    <s v="GLNANDA"/>
    <n v="-105849"/>
    <n v="-1004066"/>
    <s v="Billed Revenues"/>
    <s v="EXV"/>
    <s v="NONBU"/>
    <s v="G0000110"/>
    <s v="N"/>
    <s v="MACSS Dist Billed Revenue-03"/>
    <s v=""/>
    <x v="0"/>
    <s v="CAD0330516"/>
    <s v="S"/>
    <s v="KY"/>
    <s v="REV"/>
    <s v="974"/>
    <s v="GLBATCH"/>
    <n v="5"/>
    <n v="2016"/>
  </r>
  <r>
    <s v="110"/>
    <d v="2016-05-15T00:00:00"/>
    <x v="7"/>
    <x v="0"/>
    <s v="10828"/>
    <s v="GLNANDA"/>
    <n v="0"/>
    <n v="39"/>
    <s v="Billed Revenues"/>
    <s v="EXV"/>
    <s v="NONBU"/>
    <s v="G0000110"/>
    <s v="N"/>
    <s v="MACSS Dist Billed Revenue-03"/>
    <s v=""/>
    <x v="0"/>
    <s v="CAD0330516"/>
    <s v="S"/>
    <s v="KY"/>
    <s v="REV"/>
    <s v="974"/>
    <s v="GLBATCH"/>
    <n v="5"/>
    <n v="2016"/>
  </r>
  <r>
    <s v="110"/>
    <d v="2016-05-15T00:00:00"/>
    <x v="2"/>
    <x v="0"/>
    <s v="10828"/>
    <s v="GLNANDA"/>
    <n v="-362372.28"/>
    <n v="-2902203"/>
    <s v="Billed Revenues"/>
    <s v="EXV"/>
    <s v="NONBU"/>
    <s v="G0000110"/>
    <s v="N"/>
    <s v="MACSS Dist Billed Revenue-03"/>
    <s v=""/>
    <x v="0"/>
    <s v="CAD0330516"/>
    <s v="S"/>
    <s v="KY"/>
    <s v="REV"/>
    <s v="974"/>
    <s v="GLBATCH"/>
    <n v="5"/>
    <n v="2016"/>
  </r>
  <r>
    <s v="110"/>
    <d v="2016-05-15T00:00:00"/>
    <x v="4"/>
    <x v="0"/>
    <s v="10828"/>
    <s v="GLNANDA"/>
    <n v="-372448.24"/>
    <n v="-3001916"/>
    <s v="Billed Revenues"/>
    <s v="EXV"/>
    <s v="NONBU"/>
    <s v="G0000110"/>
    <s v="N"/>
    <s v="MACSS Dist Billed Revenue-03"/>
    <s v=""/>
    <x v="0"/>
    <s v="CAD0330516"/>
    <s v="S"/>
    <s v="KY"/>
    <s v="REV"/>
    <s v="974"/>
    <s v="GLBATCH"/>
    <n v="5"/>
    <n v="2016"/>
  </r>
  <r>
    <s v="110"/>
    <d v="2016-05-15T00:00:00"/>
    <x v="4"/>
    <x v="0"/>
    <s v="10828"/>
    <s v="GLNANDA"/>
    <n v="0"/>
    <n v="3487"/>
    <s v="Billed Revenues"/>
    <s v="EXV"/>
    <s v="NONBU"/>
    <s v="G0000110"/>
    <s v="N"/>
    <s v="MACSS Dist Billed Revenue-03"/>
    <s v=""/>
    <x v="0"/>
    <s v="CAD0330516"/>
    <s v="S"/>
    <s v="KY"/>
    <s v="REV"/>
    <s v="974"/>
    <s v="GLBATCH"/>
    <n v="5"/>
    <n v="2016"/>
  </r>
  <r>
    <s v="110"/>
    <d v="2016-05-15T00:00:00"/>
    <x v="2"/>
    <x v="0"/>
    <s v="10828"/>
    <s v="GLNANDA"/>
    <n v="0"/>
    <n v="1054"/>
    <s v="Billed Revenues"/>
    <s v="EXV"/>
    <s v="NONBU"/>
    <s v="G0000110"/>
    <s v="N"/>
    <s v="MACSS Dist Billed Revenue-03"/>
    <s v=""/>
    <x v="0"/>
    <s v="CAD0330516"/>
    <s v="S"/>
    <s v="KY"/>
    <s v="REV"/>
    <s v="974"/>
    <s v="GLBATCH"/>
    <n v="5"/>
    <n v="2016"/>
  </r>
  <r>
    <s v="110"/>
    <d v="2016-05-15T00:00:00"/>
    <x v="0"/>
    <x v="0"/>
    <s v="10828"/>
    <s v="GLNANDA"/>
    <n v="-30828.75"/>
    <n v="-209747"/>
    <s v="Billed Revenues"/>
    <s v="EXV"/>
    <s v="NONBU"/>
    <s v="G0000110"/>
    <s v="N"/>
    <s v="MACSS Dist Billed Revenue-03"/>
    <s v=""/>
    <x v="0"/>
    <s v="CAD0330516"/>
    <s v="S"/>
    <s v="KY"/>
    <s v="REV"/>
    <s v="974"/>
    <s v="GLBATCH"/>
    <n v="5"/>
    <n v="2016"/>
  </r>
  <r>
    <s v="110"/>
    <d v="2016-05-15T00:00:00"/>
    <x v="0"/>
    <x v="0"/>
    <s v="10828"/>
    <s v="GLNANDA"/>
    <n v="0"/>
    <n v="31"/>
    <s v="Billed Revenues"/>
    <s v="EXV"/>
    <s v="NONBU"/>
    <s v="G0000110"/>
    <s v="N"/>
    <s v="MACSS Dist Billed Revenue-03"/>
    <s v=""/>
    <x v="0"/>
    <s v="CAD0330516"/>
    <s v="S"/>
    <s v="KY"/>
    <s v="REV"/>
    <s v="974"/>
    <s v="GLBATCH"/>
    <n v="5"/>
    <n v="2016"/>
  </r>
  <r>
    <s v="110"/>
    <d v="2016-05-15T00:00:00"/>
    <x v="3"/>
    <x v="0"/>
    <s v="10828"/>
    <s v="GLNANDA"/>
    <n v="0"/>
    <n v="11"/>
    <s v="Billed Revenues"/>
    <s v="EXV"/>
    <s v="NONBU"/>
    <s v="G0000110"/>
    <s v="N"/>
    <s v="MACSS Dist Billed Revenue-03"/>
    <s v=""/>
    <x v="0"/>
    <s v="CAD0330516"/>
    <s v="S"/>
    <s v="KY"/>
    <s v="REV"/>
    <s v="974"/>
    <s v="GLBATCH"/>
    <n v="5"/>
    <n v="2016"/>
  </r>
  <r>
    <s v="110"/>
    <d v="2016-05-15T00:00:00"/>
    <x v="6"/>
    <x v="0"/>
    <s v="10828"/>
    <s v="GLNANDA"/>
    <n v="-750.17"/>
    <n v="-3201"/>
    <s v="Billed Revenues"/>
    <s v="EXV"/>
    <s v="NONBU"/>
    <s v="G0000110"/>
    <s v="N"/>
    <s v="MACSS Dist Billed Revenue-03"/>
    <s v=""/>
    <x v="0"/>
    <s v="CAD0330516"/>
    <s v="S"/>
    <s v="KY"/>
    <s v="REV"/>
    <s v="974"/>
    <s v="GLBATCH"/>
    <n v="5"/>
    <n v="2016"/>
  </r>
  <r>
    <s v="110"/>
    <d v="2016-05-15T00:00:00"/>
    <x v="6"/>
    <x v="0"/>
    <s v="10828"/>
    <s v="GLNANDA"/>
    <n v="0"/>
    <n v="17"/>
    <s v="Billed Revenues"/>
    <s v="EXV"/>
    <s v="NONBU"/>
    <s v="G0000110"/>
    <s v="N"/>
    <s v="MACSS Dist Billed Revenue-03"/>
    <s v=""/>
    <x v="0"/>
    <s v="CAD0330516"/>
    <s v="S"/>
    <s v="KY"/>
    <s v="REV"/>
    <s v="974"/>
    <s v="GLBATCH"/>
    <n v="5"/>
    <n v="2016"/>
  </r>
  <r>
    <s v="110"/>
    <d v="2016-05-15T00:00:00"/>
    <x v="5"/>
    <x v="0"/>
    <s v="10828"/>
    <s v="GLNANDA"/>
    <n v="0"/>
    <n v="92"/>
    <s v="Billed Revenues"/>
    <s v="EXV"/>
    <s v="NONBU"/>
    <s v="G0000110"/>
    <s v="N"/>
    <s v="MACSS Dist Billed Revenue-03"/>
    <s v=""/>
    <x v="0"/>
    <s v="CAD0330516"/>
    <s v="S"/>
    <s v="KY"/>
    <s v="REV"/>
    <s v="974"/>
    <s v="GLBATCH"/>
    <n v="5"/>
    <n v="2016"/>
  </r>
  <r>
    <s v="110"/>
    <d v="2016-05-15T00:00:00"/>
    <x v="1"/>
    <x v="0"/>
    <s v="10828"/>
    <s v="GLNANDA"/>
    <n v="-158182.93"/>
    <n v="-1223697"/>
    <s v="Billed Revenues"/>
    <s v="EXV"/>
    <s v="NONBU"/>
    <s v="G0000110"/>
    <s v="N"/>
    <s v="MACSS Dist Billed Revenue-03"/>
    <s v=""/>
    <x v="0"/>
    <s v="CAD0330516"/>
    <s v="S"/>
    <s v="KY"/>
    <s v="REV"/>
    <s v="974"/>
    <s v="GLBATCH"/>
    <n v="5"/>
    <n v="2016"/>
  </r>
  <r>
    <s v="110"/>
    <d v="2016-05-15T00:00:00"/>
    <x v="3"/>
    <x v="0"/>
    <s v="10828"/>
    <s v="GLNANDA"/>
    <n v="-54389.24"/>
    <n v="-409768"/>
    <s v="Billed Revenues"/>
    <s v="EXV"/>
    <s v="NONBU"/>
    <s v="G0000110"/>
    <s v="N"/>
    <s v="MACSS Dist Billed Revenue-03"/>
    <s v=""/>
    <x v="0"/>
    <s v="CAD0330516"/>
    <s v="S"/>
    <s v="KY"/>
    <s v="REV"/>
    <s v="974"/>
    <s v="GLBATCH"/>
    <n v="5"/>
    <n v="2016"/>
  </r>
  <r>
    <s v="110"/>
    <d v="2016-05-15T00:00:00"/>
    <x v="4"/>
    <x v="0"/>
    <s v="10828"/>
    <s v="GLNANDA"/>
    <n v="0"/>
    <n v="4590"/>
    <s v="Billed Revenues"/>
    <s v="EXV"/>
    <s v="NONBU"/>
    <s v="G0000110"/>
    <s v="N"/>
    <s v="MACSS Dist Billed Revenue-03"/>
    <s v=""/>
    <x v="0"/>
    <s v="CAD0330517"/>
    <s v="S"/>
    <s v="KY"/>
    <s v="REV"/>
    <s v="974"/>
    <s v="GLBATCH"/>
    <n v="5"/>
    <n v="2016"/>
  </r>
  <r>
    <s v="110"/>
    <d v="2016-05-15T00:00:00"/>
    <x v="4"/>
    <x v="0"/>
    <s v="10828"/>
    <s v="GLNANDA"/>
    <n v="-538881.81000000006"/>
    <n v="-4436390"/>
    <s v="Billed Revenues"/>
    <s v="EXV"/>
    <s v="NONBU"/>
    <s v="G0000110"/>
    <s v="N"/>
    <s v="MACSS Dist Billed Revenue-03"/>
    <s v=""/>
    <x v="0"/>
    <s v="CAD0330517"/>
    <s v="S"/>
    <s v="KY"/>
    <s v="REV"/>
    <s v="974"/>
    <s v="GLBATCH"/>
    <n v="5"/>
    <n v="2016"/>
  </r>
  <r>
    <s v="110"/>
    <d v="2016-05-15T00:00:00"/>
    <x v="1"/>
    <x v="0"/>
    <s v="10828"/>
    <s v="GLNANDA"/>
    <n v="0"/>
    <n v="2539"/>
    <s v="Billed Revenues"/>
    <s v="EXV"/>
    <s v="NONBU"/>
    <s v="G0000110"/>
    <s v="N"/>
    <s v="MACSS Dist Billed Revenue-03"/>
    <s v=""/>
    <x v="0"/>
    <s v="CAD0330517"/>
    <s v="S"/>
    <s v="KY"/>
    <s v="REV"/>
    <s v="974"/>
    <s v="GLBATCH"/>
    <n v="5"/>
    <n v="2016"/>
  </r>
  <r>
    <s v="110"/>
    <d v="2016-05-15T00:00:00"/>
    <x v="1"/>
    <x v="0"/>
    <s v="10828"/>
    <s v="GLNANDA"/>
    <n v="-235939.54"/>
    <n v="-1863128"/>
    <s v="Billed Revenues"/>
    <s v="EXV"/>
    <s v="NONBU"/>
    <s v="G0000110"/>
    <s v="N"/>
    <s v="MACSS Dist Billed Revenue-03"/>
    <s v=""/>
    <x v="0"/>
    <s v="CAD0330517"/>
    <s v="S"/>
    <s v="KY"/>
    <s v="REV"/>
    <s v="974"/>
    <s v="GLBATCH"/>
    <n v="5"/>
    <n v="2016"/>
  </r>
  <r>
    <s v="110"/>
    <d v="2016-05-15T00:00:00"/>
    <x v="0"/>
    <x v="0"/>
    <s v="10828"/>
    <s v="GLNANDA"/>
    <n v="0"/>
    <n v="19"/>
    <s v="Billed Revenues"/>
    <s v="EXV"/>
    <s v="NONBU"/>
    <s v="G0000110"/>
    <s v="N"/>
    <s v="MACSS Dist Billed Revenue-03"/>
    <s v=""/>
    <x v="0"/>
    <s v="CAD0330517"/>
    <s v="S"/>
    <s v="KY"/>
    <s v="REV"/>
    <s v="974"/>
    <s v="GLBATCH"/>
    <n v="5"/>
    <n v="2016"/>
  </r>
  <r>
    <s v="110"/>
    <d v="2016-05-15T00:00:00"/>
    <x v="0"/>
    <x v="0"/>
    <s v="10828"/>
    <s v="GLNANDA"/>
    <n v="-5151.71"/>
    <n v="-32759"/>
    <s v="Billed Revenues"/>
    <s v="EXV"/>
    <s v="NONBU"/>
    <s v="G0000110"/>
    <s v="N"/>
    <s v="MACSS Dist Billed Revenue-03"/>
    <s v=""/>
    <x v="0"/>
    <s v="CAD0330517"/>
    <s v="S"/>
    <s v="KY"/>
    <s v="REV"/>
    <s v="974"/>
    <s v="GLBATCH"/>
    <n v="5"/>
    <n v="2016"/>
  </r>
  <r>
    <s v="110"/>
    <d v="2016-05-15T00:00:00"/>
    <x v="2"/>
    <x v="0"/>
    <s v="10828"/>
    <s v="GLNANDA"/>
    <n v="0"/>
    <n v="1230"/>
    <s v="Billed Revenues"/>
    <s v="EXV"/>
    <s v="NONBU"/>
    <s v="G0000110"/>
    <s v="N"/>
    <s v="MACSS Dist Billed Revenue-03"/>
    <s v=""/>
    <x v="0"/>
    <s v="CAD0330517"/>
    <s v="S"/>
    <s v="KY"/>
    <s v="REV"/>
    <s v="974"/>
    <s v="GLBATCH"/>
    <n v="5"/>
    <n v="2016"/>
  </r>
  <r>
    <s v="110"/>
    <d v="2016-05-15T00:00:00"/>
    <x v="2"/>
    <x v="0"/>
    <s v="10828"/>
    <s v="GLNANDA"/>
    <n v="-187295.58"/>
    <n v="-1319679"/>
    <s v="Billed Revenues"/>
    <s v="EXV"/>
    <s v="NONBU"/>
    <s v="G0000110"/>
    <s v="N"/>
    <s v="MACSS Dist Billed Revenue-03"/>
    <s v=""/>
    <x v="0"/>
    <s v="CAD0330517"/>
    <s v="S"/>
    <s v="KY"/>
    <s v="REV"/>
    <s v="974"/>
    <s v="GLBATCH"/>
    <n v="5"/>
    <n v="2016"/>
  </r>
  <r>
    <s v="110"/>
    <d v="2016-05-15T00:00:00"/>
    <x v="7"/>
    <x v="0"/>
    <s v="10828"/>
    <s v="GLNANDA"/>
    <n v="0"/>
    <n v="15"/>
    <s v="Billed Revenues"/>
    <s v="EXV"/>
    <s v="NONBU"/>
    <s v="G0000110"/>
    <s v="N"/>
    <s v="MACSS Dist Billed Revenue-03"/>
    <s v=""/>
    <x v="0"/>
    <s v="CAD0330517"/>
    <s v="S"/>
    <s v="KY"/>
    <s v="REV"/>
    <s v="974"/>
    <s v="GLBATCH"/>
    <n v="5"/>
    <n v="2016"/>
  </r>
  <r>
    <s v="110"/>
    <d v="2016-05-15T00:00:00"/>
    <x v="7"/>
    <x v="0"/>
    <s v="10828"/>
    <s v="GLNANDA"/>
    <n v="-35283.03"/>
    <n v="-276301"/>
    <s v="Billed Revenues"/>
    <s v="EXV"/>
    <s v="NONBU"/>
    <s v="G0000110"/>
    <s v="N"/>
    <s v="MACSS Dist Billed Revenue-03"/>
    <s v=""/>
    <x v="0"/>
    <s v="CAD0330517"/>
    <s v="S"/>
    <s v="KY"/>
    <s v="REV"/>
    <s v="974"/>
    <s v="GLBATCH"/>
    <n v="5"/>
    <n v="2016"/>
  </r>
  <r>
    <s v="110"/>
    <d v="2016-05-15T00:00:00"/>
    <x v="3"/>
    <x v="0"/>
    <s v="10828"/>
    <s v="GLNANDA"/>
    <n v="0"/>
    <n v="12"/>
    <s v="Billed Revenues"/>
    <s v="EXV"/>
    <s v="NONBU"/>
    <s v="G0000110"/>
    <s v="N"/>
    <s v="MACSS Dist Billed Revenue-03"/>
    <s v=""/>
    <x v="0"/>
    <s v="CAD0330517"/>
    <s v="S"/>
    <s v="KY"/>
    <s v="REV"/>
    <s v="974"/>
    <s v="GLBATCH"/>
    <n v="5"/>
    <n v="2016"/>
  </r>
  <r>
    <s v="110"/>
    <d v="2016-05-15T00:00:00"/>
    <x v="3"/>
    <x v="0"/>
    <s v="10828"/>
    <s v="GLNANDA"/>
    <n v="-55042.07"/>
    <n v="-623614"/>
    <s v="Billed Revenues"/>
    <s v="EXV"/>
    <s v="NONBU"/>
    <s v="G0000110"/>
    <s v="N"/>
    <s v="MACSS Dist Billed Revenue-03"/>
    <s v=""/>
    <x v="0"/>
    <s v="CAD0330517"/>
    <s v="S"/>
    <s v="KY"/>
    <s v="REV"/>
    <s v="974"/>
    <s v="GLBATCH"/>
    <n v="5"/>
    <n v="2016"/>
  </r>
  <r>
    <s v="110"/>
    <d v="2016-05-15T00:00:00"/>
    <x v="5"/>
    <x v="0"/>
    <s v="10828"/>
    <s v="GLNANDA"/>
    <n v="0"/>
    <n v="85"/>
    <s v="Billed Revenues"/>
    <s v="EXV"/>
    <s v="NONBU"/>
    <s v="G0000110"/>
    <s v="N"/>
    <s v="MACSS Dist Billed Revenue-03"/>
    <s v=""/>
    <x v="0"/>
    <s v="CAD0330517"/>
    <s v="S"/>
    <s v="KY"/>
    <s v="REV"/>
    <s v="974"/>
    <s v="GLBATCH"/>
    <n v="5"/>
    <n v="2016"/>
  </r>
  <r>
    <s v="110"/>
    <d v="2016-05-15T00:00:00"/>
    <x v="5"/>
    <x v="0"/>
    <s v="10828"/>
    <s v="GLNANDA"/>
    <n v="-39151.410000000003"/>
    <n v="-295305"/>
    <s v="Billed Revenues"/>
    <s v="EXV"/>
    <s v="NONBU"/>
    <s v="G0000110"/>
    <s v="N"/>
    <s v="MACSS Dist Billed Revenue-03"/>
    <s v=""/>
    <x v="0"/>
    <s v="CAD0330517"/>
    <s v="S"/>
    <s v="KY"/>
    <s v="REV"/>
    <s v="974"/>
    <s v="GLBATCH"/>
    <n v="5"/>
    <n v="2016"/>
  </r>
  <r>
    <s v="110"/>
    <d v="2016-05-15T00:00:00"/>
    <x v="6"/>
    <x v="0"/>
    <s v="10828"/>
    <s v="GLNANDA"/>
    <n v="0"/>
    <n v="2"/>
    <s v="Billed Revenues"/>
    <s v="EXV"/>
    <s v="NONBU"/>
    <s v="G0000110"/>
    <s v="N"/>
    <s v="MACSS Dist Billed Revenue-03"/>
    <s v=""/>
    <x v="0"/>
    <s v="CAD0330517"/>
    <s v="S"/>
    <s v="KY"/>
    <s v="REV"/>
    <s v="974"/>
    <s v="GLBATCH"/>
    <n v="5"/>
    <n v="2016"/>
  </r>
  <r>
    <s v="110"/>
    <d v="2016-05-15T00:00:00"/>
    <x v="6"/>
    <x v="0"/>
    <s v="10828"/>
    <s v="GLNANDA"/>
    <n v="-120.76"/>
    <n v="-556"/>
    <s v="Billed Revenues"/>
    <s v="EXV"/>
    <s v="NONBU"/>
    <s v="G0000110"/>
    <s v="N"/>
    <s v="MACSS Dist Billed Revenue-03"/>
    <s v=""/>
    <x v="0"/>
    <s v="CAD0330517"/>
    <s v="S"/>
    <s v="KY"/>
    <s v="REV"/>
    <s v="974"/>
    <s v="GLBATCH"/>
    <n v="5"/>
    <n v="2016"/>
  </r>
  <r>
    <s v="110"/>
    <d v="2016-05-15T00:00:00"/>
    <x v="2"/>
    <x v="0"/>
    <s v="10828"/>
    <s v="GLNANDA"/>
    <n v="0"/>
    <n v="966"/>
    <s v="Billed Revenues"/>
    <s v="EXV"/>
    <s v="NONBU"/>
    <s v="G0000110"/>
    <s v="N"/>
    <s v="MACSS Dist Billed Revenue-03"/>
    <s v=""/>
    <x v="0"/>
    <s v="CAD0330518"/>
    <s v="S"/>
    <s v="KY"/>
    <s v="REV"/>
    <s v="974"/>
    <s v="GLBATCH"/>
    <n v="5"/>
    <n v="2016"/>
  </r>
  <r>
    <s v="110"/>
    <d v="2016-05-15T00:00:00"/>
    <x v="2"/>
    <x v="0"/>
    <s v="10828"/>
    <s v="GLNANDA"/>
    <n v="-292121.07"/>
    <n v="-3092034"/>
    <s v="Billed Revenues"/>
    <s v="EXV"/>
    <s v="NONBU"/>
    <s v="G0000110"/>
    <s v="N"/>
    <s v="MACSS Dist Billed Revenue-03"/>
    <s v=""/>
    <x v="0"/>
    <s v="CAD0330518"/>
    <s v="S"/>
    <s v="KY"/>
    <s v="REV"/>
    <s v="974"/>
    <s v="GLBATCH"/>
    <n v="5"/>
    <n v="2016"/>
  </r>
  <r>
    <s v="110"/>
    <d v="2016-05-15T00:00:00"/>
    <x v="6"/>
    <x v="0"/>
    <s v="10828"/>
    <s v="GLNANDA"/>
    <n v="0"/>
    <n v="5"/>
    <s v="Billed Revenues"/>
    <s v="EXV"/>
    <s v="NONBU"/>
    <s v="G0000110"/>
    <s v="N"/>
    <s v="MACSS Dist Billed Revenue-03"/>
    <s v=""/>
    <x v="0"/>
    <s v="CAD0330518"/>
    <s v="S"/>
    <s v="KY"/>
    <s v="REV"/>
    <s v="974"/>
    <s v="GLBATCH"/>
    <n v="5"/>
    <n v="2016"/>
  </r>
  <r>
    <s v="110"/>
    <d v="2016-05-15T00:00:00"/>
    <x v="1"/>
    <x v="0"/>
    <s v="10828"/>
    <s v="GLNANDA"/>
    <n v="0"/>
    <n v="2333"/>
    <s v="Billed Revenues"/>
    <s v="EXV"/>
    <s v="NONBU"/>
    <s v="G0000110"/>
    <s v="N"/>
    <s v="MACSS Dist Billed Revenue-03"/>
    <s v=""/>
    <x v="0"/>
    <s v="CAD0330518"/>
    <s v="S"/>
    <s v="KY"/>
    <s v="REV"/>
    <s v="974"/>
    <s v="GLBATCH"/>
    <n v="5"/>
    <n v="2016"/>
  </r>
  <r>
    <s v="110"/>
    <d v="2016-05-15T00:00:00"/>
    <x v="0"/>
    <x v="0"/>
    <s v="10828"/>
    <s v="GLNANDA"/>
    <n v="-75703.53"/>
    <n v="-516948"/>
    <s v="Billed Revenues"/>
    <s v="EXV"/>
    <s v="NONBU"/>
    <s v="G0000110"/>
    <s v="N"/>
    <s v="MACSS Dist Billed Revenue-03"/>
    <s v=""/>
    <x v="0"/>
    <s v="CAD0330518"/>
    <s v="S"/>
    <s v="KY"/>
    <s v="REV"/>
    <s v="974"/>
    <s v="GLBATCH"/>
    <n v="5"/>
    <n v="2016"/>
  </r>
  <r>
    <s v="110"/>
    <d v="2016-05-15T00:00:00"/>
    <x v="0"/>
    <x v="0"/>
    <s v="10828"/>
    <s v="GLNANDA"/>
    <n v="0"/>
    <n v="47"/>
    <s v="Billed Revenues"/>
    <s v="EXV"/>
    <s v="NONBU"/>
    <s v="G0000110"/>
    <s v="N"/>
    <s v="MACSS Dist Billed Revenue-03"/>
    <s v=""/>
    <x v="0"/>
    <s v="CAD0330518"/>
    <s v="S"/>
    <s v="KY"/>
    <s v="REV"/>
    <s v="974"/>
    <s v="GLBATCH"/>
    <n v="5"/>
    <n v="2016"/>
  </r>
  <r>
    <s v="110"/>
    <d v="2016-05-15T00:00:00"/>
    <x v="4"/>
    <x v="0"/>
    <s v="10828"/>
    <s v="GLNANDA"/>
    <n v="0"/>
    <n v="3355"/>
    <s v="Billed Revenues"/>
    <s v="EXV"/>
    <s v="NONBU"/>
    <s v="G0000110"/>
    <s v="N"/>
    <s v="MACSS Dist Billed Revenue-03"/>
    <s v=""/>
    <x v="0"/>
    <s v="CAD0330518"/>
    <s v="S"/>
    <s v="KY"/>
    <s v="REV"/>
    <s v="974"/>
    <s v="GLBATCH"/>
    <n v="5"/>
    <n v="2016"/>
  </r>
  <r>
    <s v="110"/>
    <d v="2016-05-15T00:00:00"/>
    <x v="5"/>
    <x v="0"/>
    <s v="10828"/>
    <s v="GLNANDA"/>
    <n v="-17617.240000000002"/>
    <n v="-122477"/>
    <s v="Billed Revenues"/>
    <s v="EXV"/>
    <s v="NONBU"/>
    <s v="G0000110"/>
    <s v="N"/>
    <s v="MACSS Dist Billed Revenue-03"/>
    <s v=""/>
    <x v="0"/>
    <s v="CAD0330518"/>
    <s v="S"/>
    <s v="KY"/>
    <s v="REV"/>
    <s v="974"/>
    <s v="GLBATCH"/>
    <n v="5"/>
    <n v="2016"/>
  </r>
  <r>
    <s v="110"/>
    <d v="2016-05-15T00:00:00"/>
    <x v="5"/>
    <x v="0"/>
    <s v="10828"/>
    <s v="GLNANDA"/>
    <n v="0"/>
    <n v="54"/>
    <s v="Billed Revenues"/>
    <s v="EXV"/>
    <s v="NONBU"/>
    <s v="G0000110"/>
    <s v="N"/>
    <s v="MACSS Dist Billed Revenue-03"/>
    <s v=""/>
    <x v="0"/>
    <s v="CAD0330518"/>
    <s v="S"/>
    <s v="KY"/>
    <s v="REV"/>
    <s v="974"/>
    <s v="GLBATCH"/>
    <n v="5"/>
    <n v="2016"/>
  </r>
  <r>
    <s v="110"/>
    <d v="2016-05-15T00:00:00"/>
    <x v="3"/>
    <x v="0"/>
    <s v="10828"/>
    <s v="GLNANDA"/>
    <n v="-94319.09"/>
    <n v="-849044"/>
    <s v="Billed Revenues"/>
    <s v="EXV"/>
    <s v="NONBU"/>
    <s v="G0000110"/>
    <s v="N"/>
    <s v="MACSS Dist Billed Revenue-03"/>
    <s v=""/>
    <x v="0"/>
    <s v="CAD0330518"/>
    <s v="S"/>
    <s v="KY"/>
    <s v="REV"/>
    <s v="974"/>
    <s v="GLBATCH"/>
    <n v="5"/>
    <n v="2016"/>
  </r>
  <r>
    <s v="110"/>
    <d v="2016-05-15T00:00:00"/>
    <x v="3"/>
    <x v="0"/>
    <s v="10828"/>
    <s v="GLNANDA"/>
    <n v="0"/>
    <n v="7"/>
    <s v="Billed Revenues"/>
    <s v="EXV"/>
    <s v="NONBU"/>
    <s v="G0000110"/>
    <s v="N"/>
    <s v="MACSS Dist Billed Revenue-03"/>
    <s v=""/>
    <x v="0"/>
    <s v="CAD0330518"/>
    <s v="S"/>
    <s v="KY"/>
    <s v="REV"/>
    <s v="974"/>
    <s v="GLBATCH"/>
    <n v="5"/>
    <n v="2016"/>
  </r>
  <r>
    <s v="110"/>
    <d v="2016-05-15T00:00:00"/>
    <x v="4"/>
    <x v="0"/>
    <s v="10828"/>
    <s v="GLNANDA"/>
    <n v="-367785.44"/>
    <n v="-2984072"/>
    <s v="Billed Revenues"/>
    <s v="EXV"/>
    <s v="NONBU"/>
    <s v="G0000110"/>
    <s v="N"/>
    <s v="MACSS Dist Billed Revenue-03"/>
    <s v=""/>
    <x v="0"/>
    <s v="CAD0330518"/>
    <s v="S"/>
    <s v="KY"/>
    <s v="REV"/>
    <s v="974"/>
    <s v="GLBATCH"/>
    <n v="5"/>
    <n v="2016"/>
  </r>
  <r>
    <s v="110"/>
    <d v="2016-05-15T00:00:00"/>
    <x v="1"/>
    <x v="0"/>
    <s v="10828"/>
    <s v="GLNANDA"/>
    <n v="-205854.71"/>
    <n v="-1605533"/>
    <s v="Billed Revenues"/>
    <s v="EXV"/>
    <s v="NONBU"/>
    <s v="G0000110"/>
    <s v="N"/>
    <s v="MACSS Dist Billed Revenue-03"/>
    <s v=""/>
    <x v="0"/>
    <s v="CAD0330518"/>
    <s v="S"/>
    <s v="KY"/>
    <s v="REV"/>
    <s v="974"/>
    <s v="GLBATCH"/>
    <n v="5"/>
    <n v="2016"/>
  </r>
  <r>
    <s v="110"/>
    <d v="2016-05-15T00:00:00"/>
    <x v="7"/>
    <x v="0"/>
    <s v="10828"/>
    <s v="GLNANDA"/>
    <n v="-66226.41"/>
    <n v="-562197"/>
    <s v="Billed Revenues"/>
    <s v="EXV"/>
    <s v="NONBU"/>
    <s v="G0000110"/>
    <s v="N"/>
    <s v="MACSS Dist Billed Revenue-03"/>
    <s v=""/>
    <x v="0"/>
    <s v="CAD0330518"/>
    <s v="S"/>
    <s v="KY"/>
    <s v="REV"/>
    <s v="974"/>
    <s v="GLBATCH"/>
    <n v="5"/>
    <n v="2016"/>
  </r>
  <r>
    <s v="110"/>
    <d v="2016-05-15T00:00:00"/>
    <x v="7"/>
    <x v="0"/>
    <s v="10828"/>
    <s v="GLNANDA"/>
    <n v="0"/>
    <n v="14"/>
    <s v="Billed Revenues"/>
    <s v="EXV"/>
    <s v="NONBU"/>
    <s v="G0000110"/>
    <s v="N"/>
    <s v="MACSS Dist Billed Revenue-03"/>
    <s v=""/>
    <x v="0"/>
    <s v="CAD0330518"/>
    <s v="S"/>
    <s v="KY"/>
    <s v="REV"/>
    <s v="974"/>
    <s v="GLBATCH"/>
    <n v="5"/>
    <n v="2016"/>
  </r>
  <r>
    <s v="110"/>
    <d v="2016-05-15T00:00:00"/>
    <x v="6"/>
    <x v="0"/>
    <s v="10828"/>
    <s v="GLNANDA"/>
    <n v="-181.89"/>
    <n v="-541"/>
    <s v="Billed Revenues"/>
    <s v="EXV"/>
    <s v="NONBU"/>
    <s v="G0000110"/>
    <s v="N"/>
    <s v="MACSS Dist Billed Revenue-03"/>
    <s v=""/>
    <x v="0"/>
    <s v="CAD0330518"/>
    <s v="S"/>
    <s v="KY"/>
    <s v="REV"/>
    <s v="974"/>
    <s v="GLBATCH"/>
    <n v="5"/>
    <n v="2016"/>
  </r>
  <r>
    <s v="110"/>
    <d v="2016-05-15T00:00:00"/>
    <x v="5"/>
    <x v="0"/>
    <s v="10828"/>
    <s v="GLNANDA"/>
    <n v="0"/>
    <n v="111"/>
    <s v="Billed Revenues"/>
    <s v="EXV"/>
    <s v="NONBU"/>
    <s v="G0000110"/>
    <s v="N"/>
    <s v="MACSS Dist Billed Revenue-03"/>
    <s v=""/>
    <x v="0"/>
    <s v="CAD0330519"/>
    <s v="S"/>
    <s v="KY"/>
    <s v="REV"/>
    <s v="974"/>
    <s v="GLBATCH"/>
    <n v="5"/>
    <n v="2016"/>
  </r>
  <r>
    <s v="110"/>
    <d v="2016-05-15T00:00:00"/>
    <x v="6"/>
    <x v="0"/>
    <s v="10828"/>
    <s v="GLNANDA"/>
    <n v="-1805.92"/>
    <n v="-12357"/>
    <s v="Billed Revenues"/>
    <s v="EXV"/>
    <s v="NONBU"/>
    <s v="G0000110"/>
    <s v="N"/>
    <s v="MACSS Dist Billed Revenue-03"/>
    <s v=""/>
    <x v="0"/>
    <s v="CAD0330519"/>
    <s v="S"/>
    <s v="KY"/>
    <s v="REV"/>
    <s v="974"/>
    <s v="GLBATCH"/>
    <n v="5"/>
    <n v="2016"/>
  </r>
  <r>
    <s v="110"/>
    <d v="2016-05-15T00:00:00"/>
    <x v="6"/>
    <x v="0"/>
    <s v="10828"/>
    <s v="GLNANDA"/>
    <n v="0"/>
    <n v="11"/>
    <s v="Billed Revenues"/>
    <s v="EXV"/>
    <s v="NONBU"/>
    <s v="G0000110"/>
    <s v="N"/>
    <s v="MACSS Dist Billed Revenue-03"/>
    <s v=""/>
    <x v="0"/>
    <s v="CAD0330519"/>
    <s v="S"/>
    <s v="KY"/>
    <s v="REV"/>
    <s v="974"/>
    <s v="GLBATCH"/>
    <n v="5"/>
    <n v="2016"/>
  </r>
  <r>
    <s v="110"/>
    <d v="2016-05-15T00:00:00"/>
    <x v="7"/>
    <x v="0"/>
    <s v="10828"/>
    <s v="GLNANDA"/>
    <n v="-20746.25"/>
    <n v="-166653"/>
    <s v="Billed Revenues"/>
    <s v="EXV"/>
    <s v="NONBU"/>
    <s v="G0000110"/>
    <s v="N"/>
    <s v="MACSS Dist Billed Revenue-03"/>
    <s v=""/>
    <x v="0"/>
    <s v="CAD0330519"/>
    <s v="S"/>
    <s v="KY"/>
    <s v="REV"/>
    <s v="974"/>
    <s v="GLBATCH"/>
    <n v="5"/>
    <n v="2016"/>
  </r>
  <r>
    <s v="110"/>
    <d v="2016-05-15T00:00:00"/>
    <x v="7"/>
    <x v="0"/>
    <s v="10828"/>
    <s v="GLNANDA"/>
    <n v="0"/>
    <n v="15"/>
    <s v="Billed Revenues"/>
    <s v="EXV"/>
    <s v="NONBU"/>
    <s v="G0000110"/>
    <s v="N"/>
    <s v="MACSS Dist Billed Revenue-03"/>
    <s v=""/>
    <x v="0"/>
    <s v="CAD0330519"/>
    <s v="S"/>
    <s v="KY"/>
    <s v="REV"/>
    <s v="974"/>
    <s v="GLBATCH"/>
    <n v="5"/>
    <n v="2016"/>
  </r>
  <r>
    <s v="110"/>
    <d v="2016-05-15T00:00:00"/>
    <x v="3"/>
    <x v="0"/>
    <s v="10828"/>
    <s v="GLNANDA"/>
    <n v="-121982.33"/>
    <n v="-1145119"/>
    <s v="Billed Revenues"/>
    <s v="EXV"/>
    <s v="NONBU"/>
    <s v="G0000110"/>
    <s v="N"/>
    <s v="MACSS Dist Billed Revenue-03"/>
    <s v=""/>
    <x v="0"/>
    <s v="CAD0330519"/>
    <s v="S"/>
    <s v="KY"/>
    <s v="REV"/>
    <s v="974"/>
    <s v="GLBATCH"/>
    <n v="5"/>
    <n v="2016"/>
  </r>
  <r>
    <s v="110"/>
    <d v="2016-05-15T00:00:00"/>
    <x v="3"/>
    <x v="0"/>
    <s v="10828"/>
    <s v="GLNANDA"/>
    <n v="0"/>
    <n v="21"/>
    <s v="Billed Revenues"/>
    <s v="EXV"/>
    <s v="NONBU"/>
    <s v="G0000110"/>
    <s v="N"/>
    <s v="MACSS Dist Billed Revenue-03"/>
    <s v=""/>
    <x v="0"/>
    <s v="CAD0330519"/>
    <s v="S"/>
    <s v="KY"/>
    <s v="REV"/>
    <s v="974"/>
    <s v="GLBATCH"/>
    <n v="5"/>
    <n v="2016"/>
  </r>
  <r>
    <s v="110"/>
    <d v="2016-05-15T00:00:00"/>
    <x v="2"/>
    <x v="0"/>
    <s v="10828"/>
    <s v="GLNANDA"/>
    <n v="-201964.65"/>
    <n v="-1438353"/>
    <s v="Billed Revenues"/>
    <s v="EXV"/>
    <s v="NONBU"/>
    <s v="G0000110"/>
    <s v="N"/>
    <s v="MACSS Dist Billed Revenue-03"/>
    <s v=""/>
    <x v="0"/>
    <s v="CAD0330519"/>
    <s v="S"/>
    <s v="KY"/>
    <s v="REV"/>
    <s v="974"/>
    <s v="GLBATCH"/>
    <n v="5"/>
    <n v="2016"/>
  </r>
  <r>
    <s v="110"/>
    <d v="2016-05-15T00:00:00"/>
    <x v="0"/>
    <x v="0"/>
    <s v="10828"/>
    <s v="GLNANDA"/>
    <n v="-69810.64"/>
    <n v="-306145"/>
    <s v="Billed Revenues"/>
    <s v="EXV"/>
    <s v="NONBU"/>
    <s v="G0000110"/>
    <s v="N"/>
    <s v="MACSS Dist Billed Revenue-03"/>
    <s v=""/>
    <x v="0"/>
    <s v="CAD0330519"/>
    <s v="S"/>
    <s v="KY"/>
    <s v="REV"/>
    <s v="974"/>
    <s v="GLBATCH"/>
    <n v="5"/>
    <n v="2016"/>
  </r>
  <r>
    <s v="110"/>
    <d v="2016-05-15T00:00:00"/>
    <x v="0"/>
    <x v="0"/>
    <s v="10828"/>
    <s v="GLNANDA"/>
    <n v="0"/>
    <n v="71"/>
    <s v="Billed Revenues"/>
    <s v="EXV"/>
    <s v="NONBU"/>
    <s v="G0000110"/>
    <s v="N"/>
    <s v="MACSS Dist Billed Revenue-03"/>
    <s v=""/>
    <x v="0"/>
    <s v="CAD0330519"/>
    <s v="S"/>
    <s v="KY"/>
    <s v="REV"/>
    <s v="974"/>
    <s v="GLBATCH"/>
    <n v="5"/>
    <n v="2016"/>
  </r>
  <r>
    <s v="110"/>
    <d v="2016-05-15T00:00:00"/>
    <x v="1"/>
    <x v="0"/>
    <s v="10828"/>
    <s v="GLNANDA"/>
    <n v="-154959.41"/>
    <n v="-1189933"/>
    <s v="Billed Revenues"/>
    <s v="EXV"/>
    <s v="NONBU"/>
    <s v="G0000110"/>
    <s v="N"/>
    <s v="MACSS Dist Billed Revenue-03"/>
    <s v=""/>
    <x v="0"/>
    <s v="CAD0330519"/>
    <s v="S"/>
    <s v="KY"/>
    <s v="REV"/>
    <s v="974"/>
    <s v="GLBATCH"/>
    <n v="5"/>
    <n v="2016"/>
  </r>
  <r>
    <s v="110"/>
    <d v="2016-05-15T00:00:00"/>
    <x v="1"/>
    <x v="0"/>
    <s v="10828"/>
    <s v="GLNANDA"/>
    <n v="0"/>
    <n v="1764"/>
    <s v="Billed Revenues"/>
    <s v="EXV"/>
    <s v="NONBU"/>
    <s v="G0000110"/>
    <s v="N"/>
    <s v="MACSS Dist Billed Revenue-03"/>
    <s v=""/>
    <x v="0"/>
    <s v="CAD0330519"/>
    <s v="S"/>
    <s v="KY"/>
    <s v="REV"/>
    <s v="974"/>
    <s v="GLBATCH"/>
    <n v="5"/>
    <n v="2016"/>
  </r>
  <r>
    <s v="110"/>
    <d v="2016-05-15T00:00:00"/>
    <x v="2"/>
    <x v="0"/>
    <s v="10828"/>
    <s v="GLNANDA"/>
    <n v="0"/>
    <n v="1087"/>
    <s v="Billed Revenues"/>
    <s v="EXV"/>
    <s v="NONBU"/>
    <s v="G0000110"/>
    <s v="N"/>
    <s v="MACSS Dist Billed Revenue-03"/>
    <s v=""/>
    <x v="0"/>
    <s v="CAD0330519"/>
    <s v="S"/>
    <s v="KY"/>
    <s v="REV"/>
    <s v="974"/>
    <s v="GLBATCH"/>
    <n v="5"/>
    <n v="2016"/>
  </r>
  <r>
    <s v="110"/>
    <d v="2016-05-15T00:00:00"/>
    <x v="5"/>
    <x v="0"/>
    <s v="10828"/>
    <s v="GLNANDA"/>
    <n v="-76287.58"/>
    <n v="-603439"/>
    <s v="Billed Revenues"/>
    <s v="EXV"/>
    <s v="NONBU"/>
    <s v="G0000110"/>
    <s v="N"/>
    <s v="MACSS Dist Billed Revenue-03"/>
    <s v=""/>
    <x v="0"/>
    <s v="CAD0330519"/>
    <s v="S"/>
    <s v="KY"/>
    <s v="REV"/>
    <s v="974"/>
    <s v="GLBATCH"/>
    <n v="5"/>
    <n v="2016"/>
  </r>
  <r>
    <s v="110"/>
    <d v="2016-05-15T00:00:00"/>
    <x v="4"/>
    <x v="0"/>
    <s v="10828"/>
    <s v="GLNANDA"/>
    <n v="0"/>
    <n v="3912"/>
    <s v="Billed Revenues"/>
    <s v="EXV"/>
    <s v="NONBU"/>
    <s v="G0000110"/>
    <s v="N"/>
    <s v="MACSS Dist Billed Revenue-03"/>
    <s v=""/>
    <x v="0"/>
    <s v="CAD0330519"/>
    <s v="S"/>
    <s v="KY"/>
    <s v="REV"/>
    <s v="974"/>
    <s v="GLBATCH"/>
    <n v="5"/>
    <n v="2016"/>
  </r>
  <r>
    <s v="110"/>
    <d v="2016-05-15T00:00:00"/>
    <x v="4"/>
    <x v="0"/>
    <s v="10828"/>
    <s v="GLNANDA"/>
    <n v="-429934.19"/>
    <n v="-3496258"/>
    <s v="Billed Revenues"/>
    <s v="EXV"/>
    <s v="NONBU"/>
    <s v="G0000110"/>
    <s v="N"/>
    <s v="MACSS Dist Billed Revenue-03"/>
    <s v=""/>
    <x v="0"/>
    <s v="CAD0330519"/>
    <s v="S"/>
    <s v="KY"/>
    <s v="REV"/>
    <s v="974"/>
    <s v="GLBATCH"/>
    <n v="5"/>
    <n v="2016"/>
  </r>
  <r>
    <s v="110"/>
    <d v="2016-05-15T00:00:00"/>
    <x v="7"/>
    <x v="0"/>
    <s v="10828"/>
    <s v="GLNANDA"/>
    <n v="0"/>
    <n v="24"/>
    <s v="Billed Revenues"/>
    <s v="EXV"/>
    <s v="NONBU"/>
    <s v="G0000110"/>
    <s v="N"/>
    <s v="MACSS Dist Billed Revenue-03"/>
    <s v=""/>
    <x v="0"/>
    <s v="CAD0330520"/>
    <s v="S"/>
    <s v="KY"/>
    <s v="REV"/>
    <s v="974"/>
    <s v="GLBATCH"/>
    <n v="5"/>
    <n v="2016"/>
  </r>
  <r>
    <s v="110"/>
    <d v="2016-05-15T00:00:00"/>
    <x v="5"/>
    <x v="0"/>
    <s v="10828"/>
    <s v="GLNANDA"/>
    <n v="-73473.429999999993"/>
    <n v="-596447"/>
    <s v="Billed Revenues"/>
    <s v="EXV"/>
    <s v="NONBU"/>
    <s v="G0000110"/>
    <s v="N"/>
    <s v="MACSS Dist Billed Revenue-03"/>
    <s v=""/>
    <x v="0"/>
    <s v="CAD0330520"/>
    <s v="S"/>
    <s v="KY"/>
    <s v="REV"/>
    <s v="974"/>
    <s v="GLBATCH"/>
    <n v="5"/>
    <n v="2016"/>
  </r>
  <r>
    <s v="110"/>
    <d v="2016-05-15T00:00:00"/>
    <x v="6"/>
    <x v="0"/>
    <s v="10828"/>
    <s v="GLNANDA"/>
    <n v="0"/>
    <n v="11"/>
    <s v="Billed Revenues"/>
    <s v="EXV"/>
    <s v="NONBU"/>
    <s v="G0000110"/>
    <s v="N"/>
    <s v="MACSS Dist Billed Revenue-03"/>
    <s v=""/>
    <x v="0"/>
    <s v="CAD0330520"/>
    <s v="S"/>
    <s v="KY"/>
    <s v="REV"/>
    <s v="974"/>
    <s v="GLBATCH"/>
    <n v="5"/>
    <n v="2016"/>
  </r>
  <r>
    <s v="110"/>
    <d v="2016-05-15T00:00:00"/>
    <x v="6"/>
    <x v="0"/>
    <s v="10828"/>
    <s v="GLNANDA"/>
    <n v="-569.09"/>
    <n v="-2890"/>
    <s v="Billed Revenues"/>
    <s v="EXV"/>
    <s v="NONBU"/>
    <s v="G0000110"/>
    <s v="N"/>
    <s v="MACSS Dist Billed Revenue-03"/>
    <s v=""/>
    <x v="0"/>
    <s v="CAD0330520"/>
    <s v="S"/>
    <s v="KY"/>
    <s v="REV"/>
    <s v="974"/>
    <s v="GLBATCH"/>
    <n v="5"/>
    <n v="2016"/>
  </r>
  <r>
    <s v="110"/>
    <d v="2016-05-15T00:00:00"/>
    <x v="4"/>
    <x v="0"/>
    <s v="10828"/>
    <s v="GLNANDA"/>
    <n v="0"/>
    <n v="3896"/>
    <s v="Billed Revenues"/>
    <s v="EXV"/>
    <s v="NONBU"/>
    <s v="G0000110"/>
    <s v="N"/>
    <s v="MACSS Dist Billed Revenue-03"/>
    <s v=""/>
    <x v="0"/>
    <s v="CAD0330520"/>
    <s v="S"/>
    <s v="KY"/>
    <s v="REV"/>
    <s v="974"/>
    <s v="GLBATCH"/>
    <n v="5"/>
    <n v="2016"/>
  </r>
  <r>
    <s v="110"/>
    <d v="2016-05-15T00:00:00"/>
    <x v="4"/>
    <x v="0"/>
    <s v="10828"/>
    <s v="GLNANDA"/>
    <n v="-434787.55"/>
    <n v="-3550292"/>
    <s v="Billed Revenues"/>
    <s v="EXV"/>
    <s v="NONBU"/>
    <s v="G0000110"/>
    <s v="N"/>
    <s v="MACSS Dist Billed Revenue-03"/>
    <s v=""/>
    <x v="0"/>
    <s v="CAD0330520"/>
    <s v="S"/>
    <s v="KY"/>
    <s v="REV"/>
    <s v="974"/>
    <s v="GLBATCH"/>
    <n v="5"/>
    <n v="2016"/>
  </r>
  <r>
    <s v="110"/>
    <d v="2016-05-15T00:00:00"/>
    <x v="1"/>
    <x v="0"/>
    <s v="10828"/>
    <s v="GLNANDA"/>
    <n v="0"/>
    <n v="2004"/>
    <s v="Billed Revenues"/>
    <s v="EXV"/>
    <s v="NONBU"/>
    <s v="G0000110"/>
    <s v="N"/>
    <s v="MACSS Dist Billed Revenue-03"/>
    <s v=""/>
    <x v="0"/>
    <s v="CAD0330520"/>
    <s v="S"/>
    <s v="KY"/>
    <s v="REV"/>
    <s v="974"/>
    <s v="GLBATCH"/>
    <n v="5"/>
    <n v="2016"/>
  </r>
  <r>
    <s v="110"/>
    <d v="2016-05-15T00:00:00"/>
    <x v="1"/>
    <x v="0"/>
    <s v="10828"/>
    <s v="GLNANDA"/>
    <n v="-177133.56"/>
    <n v="-1375343"/>
    <s v="Billed Revenues"/>
    <s v="EXV"/>
    <s v="NONBU"/>
    <s v="G0000110"/>
    <s v="N"/>
    <s v="MACSS Dist Billed Revenue-03"/>
    <s v=""/>
    <x v="0"/>
    <s v="CAD0330520"/>
    <s v="S"/>
    <s v="KY"/>
    <s v="REV"/>
    <s v="974"/>
    <s v="GLBATCH"/>
    <n v="5"/>
    <n v="2016"/>
  </r>
  <r>
    <s v="110"/>
    <d v="2016-05-15T00:00:00"/>
    <x v="0"/>
    <x v="0"/>
    <s v="10828"/>
    <s v="GLNANDA"/>
    <n v="0"/>
    <n v="54"/>
    <s v="Billed Revenues"/>
    <s v="EXV"/>
    <s v="NONBU"/>
    <s v="G0000110"/>
    <s v="N"/>
    <s v="MACSS Dist Billed Revenue-03"/>
    <s v=""/>
    <x v="0"/>
    <s v="CAD0330520"/>
    <s v="S"/>
    <s v="KY"/>
    <s v="REV"/>
    <s v="974"/>
    <s v="GLBATCH"/>
    <n v="5"/>
    <n v="2016"/>
  </r>
  <r>
    <s v="110"/>
    <d v="2016-05-15T00:00:00"/>
    <x v="0"/>
    <x v="0"/>
    <s v="10828"/>
    <s v="GLNANDA"/>
    <n v="-173988.85"/>
    <n v="-2297635"/>
    <s v="Billed Revenues"/>
    <s v="EXV"/>
    <s v="NONBU"/>
    <s v="G0000110"/>
    <s v="N"/>
    <s v="MACSS Dist Billed Revenue-03"/>
    <s v=""/>
    <x v="0"/>
    <s v="CAD0330520"/>
    <s v="S"/>
    <s v="KY"/>
    <s v="REV"/>
    <s v="974"/>
    <s v="GLBATCH"/>
    <n v="5"/>
    <n v="2016"/>
  </r>
  <r>
    <s v="110"/>
    <d v="2016-05-15T00:00:00"/>
    <x v="2"/>
    <x v="0"/>
    <s v="10828"/>
    <s v="GLNANDA"/>
    <n v="0"/>
    <n v="1093"/>
    <s v="Billed Revenues"/>
    <s v="EXV"/>
    <s v="NONBU"/>
    <s v="G0000110"/>
    <s v="N"/>
    <s v="MACSS Dist Billed Revenue-03"/>
    <s v=""/>
    <x v="0"/>
    <s v="CAD0330520"/>
    <s v="S"/>
    <s v="KY"/>
    <s v="REV"/>
    <s v="974"/>
    <s v="GLBATCH"/>
    <n v="5"/>
    <n v="2016"/>
  </r>
  <r>
    <s v="110"/>
    <d v="2016-05-15T00:00:00"/>
    <x v="2"/>
    <x v="0"/>
    <s v="10828"/>
    <s v="GLNANDA"/>
    <n v="-220468.64"/>
    <n v="-1603870"/>
    <s v="Billed Revenues"/>
    <s v="EXV"/>
    <s v="NONBU"/>
    <s v="G0000110"/>
    <s v="N"/>
    <s v="MACSS Dist Billed Revenue-03"/>
    <s v=""/>
    <x v="0"/>
    <s v="CAD0330520"/>
    <s v="S"/>
    <s v="KY"/>
    <s v="REV"/>
    <s v="974"/>
    <s v="GLBATCH"/>
    <n v="5"/>
    <n v="2016"/>
  </r>
  <r>
    <s v="110"/>
    <d v="2016-05-15T00:00:00"/>
    <x v="3"/>
    <x v="0"/>
    <s v="10828"/>
    <s v="GLNANDA"/>
    <n v="0"/>
    <n v="7"/>
    <s v="Billed Revenues"/>
    <s v="EXV"/>
    <s v="NONBU"/>
    <s v="G0000110"/>
    <s v="N"/>
    <s v="MACSS Dist Billed Revenue-03"/>
    <s v=""/>
    <x v="0"/>
    <s v="CAD0330520"/>
    <s v="S"/>
    <s v="KY"/>
    <s v="REV"/>
    <s v="974"/>
    <s v="GLBATCH"/>
    <n v="5"/>
    <n v="2016"/>
  </r>
  <r>
    <s v="110"/>
    <d v="2016-05-15T00:00:00"/>
    <x v="3"/>
    <x v="0"/>
    <s v="10828"/>
    <s v="GLNANDA"/>
    <n v="-18426.77"/>
    <n v="-108988"/>
    <s v="Billed Revenues"/>
    <s v="EXV"/>
    <s v="NONBU"/>
    <s v="G0000110"/>
    <s v="N"/>
    <s v="MACSS Dist Billed Revenue-03"/>
    <s v=""/>
    <x v="0"/>
    <s v="CAD0330520"/>
    <s v="S"/>
    <s v="KY"/>
    <s v="REV"/>
    <s v="974"/>
    <s v="GLBATCH"/>
    <n v="5"/>
    <n v="2016"/>
  </r>
  <r>
    <s v="110"/>
    <d v="2016-05-15T00:00:00"/>
    <x v="5"/>
    <x v="0"/>
    <s v="10828"/>
    <s v="GLNANDA"/>
    <n v="0"/>
    <n v="127"/>
    <s v="Billed Revenues"/>
    <s v="EXV"/>
    <s v="NONBU"/>
    <s v="G0000110"/>
    <s v="N"/>
    <s v="MACSS Dist Billed Revenue-03"/>
    <s v=""/>
    <x v="0"/>
    <s v="CAD0330520"/>
    <s v="S"/>
    <s v="KY"/>
    <s v="REV"/>
    <s v="974"/>
    <s v="GLBATCH"/>
    <n v="5"/>
    <n v="2016"/>
  </r>
  <r>
    <s v="110"/>
    <d v="2016-05-15T00:00:00"/>
    <x v="7"/>
    <x v="0"/>
    <s v="10828"/>
    <s v="GLNANDA"/>
    <n v="-48579.58"/>
    <n v="-395225"/>
    <s v="Billed Revenues"/>
    <s v="EXV"/>
    <s v="NONBU"/>
    <s v="G0000110"/>
    <s v="N"/>
    <s v="MACSS Dist Billed Revenue-03"/>
    <s v=""/>
    <x v="0"/>
    <s v="CAD0330520"/>
    <s v="S"/>
    <s v="KY"/>
    <s v="REV"/>
    <s v="974"/>
    <s v="GLBATCH"/>
    <n v="5"/>
    <n v="2016"/>
  </r>
  <r>
    <s v="110"/>
    <d v="2016-05-15T00:00:00"/>
    <x v="5"/>
    <x v="0"/>
    <s v="10828"/>
    <s v="GLNANDA"/>
    <n v="0"/>
    <n v="207"/>
    <s v="Billed Revenues"/>
    <s v="EXV"/>
    <s v="NONBU"/>
    <s v="G0000110"/>
    <s v="N"/>
    <s v="MACSS Dist Billed Revenue-03"/>
    <s v=""/>
    <x v="0"/>
    <s v="CAD0330523"/>
    <s v="S"/>
    <s v="KY"/>
    <s v="REV"/>
    <s v="974"/>
    <s v="GLBATCH"/>
    <n v="5"/>
    <n v="2016"/>
  </r>
  <r>
    <s v="110"/>
    <d v="2016-05-15T00:00:00"/>
    <x v="5"/>
    <x v="0"/>
    <s v="10828"/>
    <s v="GLNANDA"/>
    <n v="-98526.28"/>
    <n v="-788929"/>
    <s v="Billed Revenues"/>
    <s v="EXV"/>
    <s v="NONBU"/>
    <s v="G0000110"/>
    <s v="N"/>
    <s v="MACSS Dist Billed Revenue-03"/>
    <s v=""/>
    <x v="0"/>
    <s v="CAD0330523"/>
    <s v="S"/>
    <s v="KY"/>
    <s v="REV"/>
    <s v="974"/>
    <s v="GLBATCH"/>
    <n v="5"/>
    <n v="2016"/>
  </r>
  <r>
    <s v="110"/>
    <d v="2016-05-15T00:00:00"/>
    <x v="6"/>
    <x v="0"/>
    <s v="10828"/>
    <s v="GLNANDA"/>
    <n v="0"/>
    <n v="18"/>
    <s v="Billed Revenues"/>
    <s v="EXV"/>
    <s v="NONBU"/>
    <s v="G0000110"/>
    <s v="N"/>
    <s v="MACSS Dist Billed Revenue-03"/>
    <s v=""/>
    <x v="0"/>
    <s v="CAD0330523"/>
    <s v="S"/>
    <s v="KY"/>
    <s v="REV"/>
    <s v="974"/>
    <s v="GLBATCH"/>
    <n v="5"/>
    <n v="2016"/>
  </r>
  <r>
    <s v="110"/>
    <d v="2016-05-15T00:00:00"/>
    <x v="6"/>
    <x v="0"/>
    <s v="10828"/>
    <s v="GLNANDA"/>
    <n v="-1016.94"/>
    <n v="-2711"/>
    <s v="Billed Revenues"/>
    <s v="EXV"/>
    <s v="NONBU"/>
    <s v="G0000110"/>
    <s v="N"/>
    <s v="MACSS Dist Billed Revenue-03"/>
    <s v=""/>
    <x v="0"/>
    <s v="CAD0330523"/>
    <s v="S"/>
    <s v="KY"/>
    <s v="REV"/>
    <s v="974"/>
    <s v="GLBATCH"/>
    <n v="5"/>
    <n v="2016"/>
  </r>
  <r>
    <s v="110"/>
    <d v="2016-05-15T00:00:00"/>
    <x v="4"/>
    <x v="0"/>
    <s v="10828"/>
    <s v="GLNANDA"/>
    <n v="0"/>
    <n v="3994"/>
    <s v="Billed Revenues"/>
    <s v="EXV"/>
    <s v="NONBU"/>
    <s v="G0000110"/>
    <s v="N"/>
    <s v="MACSS Dist Billed Revenue-03"/>
    <s v=""/>
    <x v="0"/>
    <s v="CAD0330523"/>
    <s v="S"/>
    <s v="KY"/>
    <s v="REV"/>
    <s v="974"/>
    <s v="GLBATCH"/>
    <n v="5"/>
    <n v="2016"/>
  </r>
  <r>
    <s v="110"/>
    <d v="2016-05-15T00:00:00"/>
    <x v="4"/>
    <x v="0"/>
    <s v="10828"/>
    <s v="GLNANDA"/>
    <n v="-423629.17"/>
    <n v="-3444727"/>
    <s v="Billed Revenues"/>
    <s v="EXV"/>
    <s v="NONBU"/>
    <s v="G0000110"/>
    <s v="N"/>
    <s v="MACSS Dist Billed Revenue-03"/>
    <s v=""/>
    <x v="0"/>
    <s v="CAD0330523"/>
    <s v="S"/>
    <s v="KY"/>
    <s v="REV"/>
    <s v="974"/>
    <s v="GLBATCH"/>
    <n v="5"/>
    <n v="2016"/>
  </r>
  <r>
    <s v="110"/>
    <d v="2016-05-15T00:00:00"/>
    <x v="1"/>
    <x v="0"/>
    <s v="10828"/>
    <s v="GLNANDA"/>
    <n v="0"/>
    <n v="2584"/>
    <s v="Billed Revenues"/>
    <s v="EXV"/>
    <s v="NONBU"/>
    <s v="G0000110"/>
    <s v="N"/>
    <s v="MACSS Dist Billed Revenue-03"/>
    <s v=""/>
    <x v="0"/>
    <s v="CAD0330523"/>
    <s v="S"/>
    <s v="KY"/>
    <s v="REV"/>
    <s v="974"/>
    <s v="GLBATCH"/>
    <n v="5"/>
    <n v="2016"/>
  </r>
  <r>
    <s v="110"/>
    <d v="2016-05-15T00:00:00"/>
    <x v="1"/>
    <x v="0"/>
    <s v="10828"/>
    <s v="GLNANDA"/>
    <n v="-220653.76"/>
    <n v="-1723708"/>
    <s v="Billed Revenues"/>
    <s v="EXV"/>
    <s v="NONBU"/>
    <s v="G0000110"/>
    <s v="N"/>
    <s v="MACSS Dist Billed Revenue-03"/>
    <s v=""/>
    <x v="0"/>
    <s v="CAD0330523"/>
    <s v="S"/>
    <s v="KY"/>
    <s v="REV"/>
    <s v="974"/>
    <s v="GLBATCH"/>
    <n v="5"/>
    <n v="2016"/>
  </r>
  <r>
    <s v="110"/>
    <d v="2016-05-15T00:00:00"/>
    <x v="0"/>
    <x v="0"/>
    <s v="10828"/>
    <s v="GLNANDA"/>
    <n v="0"/>
    <n v="90"/>
    <s v="Billed Revenues"/>
    <s v="EXV"/>
    <s v="NONBU"/>
    <s v="G0000110"/>
    <s v="N"/>
    <s v="MACSS Dist Billed Revenue-03"/>
    <s v=""/>
    <x v="0"/>
    <s v="CAD0330523"/>
    <s v="S"/>
    <s v="KY"/>
    <s v="REV"/>
    <s v="974"/>
    <s v="GLBATCH"/>
    <n v="5"/>
    <n v="2016"/>
  </r>
  <r>
    <s v="110"/>
    <d v="2016-05-15T00:00:00"/>
    <x v="0"/>
    <x v="0"/>
    <s v="10828"/>
    <s v="GLNANDA"/>
    <n v="-6744.69"/>
    <n v="-37960"/>
    <s v="Billed Revenues"/>
    <s v="EXV"/>
    <s v="NONBU"/>
    <s v="G0000110"/>
    <s v="N"/>
    <s v="MACSS Dist Billed Revenue-03"/>
    <s v=""/>
    <x v="0"/>
    <s v="CAD0330523"/>
    <s v="S"/>
    <s v="KY"/>
    <s v="REV"/>
    <s v="974"/>
    <s v="GLBATCH"/>
    <n v="5"/>
    <n v="2016"/>
  </r>
  <r>
    <s v="110"/>
    <d v="2016-05-15T00:00:00"/>
    <x v="2"/>
    <x v="0"/>
    <s v="10828"/>
    <s v="GLNANDA"/>
    <n v="0"/>
    <n v="1287"/>
    <s v="Billed Revenues"/>
    <s v="EXV"/>
    <s v="NONBU"/>
    <s v="G0000110"/>
    <s v="N"/>
    <s v="MACSS Dist Billed Revenue-03"/>
    <s v=""/>
    <x v="0"/>
    <s v="CAD0330523"/>
    <s v="S"/>
    <s v="KY"/>
    <s v="REV"/>
    <s v="974"/>
    <s v="GLBATCH"/>
    <n v="5"/>
    <n v="2016"/>
  </r>
  <r>
    <s v="110"/>
    <d v="2016-05-15T00:00:00"/>
    <x v="2"/>
    <x v="0"/>
    <s v="10828"/>
    <s v="GLNANDA"/>
    <n v="-286790.63"/>
    <n v="-2120624"/>
    <s v="Billed Revenues"/>
    <s v="EXV"/>
    <s v="NONBU"/>
    <s v="G0000110"/>
    <s v="N"/>
    <s v="MACSS Dist Billed Revenue-03"/>
    <s v=""/>
    <x v="0"/>
    <s v="CAD0330523"/>
    <s v="S"/>
    <s v="KY"/>
    <s v="REV"/>
    <s v="974"/>
    <s v="GLBATCH"/>
    <n v="5"/>
    <n v="2016"/>
  </r>
  <r>
    <s v="110"/>
    <d v="2016-05-15T00:00:00"/>
    <x v="7"/>
    <x v="0"/>
    <s v="10828"/>
    <s v="GLNANDA"/>
    <n v="0"/>
    <n v="43"/>
    <s v="Billed Revenues"/>
    <s v="EXV"/>
    <s v="NONBU"/>
    <s v="G0000110"/>
    <s v="N"/>
    <s v="MACSS Dist Billed Revenue-03"/>
    <s v=""/>
    <x v="0"/>
    <s v="CAD0330523"/>
    <s v="S"/>
    <s v="KY"/>
    <s v="REV"/>
    <s v="974"/>
    <s v="GLBATCH"/>
    <n v="5"/>
    <n v="2016"/>
  </r>
  <r>
    <s v="110"/>
    <d v="2016-05-15T00:00:00"/>
    <x v="7"/>
    <x v="0"/>
    <s v="10828"/>
    <s v="GLNANDA"/>
    <n v="-83361.320000000007"/>
    <n v="-637846"/>
    <s v="Billed Revenues"/>
    <s v="EXV"/>
    <s v="NONBU"/>
    <s v="G0000110"/>
    <s v="N"/>
    <s v="MACSS Dist Billed Revenue-03"/>
    <s v=""/>
    <x v="0"/>
    <s v="CAD0330523"/>
    <s v="S"/>
    <s v="KY"/>
    <s v="REV"/>
    <s v="974"/>
    <s v="GLBATCH"/>
    <n v="5"/>
    <n v="2016"/>
  </r>
  <r>
    <s v="110"/>
    <d v="2016-05-15T00:00:00"/>
    <x v="3"/>
    <x v="0"/>
    <s v="10828"/>
    <s v="GLNANDA"/>
    <n v="0"/>
    <n v="14"/>
    <s v="Billed Revenues"/>
    <s v="EXV"/>
    <s v="NONBU"/>
    <s v="G0000110"/>
    <s v="N"/>
    <s v="MACSS Dist Billed Revenue-03"/>
    <s v=""/>
    <x v="0"/>
    <s v="CAD0330523"/>
    <s v="S"/>
    <s v="KY"/>
    <s v="REV"/>
    <s v="974"/>
    <s v="GLBATCH"/>
    <n v="5"/>
    <n v="2016"/>
  </r>
  <r>
    <s v="110"/>
    <d v="2016-05-15T00:00:00"/>
    <x v="3"/>
    <x v="0"/>
    <s v="10828"/>
    <s v="GLNANDA"/>
    <n v="-87245.25"/>
    <n v="-729722"/>
    <s v="Billed Revenues"/>
    <s v="EXV"/>
    <s v="NONBU"/>
    <s v="G0000110"/>
    <s v="N"/>
    <s v="MACSS Dist Billed Revenue-03"/>
    <s v=""/>
    <x v="0"/>
    <s v="CAD0330523"/>
    <s v="S"/>
    <s v="KY"/>
    <s v="REV"/>
    <s v="974"/>
    <s v="GLBATCH"/>
    <n v="5"/>
    <n v="2016"/>
  </r>
  <r>
    <s v="110"/>
    <d v="2016-05-15T00:00:00"/>
    <x v="6"/>
    <x v="0"/>
    <s v="10828"/>
    <s v="GLNANDA"/>
    <n v="0"/>
    <n v="9"/>
    <s v="Billed Revenues"/>
    <s v="EXV"/>
    <s v="NONBU"/>
    <s v="G0000110"/>
    <s v="N"/>
    <s v="MACSS Dist Billed Revenue-03"/>
    <s v=""/>
    <x v="0"/>
    <s v="CAD0330524"/>
    <s v="S"/>
    <s v="KY"/>
    <s v="REV"/>
    <s v="974"/>
    <s v="GLBATCH"/>
    <n v="5"/>
    <n v="2016"/>
  </r>
  <r>
    <s v="110"/>
    <d v="2016-05-15T00:00:00"/>
    <x v="6"/>
    <x v="0"/>
    <s v="10828"/>
    <s v="GLNANDA"/>
    <n v="-434.16"/>
    <n v="-1754"/>
    <s v="Billed Revenues"/>
    <s v="EXV"/>
    <s v="NONBU"/>
    <s v="G0000110"/>
    <s v="N"/>
    <s v="MACSS Dist Billed Revenue-03"/>
    <s v=""/>
    <x v="0"/>
    <s v="CAD0330524"/>
    <s v="S"/>
    <s v="KY"/>
    <s v="REV"/>
    <s v="974"/>
    <s v="GLBATCH"/>
    <n v="5"/>
    <n v="2016"/>
  </r>
  <r>
    <s v="110"/>
    <d v="2016-05-15T00:00:00"/>
    <x v="4"/>
    <x v="0"/>
    <s v="10828"/>
    <s v="GLNANDA"/>
    <n v="0"/>
    <n v="4120"/>
    <s v="Billed Revenues"/>
    <s v="EXV"/>
    <s v="NONBU"/>
    <s v="G0000110"/>
    <s v="N"/>
    <s v="MACSS Dist Billed Revenue-03"/>
    <s v=""/>
    <x v="0"/>
    <s v="CAD0330524"/>
    <s v="S"/>
    <s v="KY"/>
    <s v="REV"/>
    <s v="974"/>
    <s v="GLBATCH"/>
    <n v="5"/>
    <n v="2016"/>
  </r>
  <r>
    <s v="110"/>
    <d v="2016-05-15T00:00:00"/>
    <x v="2"/>
    <x v="0"/>
    <s v="10828"/>
    <s v="GLNANDA"/>
    <n v="0"/>
    <n v="1086"/>
    <s v="Billed Revenues"/>
    <s v="EXV"/>
    <s v="NONBU"/>
    <s v="G0000110"/>
    <s v="N"/>
    <s v="MACSS Dist Billed Revenue-03"/>
    <s v=""/>
    <x v="0"/>
    <s v="CAD0330524"/>
    <s v="S"/>
    <s v="KY"/>
    <s v="REV"/>
    <s v="974"/>
    <s v="GLBATCH"/>
    <n v="5"/>
    <n v="2016"/>
  </r>
  <r>
    <s v="110"/>
    <d v="2016-05-15T00:00:00"/>
    <x v="2"/>
    <x v="0"/>
    <s v="10828"/>
    <s v="GLNANDA"/>
    <n v="-231970.4"/>
    <n v="-1706014"/>
    <s v="Billed Revenues"/>
    <s v="EXV"/>
    <s v="NONBU"/>
    <s v="G0000110"/>
    <s v="N"/>
    <s v="MACSS Dist Billed Revenue-03"/>
    <s v=""/>
    <x v="0"/>
    <s v="CAD0330524"/>
    <s v="S"/>
    <s v="KY"/>
    <s v="REV"/>
    <s v="974"/>
    <s v="GLBATCH"/>
    <n v="5"/>
    <n v="2016"/>
  </r>
  <r>
    <s v="110"/>
    <d v="2016-05-15T00:00:00"/>
    <x v="7"/>
    <x v="0"/>
    <s v="10828"/>
    <s v="GLNANDA"/>
    <n v="-94867.39"/>
    <n v="-808182"/>
    <s v="Billed Revenues"/>
    <s v="EXV"/>
    <s v="NONBU"/>
    <s v="G0000110"/>
    <s v="N"/>
    <s v="MACSS Dist Billed Revenue-03"/>
    <s v=""/>
    <x v="0"/>
    <s v="CAD0330524"/>
    <s v="S"/>
    <s v="KY"/>
    <s v="REV"/>
    <s v="974"/>
    <s v="GLBATCH"/>
    <n v="5"/>
    <n v="2016"/>
  </r>
  <r>
    <s v="110"/>
    <d v="2016-05-15T00:00:00"/>
    <x v="7"/>
    <x v="0"/>
    <s v="10828"/>
    <s v="GLNANDA"/>
    <n v="0"/>
    <n v="44"/>
    <s v="Billed Revenues"/>
    <s v="EXV"/>
    <s v="NONBU"/>
    <s v="G0000110"/>
    <s v="N"/>
    <s v="MACSS Dist Billed Revenue-03"/>
    <s v=""/>
    <x v="0"/>
    <s v="CAD0330524"/>
    <s v="S"/>
    <s v="KY"/>
    <s v="REV"/>
    <s v="974"/>
    <s v="GLBATCH"/>
    <n v="5"/>
    <n v="2016"/>
  </r>
  <r>
    <s v="110"/>
    <d v="2016-05-15T00:00:00"/>
    <x v="3"/>
    <x v="0"/>
    <s v="10828"/>
    <s v="GLNANDA"/>
    <n v="0"/>
    <n v="9"/>
    <s v="Billed Revenues"/>
    <s v="EXV"/>
    <s v="NONBU"/>
    <s v="G0000110"/>
    <s v="N"/>
    <s v="MACSS Dist Billed Revenue-03"/>
    <s v=""/>
    <x v="0"/>
    <s v="CAD0330524"/>
    <s v="S"/>
    <s v="KY"/>
    <s v="REV"/>
    <s v="974"/>
    <s v="GLBATCH"/>
    <n v="5"/>
    <n v="2016"/>
  </r>
  <r>
    <s v="110"/>
    <d v="2016-05-15T00:00:00"/>
    <x v="3"/>
    <x v="0"/>
    <s v="10828"/>
    <s v="GLNANDA"/>
    <n v="-230406.9"/>
    <n v="-2486614"/>
    <s v="Billed Revenues"/>
    <s v="EXV"/>
    <s v="NONBU"/>
    <s v="G0000110"/>
    <s v="N"/>
    <s v="MACSS Dist Billed Revenue-03"/>
    <s v=""/>
    <x v="0"/>
    <s v="CAD0330524"/>
    <s v="S"/>
    <s v="KY"/>
    <s v="REV"/>
    <s v="974"/>
    <s v="GLBATCH"/>
    <n v="5"/>
    <n v="2016"/>
  </r>
  <r>
    <s v="110"/>
    <d v="2016-05-15T00:00:00"/>
    <x v="5"/>
    <x v="0"/>
    <s v="10828"/>
    <s v="GLNANDA"/>
    <n v="-35636.699999999997"/>
    <n v="-265641"/>
    <s v="Billed Revenues"/>
    <s v="EXV"/>
    <s v="NONBU"/>
    <s v="G0000110"/>
    <s v="N"/>
    <s v="MACSS Dist Billed Revenue-03"/>
    <s v=""/>
    <x v="0"/>
    <s v="CAD0330524"/>
    <s v="S"/>
    <s v="KY"/>
    <s v="REV"/>
    <s v="974"/>
    <s v="GLBATCH"/>
    <n v="5"/>
    <n v="2016"/>
  </r>
  <r>
    <s v="110"/>
    <d v="2016-05-15T00:00:00"/>
    <x v="5"/>
    <x v="0"/>
    <s v="10828"/>
    <s v="GLNANDA"/>
    <n v="0"/>
    <n v="112"/>
    <s v="Billed Revenues"/>
    <s v="EXV"/>
    <s v="NONBU"/>
    <s v="G0000110"/>
    <s v="N"/>
    <s v="MACSS Dist Billed Revenue-03"/>
    <s v=""/>
    <x v="0"/>
    <s v="CAD0330524"/>
    <s v="S"/>
    <s v="KY"/>
    <s v="REV"/>
    <s v="974"/>
    <s v="GLBATCH"/>
    <n v="5"/>
    <n v="2016"/>
  </r>
  <r>
    <s v="110"/>
    <d v="2016-05-15T00:00:00"/>
    <x v="0"/>
    <x v="0"/>
    <s v="10828"/>
    <s v="GLNANDA"/>
    <n v="-34067.279999999999"/>
    <n v="-260707"/>
    <s v="Billed Revenues"/>
    <s v="EXV"/>
    <s v="NONBU"/>
    <s v="G0000110"/>
    <s v="N"/>
    <s v="MACSS Dist Billed Revenue-03"/>
    <s v=""/>
    <x v="0"/>
    <s v="CAD0330524"/>
    <s v="S"/>
    <s v="KY"/>
    <s v="REV"/>
    <s v="974"/>
    <s v="GLBATCH"/>
    <n v="5"/>
    <n v="2016"/>
  </r>
  <r>
    <s v="110"/>
    <d v="2016-05-15T00:00:00"/>
    <x v="0"/>
    <x v="0"/>
    <s v="10828"/>
    <s v="GLNANDA"/>
    <n v="0"/>
    <n v="37"/>
    <s v="Billed Revenues"/>
    <s v="EXV"/>
    <s v="NONBU"/>
    <s v="G0000110"/>
    <s v="N"/>
    <s v="MACSS Dist Billed Revenue-03"/>
    <s v=""/>
    <x v="0"/>
    <s v="CAD0330524"/>
    <s v="S"/>
    <s v="KY"/>
    <s v="REV"/>
    <s v="974"/>
    <s v="GLBATCH"/>
    <n v="5"/>
    <n v="2016"/>
  </r>
  <r>
    <s v="110"/>
    <d v="2016-05-15T00:00:00"/>
    <x v="1"/>
    <x v="0"/>
    <s v="10828"/>
    <s v="GLNANDA"/>
    <n v="0"/>
    <n v="2301"/>
    <s v="Billed Revenues"/>
    <s v="EXV"/>
    <s v="NONBU"/>
    <s v="G0000110"/>
    <s v="N"/>
    <s v="MACSS Dist Billed Revenue-03"/>
    <s v=""/>
    <x v="0"/>
    <s v="CAD0330524"/>
    <s v="S"/>
    <s v="KY"/>
    <s v="REV"/>
    <s v="974"/>
    <s v="GLBATCH"/>
    <n v="5"/>
    <n v="2016"/>
  </r>
  <r>
    <s v="110"/>
    <d v="2016-05-15T00:00:00"/>
    <x v="1"/>
    <x v="0"/>
    <s v="10828"/>
    <s v="GLNANDA"/>
    <n v="-207495.46"/>
    <n v="-1634664"/>
    <s v="Billed Revenues"/>
    <s v="EXV"/>
    <s v="NONBU"/>
    <s v="G0000110"/>
    <s v="N"/>
    <s v="MACSS Dist Billed Revenue-03"/>
    <s v=""/>
    <x v="0"/>
    <s v="CAD0330524"/>
    <s v="S"/>
    <s v="KY"/>
    <s v="REV"/>
    <s v="974"/>
    <s v="GLBATCH"/>
    <n v="5"/>
    <n v="2016"/>
  </r>
  <r>
    <s v="110"/>
    <d v="2016-05-15T00:00:00"/>
    <x v="4"/>
    <x v="0"/>
    <s v="10828"/>
    <s v="GLNANDA"/>
    <n v="-446995.39"/>
    <n v="-3650552"/>
    <s v="Billed Revenues"/>
    <s v="EXV"/>
    <s v="NONBU"/>
    <s v="G0000110"/>
    <s v="N"/>
    <s v="MACSS Dist Billed Revenue-03"/>
    <s v=""/>
    <x v="0"/>
    <s v="CAD0330524"/>
    <s v="S"/>
    <s v="KY"/>
    <s v="REV"/>
    <s v="974"/>
    <s v="GLBATCH"/>
    <n v="5"/>
    <n v="2016"/>
  </r>
  <r>
    <s v="110"/>
    <d v="2016-05-15T00:00:00"/>
    <x v="4"/>
    <x v="0"/>
    <s v="10828"/>
    <s v="GLNANDA"/>
    <n v="0"/>
    <n v="3596"/>
    <s v="Billed Revenues"/>
    <s v="EXV"/>
    <s v="NONBU"/>
    <s v="G0000110"/>
    <s v="N"/>
    <s v="MACSS Dist Billed Revenue-03"/>
    <s v=""/>
    <x v="0"/>
    <s v="CAD0330525"/>
    <s v="S"/>
    <s v="KY"/>
    <s v="REV"/>
    <s v="974"/>
    <s v="GLBATCH"/>
    <n v="5"/>
    <n v="2016"/>
  </r>
  <r>
    <s v="110"/>
    <d v="2016-05-15T00:00:00"/>
    <x v="5"/>
    <x v="0"/>
    <s v="10828"/>
    <s v="GLNANDA"/>
    <n v="-44020.160000000003"/>
    <n v="-316975"/>
    <s v="Billed Revenues"/>
    <s v="EXV"/>
    <s v="NONBU"/>
    <s v="G0000110"/>
    <s v="N"/>
    <s v="MACSS Dist Billed Revenue-03"/>
    <s v=""/>
    <x v="0"/>
    <s v="CAD0330525"/>
    <s v="S"/>
    <s v="KY"/>
    <s v="REV"/>
    <s v="974"/>
    <s v="GLBATCH"/>
    <n v="5"/>
    <n v="2016"/>
  </r>
  <r>
    <s v="110"/>
    <d v="2016-05-15T00:00:00"/>
    <x v="5"/>
    <x v="0"/>
    <s v="10828"/>
    <s v="GLNANDA"/>
    <n v="0"/>
    <n v="132"/>
    <s v="Billed Revenues"/>
    <s v="EXV"/>
    <s v="NONBU"/>
    <s v="G0000110"/>
    <s v="N"/>
    <s v="MACSS Dist Billed Revenue-03"/>
    <s v=""/>
    <x v="0"/>
    <s v="CAD0330525"/>
    <s v="S"/>
    <s v="KY"/>
    <s v="REV"/>
    <s v="974"/>
    <s v="GLBATCH"/>
    <n v="5"/>
    <n v="2016"/>
  </r>
  <r>
    <s v="110"/>
    <d v="2016-05-15T00:00:00"/>
    <x v="2"/>
    <x v="0"/>
    <s v="10828"/>
    <s v="GLNANDA"/>
    <n v="0"/>
    <n v="1233"/>
    <s v="Billed Revenues"/>
    <s v="EXV"/>
    <s v="NONBU"/>
    <s v="G0000110"/>
    <s v="N"/>
    <s v="MACSS Dist Billed Revenue-03"/>
    <s v=""/>
    <x v="0"/>
    <s v="CAD0330525"/>
    <s v="S"/>
    <s v="KY"/>
    <s v="REV"/>
    <s v="974"/>
    <s v="GLBATCH"/>
    <n v="5"/>
    <n v="2016"/>
  </r>
  <r>
    <s v="110"/>
    <d v="2016-05-15T00:00:00"/>
    <x v="2"/>
    <x v="0"/>
    <s v="10828"/>
    <s v="GLNANDA"/>
    <n v="-236776.67"/>
    <n v="-1781252"/>
    <s v="Billed Revenues"/>
    <s v="EXV"/>
    <s v="NONBU"/>
    <s v="G0000110"/>
    <s v="N"/>
    <s v="MACSS Dist Billed Revenue-03"/>
    <s v=""/>
    <x v="0"/>
    <s v="CAD0330525"/>
    <s v="S"/>
    <s v="KY"/>
    <s v="REV"/>
    <s v="974"/>
    <s v="GLBATCH"/>
    <n v="5"/>
    <n v="2016"/>
  </r>
  <r>
    <s v="110"/>
    <d v="2016-05-15T00:00:00"/>
    <x v="6"/>
    <x v="0"/>
    <s v="10828"/>
    <s v="GLNANDA"/>
    <n v="-864.61"/>
    <n v="-1931"/>
    <s v="Billed Revenues"/>
    <s v="EXV"/>
    <s v="NONBU"/>
    <s v="G0000110"/>
    <s v="N"/>
    <s v="MACSS Dist Billed Revenue-03"/>
    <s v=""/>
    <x v="0"/>
    <s v="CAD0330525"/>
    <s v="S"/>
    <s v="KY"/>
    <s v="REV"/>
    <s v="974"/>
    <s v="GLBATCH"/>
    <n v="5"/>
    <n v="2016"/>
  </r>
  <r>
    <s v="110"/>
    <d v="2016-05-15T00:00:00"/>
    <x v="6"/>
    <x v="0"/>
    <s v="10828"/>
    <s v="GLNANDA"/>
    <n v="0"/>
    <n v="2"/>
    <s v="Billed Revenues"/>
    <s v="EXV"/>
    <s v="NONBU"/>
    <s v="G0000110"/>
    <s v="N"/>
    <s v="MACSS Dist Billed Revenue-03"/>
    <s v=""/>
    <x v="0"/>
    <s v="CAD0330525"/>
    <s v="S"/>
    <s v="KY"/>
    <s v="REV"/>
    <s v="974"/>
    <s v="GLBATCH"/>
    <n v="5"/>
    <n v="2016"/>
  </r>
  <r>
    <s v="110"/>
    <d v="2016-05-15T00:00:00"/>
    <x v="3"/>
    <x v="0"/>
    <s v="10828"/>
    <s v="GLNANDA"/>
    <n v="0"/>
    <n v="13"/>
    <s v="Billed Revenues"/>
    <s v="EXV"/>
    <s v="NONBU"/>
    <s v="G0000110"/>
    <s v="N"/>
    <s v="MACSS Dist Billed Revenue-03"/>
    <s v=""/>
    <x v="0"/>
    <s v="CAD0330525"/>
    <s v="S"/>
    <s v="KY"/>
    <s v="REV"/>
    <s v="974"/>
    <s v="GLBATCH"/>
    <n v="5"/>
    <n v="2016"/>
  </r>
  <r>
    <s v="110"/>
    <d v="2016-05-15T00:00:00"/>
    <x v="7"/>
    <x v="0"/>
    <s v="10828"/>
    <s v="GLNANDA"/>
    <n v="0"/>
    <n v="33"/>
    <s v="Billed Revenues"/>
    <s v="EXV"/>
    <s v="NONBU"/>
    <s v="G0000110"/>
    <s v="N"/>
    <s v="MACSS Dist Billed Revenue-03"/>
    <s v=""/>
    <x v="0"/>
    <s v="CAD0330525"/>
    <s v="S"/>
    <s v="KY"/>
    <s v="REV"/>
    <s v="974"/>
    <s v="GLBATCH"/>
    <n v="5"/>
    <n v="2016"/>
  </r>
  <r>
    <s v="110"/>
    <d v="2016-05-15T00:00:00"/>
    <x v="0"/>
    <x v="0"/>
    <s v="10828"/>
    <s v="GLNANDA"/>
    <n v="-597231.32999999996"/>
    <n v="-8823389"/>
    <s v="Billed Revenues"/>
    <s v="EXV"/>
    <s v="NONBU"/>
    <s v="G0000110"/>
    <s v="N"/>
    <s v="MACSS Dist Billed Revenue-03"/>
    <s v=""/>
    <x v="0"/>
    <s v="CAD0330525"/>
    <s v="S"/>
    <s v="KY"/>
    <s v="REV"/>
    <s v="974"/>
    <s v="GLBATCH"/>
    <n v="5"/>
    <n v="2016"/>
  </r>
  <r>
    <s v="110"/>
    <d v="2016-05-15T00:00:00"/>
    <x v="0"/>
    <x v="0"/>
    <s v="10828"/>
    <s v="GLNANDA"/>
    <n v="0"/>
    <n v="33"/>
    <s v="Billed Revenues"/>
    <s v="EXV"/>
    <s v="NONBU"/>
    <s v="G0000110"/>
    <s v="N"/>
    <s v="MACSS Dist Billed Revenue-03"/>
    <s v=""/>
    <x v="0"/>
    <s v="CAD0330525"/>
    <s v="S"/>
    <s v="KY"/>
    <s v="REV"/>
    <s v="974"/>
    <s v="GLBATCH"/>
    <n v="5"/>
    <n v="2016"/>
  </r>
  <r>
    <s v="110"/>
    <d v="2016-05-15T00:00:00"/>
    <x v="1"/>
    <x v="0"/>
    <s v="10828"/>
    <s v="GLNANDA"/>
    <n v="0"/>
    <n v="2077"/>
    <s v="Billed Revenues"/>
    <s v="EXV"/>
    <s v="NONBU"/>
    <s v="G0000110"/>
    <s v="N"/>
    <s v="MACSS Dist Billed Revenue-03"/>
    <s v=""/>
    <x v="0"/>
    <s v="CAD0330525"/>
    <s v="S"/>
    <s v="KY"/>
    <s v="REV"/>
    <s v="974"/>
    <s v="GLBATCH"/>
    <n v="5"/>
    <n v="2016"/>
  </r>
  <r>
    <s v="110"/>
    <d v="2016-05-15T00:00:00"/>
    <x v="1"/>
    <x v="0"/>
    <s v="10828"/>
    <s v="GLNANDA"/>
    <n v="-173315.36"/>
    <n v="-1332204"/>
    <s v="Billed Revenues"/>
    <s v="EXV"/>
    <s v="NONBU"/>
    <s v="G0000110"/>
    <s v="N"/>
    <s v="MACSS Dist Billed Revenue-03"/>
    <s v=""/>
    <x v="0"/>
    <s v="CAD0330525"/>
    <s v="S"/>
    <s v="KY"/>
    <s v="REV"/>
    <s v="974"/>
    <s v="GLBATCH"/>
    <n v="5"/>
    <n v="2016"/>
  </r>
  <r>
    <s v="110"/>
    <d v="2016-05-15T00:00:00"/>
    <x v="4"/>
    <x v="0"/>
    <s v="10828"/>
    <s v="GLNANDA"/>
    <n v="-376392.5"/>
    <n v="-3031243"/>
    <s v="Billed Revenues"/>
    <s v="EXV"/>
    <s v="NONBU"/>
    <s v="G0000110"/>
    <s v="N"/>
    <s v="MACSS Dist Billed Revenue-03"/>
    <s v=""/>
    <x v="0"/>
    <s v="CAD0330525"/>
    <s v="S"/>
    <s v="KY"/>
    <s v="REV"/>
    <s v="974"/>
    <s v="GLBATCH"/>
    <n v="5"/>
    <n v="2016"/>
  </r>
  <r>
    <s v="110"/>
    <d v="2016-05-15T00:00:00"/>
    <x v="3"/>
    <x v="0"/>
    <s v="10828"/>
    <s v="GLNANDA"/>
    <n v="-232870.53"/>
    <n v="-2896081"/>
    <s v="Billed Revenues"/>
    <s v="EXV"/>
    <s v="NONBU"/>
    <s v="G0000110"/>
    <s v="N"/>
    <s v="MACSS Dist Billed Revenue-03"/>
    <s v=""/>
    <x v="0"/>
    <s v="CAD0330525"/>
    <s v="S"/>
    <s v="KY"/>
    <s v="REV"/>
    <s v="974"/>
    <s v="GLBATCH"/>
    <n v="5"/>
    <n v="2016"/>
  </r>
  <r>
    <s v="110"/>
    <d v="2016-05-15T00:00:00"/>
    <x v="7"/>
    <x v="0"/>
    <s v="10828"/>
    <s v="GLNANDA"/>
    <n v="-53348.7"/>
    <n v="-436940"/>
    <s v="Billed Revenues"/>
    <s v="EXV"/>
    <s v="NONBU"/>
    <s v="G0000110"/>
    <s v="N"/>
    <s v="MACSS Dist Billed Revenue-03"/>
    <s v=""/>
    <x v="0"/>
    <s v="CAD0330525"/>
    <s v="S"/>
    <s v="KY"/>
    <s v="REV"/>
    <s v="974"/>
    <s v="GLBATCH"/>
    <n v="5"/>
    <n v="2016"/>
  </r>
  <r>
    <s v="110"/>
    <d v="2016-05-15T00:00:00"/>
    <x v="1"/>
    <x v="0"/>
    <s v="10828"/>
    <s v="GLNANDA"/>
    <n v="-224506.26"/>
    <n v="-1750005"/>
    <s v="Billed Revenues"/>
    <s v="EXV"/>
    <s v="NONBU"/>
    <s v="G0000110"/>
    <s v="N"/>
    <s v="MACSS Dist Billed Revenue-03"/>
    <s v=""/>
    <x v="0"/>
    <s v="CAD0330526"/>
    <s v="S"/>
    <s v="KY"/>
    <s v="REV"/>
    <s v="974"/>
    <s v="GLBATCH"/>
    <n v="5"/>
    <n v="2016"/>
  </r>
  <r>
    <s v="110"/>
    <d v="2016-05-15T00:00:00"/>
    <x v="1"/>
    <x v="0"/>
    <s v="10828"/>
    <s v="GLNANDA"/>
    <n v="0"/>
    <n v="2647"/>
    <s v="Billed Revenues"/>
    <s v="EXV"/>
    <s v="NONBU"/>
    <s v="G0000110"/>
    <s v="N"/>
    <s v="MACSS Dist Billed Revenue-03"/>
    <s v=""/>
    <x v="0"/>
    <s v="CAD0330526"/>
    <s v="S"/>
    <s v="KY"/>
    <s v="REV"/>
    <s v="974"/>
    <s v="GLBATCH"/>
    <n v="5"/>
    <n v="2016"/>
  </r>
  <r>
    <s v="110"/>
    <d v="2016-05-15T00:00:00"/>
    <x v="2"/>
    <x v="0"/>
    <s v="10828"/>
    <s v="GLNANDA"/>
    <n v="-500865.36"/>
    <n v="-4059718"/>
    <s v="Billed Revenues"/>
    <s v="EXV"/>
    <s v="NONBU"/>
    <s v="G0000110"/>
    <s v="N"/>
    <s v="MACSS Dist Billed Revenue-03"/>
    <s v=""/>
    <x v="0"/>
    <s v="CAD0330526"/>
    <s v="S"/>
    <s v="KY"/>
    <s v="REV"/>
    <s v="974"/>
    <s v="GLBATCH"/>
    <n v="5"/>
    <n v="2016"/>
  </r>
  <r>
    <s v="110"/>
    <d v="2016-05-15T00:00:00"/>
    <x v="4"/>
    <x v="0"/>
    <s v="10828"/>
    <s v="GLNANDA"/>
    <n v="-398922.12"/>
    <n v="-3209204"/>
    <s v="Billed Revenues"/>
    <s v="EXV"/>
    <s v="NONBU"/>
    <s v="G0000110"/>
    <s v="N"/>
    <s v="MACSS Dist Billed Revenue-03"/>
    <s v=""/>
    <x v="0"/>
    <s v="CAD0330526"/>
    <s v="S"/>
    <s v="KY"/>
    <s v="REV"/>
    <s v="974"/>
    <s v="GLBATCH"/>
    <n v="5"/>
    <n v="2016"/>
  </r>
  <r>
    <s v="110"/>
    <d v="2016-05-15T00:00:00"/>
    <x v="4"/>
    <x v="0"/>
    <s v="10828"/>
    <s v="GLNANDA"/>
    <n v="0"/>
    <n v="4053"/>
    <s v="Billed Revenues"/>
    <s v="EXV"/>
    <s v="NONBU"/>
    <s v="G0000110"/>
    <s v="N"/>
    <s v="MACSS Dist Billed Revenue-03"/>
    <s v=""/>
    <x v="0"/>
    <s v="CAD0330526"/>
    <s v="S"/>
    <s v="KY"/>
    <s v="REV"/>
    <s v="974"/>
    <s v="GLBATCH"/>
    <n v="5"/>
    <n v="2016"/>
  </r>
  <r>
    <s v="110"/>
    <d v="2016-05-15T00:00:00"/>
    <x v="6"/>
    <x v="0"/>
    <s v="10828"/>
    <s v="GLNANDA"/>
    <n v="-752.87"/>
    <n v="-3342"/>
    <s v="Billed Revenues"/>
    <s v="EXV"/>
    <s v="NONBU"/>
    <s v="G0000110"/>
    <s v="N"/>
    <s v="MACSS Dist Billed Revenue-03"/>
    <s v=""/>
    <x v="0"/>
    <s v="CAD0330526"/>
    <s v="S"/>
    <s v="KY"/>
    <s v="REV"/>
    <s v="974"/>
    <s v="GLBATCH"/>
    <n v="5"/>
    <n v="2016"/>
  </r>
  <r>
    <s v="110"/>
    <d v="2016-05-15T00:00:00"/>
    <x v="6"/>
    <x v="0"/>
    <s v="10828"/>
    <s v="GLNANDA"/>
    <n v="0"/>
    <n v="17"/>
    <s v="Billed Revenues"/>
    <s v="EXV"/>
    <s v="NONBU"/>
    <s v="G0000110"/>
    <s v="N"/>
    <s v="MACSS Dist Billed Revenue-03"/>
    <s v=""/>
    <x v="0"/>
    <s v="CAD0330526"/>
    <s v="S"/>
    <s v="KY"/>
    <s v="REV"/>
    <s v="974"/>
    <s v="GLBATCH"/>
    <n v="5"/>
    <n v="2016"/>
  </r>
  <r>
    <s v="110"/>
    <d v="2016-05-15T00:00:00"/>
    <x v="7"/>
    <x v="0"/>
    <s v="10828"/>
    <s v="GLNANDA"/>
    <n v="-37035.519999999997"/>
    <n v="-297575"/>
    <s v="Billed Revenues"/>
    <s v="EXV"/>
    <s v="NONBU"/>
    <s v="G0000110"/>
    <s v="N"/>
    <s v="MACSS Dist Billed Revenue-03"/>
    <s v=""/>
    <x v="0"/>
    <s v="CAD0330526"/>
    <s v="S"/>
    <s v="KY"/>
    <s v="REV"/>
    <s v="974"/>
    <s v="GLBATCH"/>
    <n v="5"/>
    <n v="2016"/>
  </r>
  <r>
    <s v="110"/>
    <d v="2016-05-15T00:00:00"/>
    <x v="7"/>
    <x v="0"/>
    <s v="10828"/>
    <s v="GLNANDA"/>
    <n v="0"/>
    <n v="32"/>
    <s v="Billed Revenues"/>
    <s v="EXV"/>
    <s v="NONBU"/>
    <s v="G0000110"/>
    <s v="N"/>
    <s v="MACSS Dist Billed Revenue-03"/>
    <s v=""/>
    <x v="0"/>
    <s v="CAD0330526"/>
    <s v="S"/>
    <s v="KY"/>
    <s v="REV"/>
    <s v="974"/>
    <s v="GLBATCH"/>
    <n v="5"/>
    <n v="2016"/>
  </r>
  <r>
    <s v="110"/>
    <d v="2016-05-15T00:00:00"/>
    <x v="0"/>
    <x v="0"/>
    <s v="10828"/>
    <s v="GLNANDA"/>
    <n v="-51843.360000000001"/>
    <n v="-479527"/>
    <s v="Billed Revenues"/>
    <s v="EXV"/>
    <s v="NONBU"/>
    <s v="G0000110"/>
    <s v="N"/>
    <s v="MACSS Dist Billed Revenue-03"/>
    <s v=""/>
    <x v="0"/>
    <s v="CAD0330526"/>
    <s v="S"/>
    <s v="KY"/>
    <s v="REV"/>
    <s v="974"/>
    <s v="GLBATCH"/>
    <n v="5"/>
    <n v="2016"/>
  </r>
  <r>
    <s v="110"/>
    <d v="2016-05-15T00:00:00"/>
    <x v="5"/>
    <x v="0"/>
    <s v="10828"/>
    <s v="GLNANDA"/>
    <n v="0"/>
    <n v="150"/>
    <s v="Billed Revenues"/>
    <s v="EXV"/>
    <s v="NONBU"/>
    <s v="G0000110"/>
    <s v="N"/>
    <s v="MACSS Dist Billed Revenue-03"/>
    <s v=""/>
    <x v="0"/>
    <s v="CAD0330526"/>
    <s v="S"/>
    <s v="KY"/>
    <s v="REV"/>
    <s v="974"/>
    <s v="GLBATCH"/>
    <n v="5"/>
    <n v="2016"/>
  </r>
  <r>
    <s v="110"/>
    <d v="2016-05-15T00:00:00"/>
    <x v="5"/>
    <x v="0"/>
    <s v="10828"/>
    <s v="GLNANDA"/>
    <n v="-61636.95"/>
    <n v="-454510"/>
    <s v="Billed Revenues"/>
    <s v="EXV"/>
    <s v="NONBU"/>
    <s v="G0000110"/>
    <s v="N"/>
    <s v="MACSS Dist Billed Revenue-03"/>
    <s v=""/>
    <x v="0"/>
    <s v="CAD0330526"/>
    <s v="S"/>
    <s v="KY"/>
    <s v="REV"/>
    <s v="974"/>
    <s v="GLBATCH"/>
    <n v="5"/>
    <n v="2016"/>
  </r>
  <r>
    <s v="110"/>
    <d v="2016-05-15T00:00:00"/>
    <x v="0"/>
    <x v="0"/>
    <s v="10828"/>
    <s v="GLNANDA"/>
    <n v="0"/>
    <n v="51"/>
    <s v="Billed Revenues"/>
    <s v="EXV"/>
    <s v="NONBU"/>
    <s v="G0000110"/>
    <s v="N"/>
    <s v="MACSS Dist Billed Revenue-03"/>
    <s v=""/>
    <x v="0"/>
    <s v="CAD0330526"/>
    <s v="S"/>
    <s v="KY"/>
    <s v="REV"/>
    <s v="974"/>
    <s v="GLBATCH"/>
    <n v="5"/>
    <n v="2016"/>
  </r>
  <r>
    <s v="110"/>
    <d v="2016-05-15T00:00:00"/>
    <x v="3"/>
    <x v="0"/>
    <s v="10828"/>
    <s v="GLNANDA"/>
    <n v="-182047.38"/>
    <n v="-2257032"/>
    <s v="Billed Revenues"/>
    <s v="EXV"/>
    <s v="NONBU"/>
    <s v="G0000110"/>
    <s v="N"/>
    <s v="MACSS Dist Billed Revenue-03"/>
    <s v=""/>
    <x v="0"/>
    <s v="CAD0330526"/>
    <s v="S"/>
    <s v="KY"/>
    <s v="REV"/>
    <s v="974"/>
    <s v="GLBATCH"/>
    <n v="5"/>
    <n v="2016"/>
  </r>
  <r>
    <s v="110"/>
    <d v="2016-05-15T00:00:00"/>
    <x v="3"/>
    <x v="0"/>
    <s v="10828"/>
    <s v="GLNANDA"/>
    <n v="0"/>
    <n v="26"/>
    <s v="Billed Revenues"/>
    <s v="EXV"/>
    <s v="NONBU"/>
    <s v="G0000110"/>
    <s v="N"/>
    <s v="MACSS Dist Billed Revenue-03"/>
    <s v=""/>
    <x v="0"/>
    <s v="CAD0330526"/>
    <s v="S"/>
    <s v="KY"/>
    <s v="REV"/>
    <s v="974"/>
    <s v="GLBATCH"/>
    <n v="5"/>
    <n v="2016"/>
  </r>
  <r>
    <s v="110"/>
    <d v="2016-05-15T00:00:00"/>
    <x v="2"/>
    <x v="0"/>
    <s v="10828"/>
    <s v="GLNANDA"/>
    <n v="0"/>
    <n v="1472"/>
    <s v="Billed Revenues"/>
    <s v="EXV"/>
    <s v="NONBU"/>
    <s v="G0000110"/>
    <s v="N"/>
    <s v="MACSS Dist Billed Revenue-03"/>
    <s v=""/>
    <x v="0"/>
    <s v="CAD0330526"/>
    <s v="S"/>
    <s v="KY"/>
    <s v="REV"/>
    <s v="974"/>
    <s v="GLBATCH"/>
    <n v="5"/>
    <n v="2016"/>
  </r>
  <r>
    <s v="110"/>
    <d v="2016-05-15T00:00:00"/>
    <x v="2"/>
    <x v="0"/>
    <s v="10828"/>
    <s v="GLNANDA"/>
    <n v="0"/>
    <n v="1203"/>
    <s v="Billed Revenues"/>
    <s v="EXV"/>
    <s v="NONBU"/>
    <s v="G0000110"/>
    <s v="N"/>
    <s v="MACSS Dist Billed Revenue-03"/>
    <s v=""/>
    <x v="0"/>
    <s v="CAD0330527"/>
    <s v="S"/>
    <s v="KY"/>
    <s v="REV"/>
    <s v="974"/>
    <s v="GLBATCH"/>
    <n v="5"/>
    <n v="2016"/>
  </r>
  <r>
    <s v="110"/>
    <d v="2016-05-15T00:00:00"/>
    <x v="0"/>
    <x v="0"/>
    <s v="10828"/>
    <s v="GLNANDA"/>
    <n v="0"/>
    <n v="59"/>
    <s v="Billed Revenues"/>
    <s v="EXV"/>
    <s v="NONBU"/>
    <s v="G0000110"/>
    <s v="N"/>
    <s v="MACSS Dist Billed Revenue-03"/>
    <s v=""/>
    <x v="0"/>
    <s v="CAD0330527"/>
    <s v="S"/>
    <s v="KY"/>
    <s v="REV"/>
    <s v="974"/>
    <s v="GLBATCH"/>
    <n v="5"/>
    <n v="2016"/>
  </r>
  <r>
    <s v="110"/>
    <d v="2016-05-15T00:00:00"/>
    <x v="4"/>
    <x v="0"/>
    <s v="10828"/>
    <s v="GLNANDA"/>
    <n v="0"/>
    <n v="3206"/>
    <s v="Billed Revenues"/>
    <s v="EXV"/>
    <s v="NONBU"/>
    <s v="G0000110"/>
    <s v="N"/>
    <s v="MACSS Dist Billed Revenue-03"/>
    <s v=""/>
    <x v="0"/>
    <s v="CAD0330527"/>
    <s v="S"/>
    <s v="KY"/>
    <s v="REV"/>
    <s v="974"/>
    <s v="GLBATCH"/>
    <n v="5"/>
    <n v="2016"/>
  </r>
  <r>
    <s v="110"/>
    <d v="2016-05-15T00:00:00"/>
    <x v="5"/>
    <x v="0"/>
    <s v="10828"/>
    <s v="GLNANDA"/>
    <n v="-94545.16"/>
    <n v="-833978"/>
    <s v="Billed Revenues"/>
    <s v="EXV"/>
    <s v="NONBU"/>
    <s v="G0000110"/>
    <s v="N"/>
    <s v="MACSS Dist Billed Revenue-03"/>
    <s v=""/>
    <x v="0"/>
    <s v="CAD0330527"/>
    <s v="S"/>
    <s v="KY"/>
    <s v="REV"/>
    <s v="974"/>
    <s v="GLBATCH"/>
    <n v="5"/>
    <n v="2016"/>
  </r>
  <r>
    <s v="110"/>
    <d v="2016-05-15T00:00:00"/>
    <x v="5"/>
    <x v="0"/>
    <s v="10828"/>
    <s v="GLNANDA"/>
    <n v="0"/>
    <n v="206"/>
    <s v="Billed Revenues"/>
    <s v="EXV"/>
    <s v="NONBU"/>
    <s v="G0000110"/>
    <s v="N"/>
    <s v="MACSS Dist Billed Revenue-03"/>
    <s v=""/>
    <x v="0"/>
    <s v="CAD0330527"/>
    <s v="S"/>
    <s v="KY"/>
    <s v="REV"/>
    <s v="974"/>
    <s v="GLBATCH"/>
    <n v="5"/>
    <n v="2016"/>
  </r>
  <r>
    <s v="110"/>
    <d v="2016-05-15T00:00:00"/>
    <x v="7"/>
    <x v="0"/>
    <s v="10828"/>
    <s v="GLNANDA"/>
    <n v="0"/>
    <n v="43"/>
    <s v="Billed Revenues"/>
    <s v="EXV"/>
    <s v="NONBU"/>
    <s v="G0000110"/>
    <s v="N"/>
    <s v="MACSS Dist Billed Revenue-03"/>
    <s v=""/>
    <x v="0"/>
    <s v="CAD0330527"/>
    <s v="S"/>
    <s v="KY"/>
    <s v="REV"/>
    <s v="974"/>
    <s v="GLBATCH"/>
    <n v="5"/>
    <n v="2016"/>
  </r>
  <r>
    <s v="110"/>
    <d v="2016-05-15T00:00:00"/>
    <x v="3"/>
    <x v="0"/>
    <s v="10828"/>
    <s v="GLNANDA"/>
    <n v="0"/>
    <n v="31"/>
    <s v="Billed Revenues"/>
    <s v="EXV"/>
    <s v="NONBU"/>
    <s v="G0000110"/>
    <s v="N"/>
    <s v="MACSS Dist Billed Revenue-03"/>
    <s v=""/>
    <x v="0"/>
    <s v="CAD0330527"/>
    <s v="S"/>
    <s v="KY"/>
    <s v="REV"/>
    <s v="974"/>
    <s v="GLBATCH"/>
    <n v="5"/>
    <n v="2016"/>
  </r>
  <r>
    <s v="110"/>
    <d v="2016-05-15T00:00:00"/>
    <x v="3"/>
    <x v="0"/>
    <s v="10828"/>
    <s v="GLNANDA"/>
    <n v="-532346.13"/>
    <n v="-5323262"/>
    <s v="Billed Revenues"/>
    <s v="EXV"/>
    <s v="NONBU"/>
    <s v="G0000110"/>
    <s v="N"/>
    <s v="MACSS Dist Billed Revenue-03"/>
    <s v=""/>
    <x v="0"/>
    <s v="CAD0330527"/>
    <s v="S"/>
    <s v="KY"/>
    <s v="REV"/>
    <s v="974"/>
    <s v="GLBATCH"/>
    <n v="5"/>
    <n v="2016"/>
  </r>
  <r>
    <s v="110"/>
    <d v="2016-05-15T00:00:00"/>
    <x v="6"/>
    <x v="0"/>
    <s v="10828"/>
    <s v="GLNANDA"/>
    <n v="-3622.07"/>
    <n v="-18065"/>
    <s v="Billed Revenues"/>
    <s v="EXV"/>
    <s v="NONBU"/>
    <s v="G0000110"/>
    <s v="N"/>
    <s v="MACSS Dist Billed Revenue-03"/>
    <s v=""/>
    <x v="0"/>
    <s v="CAD0330527"/>
    <s v="S"/>
    <s v="KY"/>
    <s v="REV"/>
    <s v="974"/>
    <s v="GLBATCH"/>
    <n v="5"/>
    <n v="2016"/>
  </r>
  <r>
    <s v="110"/>
    <d v="2016-05-15T00:00:00"/>
    <x v="6"/>
    <x v="0"/>
    <s v="10828"/>
    <s v="GLNANDA"/>
    <n v="0"/>
    <n v="19"/>
    <s v="Billed Revenues"/>
    <s v="EXV"/>
    <s v="NONBU"/>
    <s v="G0000110"/>
    <s v="N"/>
    <s v="MACSS Dist Billed Revenue-03"/>
    <s v=""/>
    <x v="0"/>
    <s v="CAD0330527"/>
    <s v="S"/>
    <s v="KY"/>
    <s v="REV"/>
    <s v="974"/>
    <s v="GLBATCH"/>
    <n v="5"/>
    <n v="2016"/>
  </r>
  <r>
    <s v="110"/>
    <d v="2016-05-15T00:00:00"/>
    <x v="7"/>
    <x v="0"/>
    <s v="10828"/>
    <s v="GLNANDA"/>
    <n v="-95063.28"/>
    <n v="-806500"/>
    <s v="Billed Revenues"/>
    <s v="EXV"/>
    <s v="NONBU"/>
    <s v="G0000110"/>
    <s v="N"/>
    <s v="MACSS Dist Billed Revenue-03"/>
    <s v=""/>
    <x v="0"/>
    <s v="CAD0330527"/>
    <s v="S"/>
    <s v="KY"/>
    <s v="REV"/>
    <s v="974"/>
    <s v="GLBATCH"/>
    <n v="5"/>
    <n v="2016"/>
  </r>
  <r>
    <s v="110"/>
    <d v="2016-05-15T00:00:00"/>
    <x v="2"/>
    <x v="0"/>
    <s v="10828"/>
    <s v="GLNANDA"/>
    <n v="-659041.31999999995"/>
    <n v="-6420808"/>
    <s v="Billed Revenues"/>
    <s v="EXV"/>
    <s v="NONBU"/>
    <s v="G0000110"/>
    <s v="N"/>
    <s v="MACSS Dist Billed Revenue-03"/>
    <s v=""/>
    <x v="0"/>
    <s v="CAD0330527"/>
    <s v="S"/>
    <s v="KY"/>
    <s v="REV"/>
    <s v="974"/>
    <s v="GLBATCH"/>
    <n v="5"/>
    <n v="2016"/>
  </r>
  <r>
    <s v="110"/>
    <d v="2016-05-15T00:00:00"/>
    <x v="1"/>
    <x v="0"/>
    <s v="10828"/>
    <s v="GLNANDA"/>
    <n v="0"/>
    <n v="2809"/>
    <s v="Billed Revenues"/>
    <s v="EXV"/>
    <s v="NONBU"/>
    <s v="G0000110"/>
    <s v="N"/>
    <s v="MACSS Dist Billed Revenue-03"/>
    <s v=""/>
    <x v="0"/>
    <s v="CAD0330527"/>
    <s v="S"/>
    <s v="KY"/>
    <s v="REV"/>
    <s v="974"/>
    <s v="GLBATCH"/>
    <n v="5"/>
    <n v="2016"/>
  </r>
  <r>
    <s v="110"/>
    <d v="2016-05-15T00:00:00"/>
    <x v="1"/>
    <x v="0"/>
    <s v="10828"/>
    <s v="GLNANDA"/>
    <n v="-248422.31"/>
    <n v="-1964058"/>
    <s v="Billed Revenues"/>
    <s v="EXV"/>
    <s v="NONBU"/>
    <s v="G0000110"/>
    <s v="N"/>
    <s v="MACSS Dist Billed Revenue-03"/>
    <s v=""/>
    <x v="0"/>
    <s v="CAD0330527"/>
    <s v="S"/>
    <s v="KY"/>
    <s v="REV"/>
    <s v="974"/>
    <s v="GLBATCH"/>
    <n v="5"/>
    <n v="2016"/>
  </r>
  <r>
    <s v="110"/>
    <d v="2016-05-15T00:00:00"/>
    <x v="0"/>
    <x v="0"/>
    <s v="10828"/>
    <s v="GLNANDA"/>
    <n v="-167523.44"/>
    <n v="-2220466"/>
    <s v="Billed Revenues"/>
    <s v="EXV"/>
    <s v="NONBU"/>
    <s v="G0000110"/>
    <s v="N"/>
    <s v="MACSS Dist Billed Revenue-03"/>
    <s v=""/>
    <x v="0"/>
    <s v="CAD0330527"/>
    <s v="S"/>
    <s v="KY"/>
    <s v="REV"/>
    <s v="974"/>
    <s v="GLBATCH"/>
    <n v="5"/>
    <n v="2016"/>
  </r>
  <r>
    <s v="110"/>
    <d v="2016-05-15T00:00:00"/>
    <x v="4"/>
    <x v="0"/>
    <s v="10828"/>
    <s v="GLNANDA"/>
    <n v="-337403.77"/>
    <n v="-2732636"/>
    <s v="Billed Revenues"/>
    <s v="EXV"/>
    <s v="NONBU"/>
    <s v="G0000110"/>
    <s v="N"/>
    <s v="MACSS Dist Billed Revenue-03"/>
    <s v=""/>
    <x v="0"/>
    <s v="CAD0330527"/>
    <s v="S"/>
    <s v="KY"/>
    <s v="REV"/>
    <s v="974"/>
    <s v="GLBATCH"/>
    <n v="5"/>
    <n v="2016"/>
  </r>
  <r>
    <s v="110"/>
    <d v="2016-06-15T00:00:00"/>
    <x v="1"/>
    <x v="0"/>
    <s v="10828"/>
    <s v="GLNANDA"/>
    <n v="0"/>
    <n v="2193"/>
    <s v="Billed Revenues"/>
    <s v="EXV"/>
    <s v="NONBU"/>
    <s v="G0000110"/>
    <s v="N"/>
    <s v="MACSS Dist Billed Revenue-03"/>
    <s v=""/>
    <x v="0"/>
    <s v="CAD0330531"/>
    <s v="S"/>
    <s v="KY"/>
    <s v="REV"/>
    <s v="974"/>
    <s v="GLBATCH"/>
    <n v="6"/>
    <n v="2016"/>
  </r>
  <r>
    <s v="110"/>
    <d v="2016-06-15T00:00:00"/>
    <x v="1"/>
    <x v="0"/>
    <s v="10828"/>
    <s v="GLNANDA"/>
    <n v="-224772.94"/>
    <n v="-1707350"/>
    <s v="Billed Revenues"/>
    <s v="EXV"/>
    <s v="NONBU"/>
    <s v="G0000110"/>
    <s v="N"/>
    <s v="MACSS Dist Billed Revenue-03"/>
    <s v=""/>
    <x v="0"/>
    <s v="CAD0330531"/>
    <s v="S"/>
    <s v="KY"/>
    <s v="REV"/>
    <s v="974"/>
    <s v="GLBATCH"/>
    <n v="6"/>
    <n v="2016"/>
  </r>
  <r>
    <s v="110"/>
    <d v="2016-06-15T00:00:00"/>
    <x v="4"/>
    <x v="0"/>
    <s v="10828"/>
    <s v="GLNANDA"/>
    <n v="0"/>
    <n v="4851"/>
    <s v="Billed Revenues"/>
    <s v="EXV"/>
    <s v="NONBU"/>
    <s v="G0000110"/>
    <s v="N"/>
    <s v="MACSS Dist Billed Revenue-03"/>
    <s v=""/>
    <x v="0"/>
    <s v="CAD0330531"/>
    <s v="S"/>
    <s v="KY"/>
    <s v="REV"/>
    <s v="974"/>
    <s v="GLBATCH"/>
    <n v="6"/>
    <n v="2016"/>
  </r>
  <r>
    <s v="110"/>
    <d v="2016-06-15T00:00:00"/>
    <x v="6"/>
    <x v="0"/>
    <s v="10828"/>
    <s v="GLNANDA"/>
    <n v="-1054.6300000000001"/>
    <n v="-4972"/>
    <s v="Billed Revenues"/>
    <s v="EXV"/>
    <s v="NONBU"/>
    <s v="G0000110"/>
    <s v="N"/>
    <s v="MACSS Dist Billed Revenue-03"/>
    <s v=""/>
    <x v="0"/>
    <s v="CAD0330531"/>
    <s v="S"/>
    <s v="KY"/>
    <s v="REV"/>
    <s v="974"/>
    <s v="GLBATCH"/>
    <n v="6"/>
    <n v="2016"/>
  </r>
  <r>
    <s v="110"/>
    <d v="2016-06-15T00:00:00"/>
    <x v="6"/>
    <x v="0"/>
    <s v="10828"/>
    <s v="GLNANDA"/>
    <n v="0"/>
    <n v="20"/>
    <s v="Billed Revenues"/>
    <s v="EXV"/>
    <s v="NONBU"/>
    <s v="G0000110"/>
    <s v="N"/>
    <s v="MACSS Dist Billed Revenue-03"/>
    <s v=""/>
    <x v="0"/>
    <s v="CAD0330531"/>
    <s v="S"/>
    <s v="KY"/>
    <s v="REV"/>
    <s v="974"/>
    <s v="GLBATCH"/>
    <n v="6"/>
    <n v="2016"/>
  </r>
  <r>
    <s v="110"/>
    <d v="2016-06-15T00:00:00"/>
    <x v="2"/>
    <x v="0"/>
    <s v="10828"/>
    <s v="GLNANDA"/>
    <n v="-682003.81"/>
    <n v="-5080759"/>
    <s v="Billed Revenues"/>
    <s v="EXV"/>
    <s v="NONBU"/>
    <s v="G0000110"/>
    <s v="N"/>
    <s v="MACSS Dist Billed Revenue-03"/>
    <s v=""/>
    <x v="0"/>
    <s v="CAD0330531"/>
    <s v="S"/>
    <s v="KY"/>
    <s v="REV"/>
    <s v="974"/>
    <s v="GLBATCH"/>
    <n v="6"/>
    <n v="2016"/>
  </r>
  <r>
    <s v="110"/>
    <d v="2016-06-15T00:00:00"/>
    <x v="2"/>
    <x v="0"/>
    <s v="10828"/>
    <s v="GLNANDA"/>
    <n v="0"/>
    <n v="1689"/>
    <s v="Billed Revenues"/>
    <s v="EXV"/>
    <s v="NONBU"/>
    <s v="G0000110"/>
    <s v="N"/>
    <s v="MACSS Dist Billed Revenue-03"/>
    <s v=""/>
    <x v="0"/>
    <s v="CAD0330531"/>
    <s v="S"/>
    <s v="KY"/>
    <s v="REV"/>
    <s v="974"/>
    <s v="GLBATCH"/>
    <n v="6"/>
    <n v="2016"/>
  </r>
  <r>
    <s v="110"/>
    <d v="2016-06-15T00:00:00"/>
    <x v="7"/>
    <x v="0"/>
    <s v="10828"/>
    <s v="GLNANDA"/>
    <n v="-55793.98"/>
    <n v="-434035"/>
    <s v="Billed Revenues"/>
    <s v="EXV"/>
    <s v="NONBU"/>
    <s v="G0000110"/>
    <s v="N"/>
    <s v="MACSS Dist Billed Revenue-03"/>
    <s v=""/>
    <x v="0"/>
    <s v="CAD0330531"/>
    <s v="S"/>
    <s v="KY"/>
    <s v="REV"/>
    <s v="974"/>
    <s v="GLBATCH"/>
    <n v="6"/>
    <n v="2016"/>
  </r>
  <r>
    <s v="110"/>
    <d v="2016-06-15T00:00:00"/>
    <x v="7"/>
    <x v="0"/>
    <s v="10828"/>
    <s v="GLNANDA"/>
    <n v="0"/>
    <n v="22"/>
    <s v="Billed Revenues"/>
    <s v="EXV"/>
    <s v="NONBU"/>
    <s v="G0000110"/>
    <s v="N"/>
    <s v="MACSS Dist Billed Revenue-03"/>
    <s v=""/>
    <x v="0"/>
    <s v="CAD0330531"/>
    <s v="S"/>
    <s v="KY"/>
    <s v="REV"/>
    <s v="974"/>
    <s v="GLBATCH"/>
    <n v="6"/>
    <n v="2016"/>
  </r>
  <r>
    <s v="110"/>
    <d v="2016-06-15T00:00:00"/>
    <x v="5"/>
    <x v="0"/>
    <s v="10828"/>
    <s v="GLNANDA"/>
    <n v="-63940.05"/>
    <n v="-466776"/>
    <s v="Billed Revenues"/>
    <s v="EXV"/>
    <s v="NONBU"/>
    <s v="G0000110"/>
    <s v="N"/>
    <s v="MACSS Dist Billed Revenue-03"/>
    <s v=""/>
    <x v="0"/>
    <s v="CAD0330531"/>
    <s v="S"/>
    <s v="KY"/>
    <s v="REV"/>
    <s v="974"/>
    <s v="GLBATCH"/>
    <n v="6"/>
    <n v="2016"/>
  </r>
  <r>
    <s v="110"/>
    <d v="2016-06-15T00:00:00"/>
    <x v="5"/>
    <x v="0"/>
    <s v="10828"/>
    <s v="GLNANDA"/>
    <n v="0"/>
    <n v="142"/>
    <s v="Billed Revenues"/>
    <s v="EXV"/>
    <s v="NONBU"/>
    <s v="G0000110"/>
    <s v="N"/>
    <s v="MACSS Dist Billed Revenue-03"/>
    <s v=""/>
    <x v="0"/>
    <s v="CAD0330531"/>
    <s v="S"/>
    <s v="KY"/>
    <s v="REV"/>
    <s v="974"/>
    <s v="GLBATCH"/>
    <n v="6"/>
    <n v="2016"/>
  </r>
  <r>
    <s v="110"/>
    <d v="2016-06-15T00:00:00"/>
    <x v="0"/>
    <x v="0"/>
    <s v="10828"/>
    <s v="GLNANDA"/>
    <n v="-238806.69"/>
    <n v="-2528191"/>
    <s v="Billed Revenues"/>
    <s v="EXV"/>
    <s v="NONBU"/>
    <s v="G0000110"/>
    <s v="N"/>
    <s v="MACSS Dist Billed Revenue-03"/>
    <s v=""/>
    <x v="0"/>
    <s v="CAD0330531"/>
    <s v="S"/>
    <s v="KY"/>
    <s v="REV"/>
    <s v="974"/>
    <s v="GLBATCH"/>
    <n v="6"/>
    <n v="2016"/>
  </r>
  <r>
    <s v="110"/>
    <d v="2016-06-15T00:00:00"/>
    <x v="0"/>
    <x v="0"/>
    <s v="10828"/>
    <s v="GLNANDA"/>
    <n v="0"/>
    <n v="53"/>
    <s v="Billed Revenues"/>
    <s v="EXV"/>
    <s v="NONBU"/>
    <s v="G0000110"/>
    <s v="N"/>
    <s v="MACSS Dist Billed Revenue-03"/>
    <s v=""/>
    <x v="0"/>
    <s v="CAD0330531"/>
    <s v="S"/>
    <s v="KY"/>
    <s v="REV"/>
    <s v="974"/>
    <s v="GLBATCH"/>
    <n v="6"/>
    <n v="2016"/>
  </r>
  <r>
    <s v="110"/>
    <d v="2016-06-15T00:00:00"/>
    <x v="3"/>
    <x v="0"/>
    <s v="10828"/>
    <s v="GLNANDA"/>
    <n v="-9117.35"/>
    <n v="-73028"/>
    <s v="Billed Revenues"/>
    <s v="EXV"/>
    <s v="NONBU"/>
    <s v="G0000110"/>
    <s v="N"/>
    <s v="MACSS Dist Billed Revenue-03"/>
    <s v=""/>
    <x v="0"/>
    <s v="CAD0330531"/>
    <s v="S"/>
    <s v="KY"/>
    <s v="REV"/>
    <s v="974"/>
    <s v="GLBATCH"/>
    <n v="6"/>
    <n v="2016"/>
  </r>
  <r>
    <s v="110"/>
    <d v="2016-06-15T00:00:00"/>
    <x v="3"/>
    <x v="0"/>
    <s v="10828"/>
    <s v="GLNANDA"/>
    <n v="0"/>
    <n v="10"/>
    <s v="Billed Revenues"/>
    <s v="EXV"/>
    <s v="NONBU"/>
    <s v="G0000110"/>
    <s v="N"/>
    <s v="MACSS Dist Billed Revenue-03"/>
    <s v=""/>
    <x v="0"/>
    <s v="CAD0330531"/>
    <s v="S"/>
    <s v="KY"/>
    <s v="REV"/>
    <s v="974"/>
    <s v="GLBATCH"/>
    <n v="6"/>
    <n v="2016"/>
  </r>
  <r>
    <s v="110"/>
    <d v="2016-06-15T00:00:00"/>
    <x v="4"/>
    <x v="0"/>
    <s v="10828"/>
    <s v="GLNANDA"/>
    <n v="-575234.35"/>
    <n v="-4487388"/>
    <s v="Billed Revenues"/>
    <s v="EXV"/>
    <s v="NONBU"/>
    <s v="G0000110"/>
    <s v="N"/>
    <s v="MACSS Dist Billed Revenue-03"/>
    <s v=""/>
    <x v="0"/>
    <s v="CAD0330531"/>
    <s v="S"/>
    <s v="KY"/>
    <s v="REV"/>
    <s v="974"/>
    <s v="GLBATCH"/>
    <n v="6"/>
    <n v="2016"/>
  </r>
  <r>
    <s v="110"/>
    <d v="2016-05-15T00:00:00"/>
    <x v="5"/>
    <x v="0"/>
    <s v="10828"/>
    <s v="GLNANDA"/>
    <n v="0"/>
    <n v="4"/>
    <s v="Billed Revenues"/>
    <s v="EXV"/>
    <s v="NONBU"/>
    <s v="G0000110"/>
    <s v="N"/>
    <s v="MACSS Dist Billed Revenue-03"/>
    <s v=""/>
    <x v="0"/>
    <s v="CAD0330531"/>
    <s v="S"/>
    <s v="KY"/>
    <s v="REV"/>
    <s v="974"/>
    <s v="GLBATCH"/>
    <n v="5"/>
    <n v="2016"/>
  </r>
  <r>
    <s v="110"/>
    <d v="2016-05-15T00:00:00"/>
    <x v="6"/>
    <x v="0"/>
    <s v="10828"/>
    <s v="GLNANDA"/>
    <n v="-133563.26"/>
    <n v="-551777"/>
    <s v="Billed Revenues"/>
    <s v="EXV"/>
    <s v="NONBU"/>
    <s v="G0000110"/>
    <s v="N"/>
    <s v="MACSS Dist Billed Revenue-03"/>
    <s v=""/>
    <x v="0"/>
    <s v="CAD0330531"/>
    <s v="S"/>
    <s v="KY"/>
    <s v="REV"/>
    <s v="974"/>
    <s v="GLBATCH"/>
    <n v="5"/>
    <n v="2016"/>
  </r>
  <r>
    <s v="110"/>
    <d v="2016-05-15T00:00:00"/>
    <x v="6"/>
    <x v="0"/>
    <s v="10828"/>
    <s v="GLNANDA"/>
    <n v="0"/>
    <n v="52"/>
    <s v="Billed Revenues"/>
    <s v="EXV"/>
    <s v="NONBU"/>
    <s v="G0000110"/>
    <s v="N"/>
    <s v="MACSS Dist Billed Revenue-03"/>
    <s v=""/>
    <x v="0"/>
    <s v="CAD0330531"/>
    <s v="S"/>
    <s v="KY"/>
    <s v="REV"/>
    <s v="974"/>
    <s v="GLBATCH"/>
    <n v="5"/>
    <n v="2016"/>
  </r>
  <r>
    <s v="110"/>
    <d v="2016-05-15T00:00:00"/>
    <x v="7"/>
    <x v="0"/>
    <s v="10828"/>
    <s v="GLNANDA"/>
    <n v="-570.47"/>
    <n v="-3639"/>
    <s v="Billed Revenues"/>
    <s v="EXV"/>
    <s v="NONBU"/>
    <s v="G0000110"/>
    <s v="N"/>
    <s v="MACSS Dist Billed Revenue-03"/>
    <s v=""/>
    <x v="0"/>
    <s v="CAD0330531"/>
    <s v="S"/>
    <s v="KY"/>
    <s v="REV"/>
    <s v="974"/>
    <s v="GLBATCH"/>
    <n v="5"/>
    <n v="2016"/>
  </r>
  <r>
    <s v="110"/>
    <d v="2016-05-15T00:00:00"/>
    <x v="7"/>
    <x v="0"/>
    <s v="10828"/>
    <s v="GLNANDA"/>
    <n v="0"/>
    <n v="4"/>
    <s v="Billed Revenues"/>
    <s v="EXV"/>
    <s v="NONBU"/>
    <s v="G0000110"/>
    <s v="N"/>
    <s v="MACSS Dist Billed Revenue-03"/>
    <s v=""/>
    <x v="0"/>
    <s v="CAD0330531"/>
    <s v="S"/>
    <s v="KY"/>
    <s v="REV"/>
    <s v="974"/>
    <s v="GLBATCH"/>
    <n v="5"/>
    <n v="2016"/>
  </r>
  <r>
    <s v="110"/>
    <d v="2016-05-15T00:00:00"/>
    <x v="5"/>
    <x v="0"/>
    <s v="10828"/>
    <s v="GLNANDA"/>
    <n v="-1464.29"/>
    <n v="-10643"/>
    <s v="Billed Revenues"/>
    <s v="EXV"/>
    <s v="NONBU"/>
    <s v="G0000110"/>
    <s v="N"/>
    <s v="MACSS Dist Billed Revenue-03"/>
    <s v=""/>
    <x v="0"/>
    <s v="CAD0330531"/>
    <s v="S"/>
    <s v="KY"/>
    <s v="REV"/>
    <s v="974"/>
    <s v="GLBATCH"/>
    <n v="5"/>
    <n v="2016"/>
  </r>
  <r>
    <s v="110"/>
    <d v="2016-05-15T00:00:00"/>
    <x v="3"/>
    <x v="0"/>
    <s v="10828"/>
    <s v="GLNANDA"/>
    <n v="0"/>
    <n v="3"/>
    <s v="Billed Revenues"/>
    <s v="EXV"/>
    <s v="NONBU"/>
    <s v="G0000110"/>
    <s v="N"/>
    <s v="MACSS Dist Billed Revenue-03"/>
    <s v=""/>
    <x v="0"/>
    <s v="CAD0330531"/>
    <s v="S"/>
    <s v="KY"/>
    <s v="REV"/>
    <s v="974"/>
    <s v="GLBATCH"/>
    <n v="5"/>
    <n v="2016"/>
  </r>
  <r>
    <s v="110"/>
    <d v="2016-05-15T00:00:00"/>
    <x v="0"/>
    <x v="0"/>
    <s v="10828"/>
    <s v="GLNANDA"/>
    <n v="-1470840.68"/>
    <n v="-23113242"/>
    <s v="Billed Revenues"/>
    <s v="EXV"/>
    <s v="NONBU"/>
    <s v="G0000110"/>
    <s v="N"/>
    <s v="MACSS Dist Billed Revenue-03"/>
    <s v=""/>
    <x v="0"/>
    <s v="CAD0330531"/>
    <s v="S"/>
    <s v="KY"/>
    <s v="REV"/>
    <s v="974"/>
    <s v="GLBATCH"/>
    <n v="5"/>
    <n v="2016"/>
  </r>
  <r>
    <s v="110"/>
    <d v="2016-05-15T00:00:00"/>
    <x v="0"/>
    <x v="0"/>
    <s v="10828"/>
    <s v="GLNANDA"/>
    <n v="0"/>
    <n v="7"/>
    <s v="Billed Revenues"/>
    <s v="EXV"/>
    <s v="NONBU"/>
    <s v="G0000110"/>
    <s v="N"/>
    <s v="MACSS Dist Billed Revenue-03"/>
    <s v=""/>
    <x v="0"/>
    <s v="CAD0330531"/>
    <s v="S"/>
    <s v="KY"/>
    <s v="REV"/>
    <s v="974"/>
    <s v="GLBATCH"/>
    <n v="5"/>
    <n v="2016"/>
  </r>
  <r>
    <s v="110"/>
    <d v="2016-05-15T00:00:00"/>
    <x v="1"/>
    <x v="0"/>
    <s v="10828"/>
    <s v="GLNANDA"/>
    <n v="-1951.87"/>
    <n v="-16276"/>
    <s v="Billed Revenues"/>
    <s v="EXV"/>
    <s v="NONBU"/>
    <s v="G0000110"/>
    <s v="N"/>
    <s v="MACSS Dist Billed Revenue-03"/>
    <s v=""/>
    <x v="0"/>
    <s v="CAD0330531"/>
    <s v="S"/>
    <s v="KY"/>
    <s v="REV"/>
    <s v="974"/>
    <s v="GLBATCH"/>
    <n v="5"/>
    <n v="2016"/>
  </r>
  <r>
    <s v="110"/>
    <d v="2016-05-15T00:00:00"/>
    <x v="1"/>
    <x v="0"/>
    <s v="10828"/>
    <s v="GLNANDA"/>
    <n v="0"/>
    <n v="8"/>
    <s v="Billed Revenues"/>
    <s v="EXV"/>
    <s v="NONBU"/>
    <s v="G0000110"/>
    <s v="N"/>
    <s v="MACSS Dist Billed Revenue-03"/>
    <s v=""/>
    <x v="0"/>
    <s v="CAD0330531"/>
    <s v="S"/>
    <s v="KY"/>
    <s v="REV"/>
    <s v="974"/>
    <s v="GLBATCH"/>
    <n v="5"/>
    <n v="2016"/>
  </r>
  <r>
    <s v="110"/>
    <d v="2016-05-15T00:00:00"/>
    <x v="2"/>
    <x v="0"/>
    <s v="10828"/>
    <s v="GLNANDA"/>
    <n v="-14162.91"/>
    <n v="-111371"/>
    <s v="Billed Revenues"/>
    <s v="EXV"/>
    <s v="NONBU"/>
    <s v="G0000110"/>
    <s v="N"/>
    <s v="MACSS Dist Billed Revenue-03"/>
    <s v=""/>
    <x v="0"/>
    <s v="CAD0330531"/>
    <s v="S"/>
    <s v="KY"/>
    <s v="REV"/>
    <s v="974"/>
    <s v="GLBATCH"/>
    <n v="5"/>
    <n v="2016"/>
  </r>
  <r>
    <s v="110"/>
    <d v="2016-05-15T00:00:00"/>
    <x v="2"/>
    <x v="0"/>
    <s v="10828"/>
    <s v="GLNANDA"/>
    <n v="0"/>
    <n v="49"/>
    <s v="Billed Revenues"/>
    <s v="EXV"/>
    <s v="NONBU"/>
    <s v="G0000110"/>
    <s v="N"/>
    <s v="MACSS Dist Billed Revenue-03"/>
    <s v=""/>
    <x v="0"/>
    <s v="CAD0330531"/>
    <s v="S"/>
    <s v="KY"/>
    <s v="REV"/>
    <s v="974"/>
    <s v="GLBATCH"/>
    <n v="5"/>
    <n v="2016"/>
  </r>
  <r>
    <s v="110"/>
    <d v="2016-05-15T00:00:00"/>
    <x v="4"/>
    <x v="0"/>
    <s v="10828"/>
    <s v="GLNANDA"/>
    <n v="-3388.64"/>
    <n v="-27409"/>
    <s v="Billed Revenues"/>
    <s v="EXV"/>
    <s v="NONBU"/>
    <s v="G0000110"/>
    <s v="N"/>
    <s v="MACSS Dist Billed Revenue-03"/>
    <s v=""/>
    <x v="0"/>
    <s v="CAD0330531"/>
    <s v="S"/>
    <s v="KY"/>
    <s v="REV"/>
    <s v="974"/>
    <s v="GLBATCH"/>
    <n v="5"/>
    <n v="2016"/>
  </r>
  <r>
    <s v="110"/>
    <d v="2016-05-15T00:00:00"/>
    <x v="4"/>
    <x v="0"/>
    <s v="10828"/>
    <s v="GLNANDA"/>
    <n v="0"/>
    <n v="25"/>
    <s v="Billed Revenues"/>
    <s v="EXV"/>
    <s v="NONBU"/>
    <s v="G0000110"/>
    <s v="N"/>
    <s v="MACSS Dist Billed Revenue-03"/>
    <s v=""/>
    <x v="0"/>
    <s v="CAD0330531"/>
    <s v="S"/>
    <s v="KY"/>
    <s v="REV"/>
    <s v="974"/>
    <s v="GLBATCH"/>
    <n v="5"/>
    <n v="2016"/>
  </r>
  <r>
    <s v="110"/>
    <d v="2016-05-15T00:00:00"/>
    <x v="3"/>
    <x v="0"/>
    <s v="10828"/>
    <s v="GLNANDA"/>
    <n v="-44500.98"/>
    <n v="-370152"/>
    <s v="Billed Revenues"/>
    <s v="EXV"/>
    <s v="NONBU"/>
    <s v="G0000110"/>
    <s v="N"/>
    <s v="MACSS Dist Billed Revenue-03"/>
    <s v=""/>
    <x v="0"/>
    <s v="CAD0330531"/>
    <s v="S"/>
    <s v="KY"/>
    <s v="REV"/>
    <s v="974"/>
    <s v="GLBATCH"/>
    <n v="5"/>
    <n v="2016"/>
  </r>
  <r>
    <s v="110"/>
    <d v="2016-06-15T00:00:00"/>
    <x v="3"/>
    <x v="0"/>
    <s v="10828"/>
    <s v="GLNANDA"/>
    <n v="0"/>
    <n v="10"/>
    <s v="Billed Revenues"/>
    <s v="EXV"/>
    <s v="NONBU"/>
    <s v="G0000110"/>
    <s v="N"/>
    <s v="MACSS Dist Billed Revenue-03"/>
    <s v=""/>
    <x v="0"/>
    <s v="CAD0330601"/>
    <s v="S"/>
    <s v="KY"/>
    <s v="REV"/>
    <s v="974"/>
    <s v="GLBATCH"/>
    <n v="6"/>
    <n v="2016"/>
  </r>
  <r>
    <s v="110"/>
    <d v="2016-06-15T00:00:00"/>
    <x v="0"/>
    <x v="0"/>
    <s v="10828"/>
    <s v="GLNANDA"/>
    <n v="-13667.54"/>
    <n v="-95463"/>
    <s v="Billed Revenues"/>
    <s v="EXV"/>
    <s v="NONBU"/>
    <s v="G0000110"/>
    <s v="N"/>
    <s v="MACSS Dist Billed Revenue-03"/>
    <s v=""/>
    <x v="0"/>
    <s v="CAD0330601"/>
    <s v="S"/>
    <s v="KY"/>
    <s v="REV"/>
    <s v="974"/>
    <s v="GLBATCH"/>
    <n v="6"/>
    <n v="2016"/>
  </r>
  <r>
    <s v="110"/>
    <d v="2016-06-15T00:00:00"/>
    <x v="3"/>
    <x v="0"/>
    <s v="10828"/>
    <s v="GLNANDA"/>
    <n v="-57674.39"/>
    <n v="-538848"/>
    <s v="Billed Revenues"/>
    <s v="EXV"/>
    <s v="NONBU"/>
    <s v="G0000110"/>
    <s v="N"/>
    <s v="MACSS Dist Billed Revenue-03"/>
    <s v=""/>
    <x v="0"/>
    <s v="CAD0330601"/>
    <s v="S"/>
    <s v="KY"/>
    <s v="REV"/>
    <s v="974"/>
    <s v="GLBATCH"/>
    <n v="6"/>
    <n v="2016"/>
  </r>
  <r>
    <s v="110"/>
    <d v="2016-06-15T00:00:00"/>
    <x v="0"/>
    <x v="0"/>
    <s v="10828"/>
    <s v="GLNANDA"/>
    <n v="0"/>
    <n v="63"/>
    <s v="Billed Revenues"/>
    <s v="EXV"/>
    <s v="NONBU"/>
    <s v="G0000110"/>
    <s v="N"/>
    <s v="MACSS Dist Billed Revenue-03"/>
    <s v=""/>
    <x v="0"/>
    <s v="CAD0330601"/>
    <s v="S"/>
    <s v="KY"/>
    <s v="REV"/>
    <s v="974"/>
    <s v="GLBATCH"/>
    <n v="6"/>
    <n v="2016"/>
  </r>
  <r>
    <s v="110"/>
    <d v="2016-06-15T00:00:00"/>
    <x v="2"/>
    <x v="0"/>
    <s v="10828"/>
    <s v="GLNANDA"/>
    <n v="-121667.72"/>
    <n v="-743350"/>
    <s v="Billed Revenues"/>
    <s v="EXV"/>
    <s v="NONBU"/>
    <s v="G0000110"/>
    <s v="N"/>
    <s v="MACSS Dist Billed Revenue-03"/>
    <s v=""/>
    <x v="0"/>
    <s v="CAD0330601"/>
    <s v="S"/>
    <s v="KY"/>
    <s v="REV"/>
    <s v="974"/>
    <s v="GLBATCH"/>
    <n v="6"/>
    <n v="2016"/>
  </r>
  <r>
    <s v="110"/>
    <d v="2016-06-15T00:00:00"/>
    <x v="2"/>
    <x v="0"/>
    <s v="10828"/>
    <s v="GLNANDA"/>
    <n v="0"/>
    <n v="872"/>
    <s v="Billed Revenues"/>
    <s v="EXV"/>
    <s v="NONBU"/>
    <s v="G0000110"/>
    <s v="N"/>
    <s v="MACSS Dist Billed Revenue-03"/>
    <s v=""/>
    <x v="0"/>
    <s v="CAD0330601"/>
    <s v="S"/>
    <s v="KY"/>
    <s v="REV"/>
    <s v="974"/>
    <s v="GLBATCH"/>
    <n v="6"/>
    <n v="2016"/>
  </r>
  <r>
    <s v="110"/>
    <d v="2016-06-15T00:00:00"/>
    <x v="4"/>
    <x v="0"/>
    <s v="10828"/>
    <s v="GLNANDA"/>
    <n v="-520737.01"/>
    <n v="-4096186"/>
    <s v="Billed Revenues"/>
    <s v="EXV"/>
    <s v="NONBU"/>
    <s v="G0000110"/>
    <s v="N"/>
    <s v="MACSS Dist Billed Revenue-03"/>
    <s v=""/>
    <x v="0"/>
    <s v="CAD0330601"/>
    <s v="S"/>
    <s v="KY"/>
    <s v="REV"/>
    <s v="974"/>
    <s v="GLBATCH"/>
    <n v="6"/>
    <n v="2016"/>
  </r>
  <r>
    <s v="110"/>
    <d v="2016-06-15T00:00:00"/>
    <x v="4"/>
    <x v="0"/>
    <s v="10828"/>
    <s v="GLNANDA"/>
    <n v="0"/>
    <n v="4086"/>
    <s v="Billed Revenues"/>
    <s v="EXV"/>
    <s v="NONBU"/>
    <s v="G0000110"/>
    <s v="N"/>
    <s v="MACSS Dist Billed Revenue-03"/>
    <s v=""/>
    <x v="0"/>
    <s v="CAD0330601"/>
    <s v="S"/>
    <s v="KY"/>
    <s v="REV"/>
    <s v="974"/>
    <s v="GLBATCH"/>
    <n v="6"/>
    <n v="2016"/>
  </r>
  <r>
    <s v="110"/>
    <d v="2016-06-15T00:00:00"/>
    <x v="1"/>
    <x v="0"/>
    <s v="10828"/>
    <s v="GLNANDA"/>
    <n v="-280569.37"/>
    <n v="-2154259"/>
    <s v="Billed Revenues"/>
    <s v="EXV"/>
    <s v="NONBU"/>
    <s v="G0000110"/>
    <s v="N"/>
    <s v="MACSS Dist Billed Revenue-03"/>
    <s v=""/>
    <x v="0"/>
    <s v="CAD0330601"/>
    <s v="S"/>
    <s v="KY"/>
    <s v="REV"/>
    <s v="974"/>
    <s v="GLBATCH"/>
    <n v="6"/>
    <n v="2016"/>
  </r>
  <r>
    <s v="110"/>
    <d v="2016-06-15T00:00:00"/>
    <x v="1"/>
    <x v="0"/>
    <s v="10828"/>
    <s v="GLNANDA"/>
    <n v="0"/>
    <n v="2543"/>
    <s v="Billed Revenues"/>
    <s v="EXV"/>
    <s v="NONBU"/>
    <s v="G0000110"/>
    <s v="N"/>
    <s v="MACSS Dist Billed Revenue-03"/>
    <s v=""/>
    <x v="0"/>
    <s v="CAD0330601"/>
    <s v="S"/>
    <s v="KY"/>
    <s v="REV"/>
    <s v="974"/>
    <s v="GLBATCH"/>
    <n v="6"/>
    <n v="2016"/>
  </r>
  <r>
    <s v="110"/>
    <d v="2016-06-15T00:00:00"/>
    <x v="6"/>
    <x v="0"/>
    <s v="10828"/>
    <s v="GLNANDA"/>
    <n v="-1063.9100000000001"/>
    <n v="-6287"/>
    <s v="Billed Revenues"/>
    <s v="EXV"/>
    <s v="NONBU"/>
    <s v="G0000110"/>
    <s v="N"/>
    <s v="MACSS Dist Billed Revenue-03"/>
    <s v=""/>
    <x v="0"/>
    <s v="CAD0330601"/>
    <s v="S"/>
    <s v="KY"/>
    <s v="REV"/>
    <s v="974"/>
    <s v="GLBATCH"/>
    <n v="6"/>
    <n v="2016"/>
  </r>
  <r>
    <s v="110"/>
    <d v="2016-06-15T00:00:00"/>
    <x v="6"/>
    <x v="0"/>
    <s v="10828"/>
    <s v="GLNANDA"/>
    <n v="0"/>
    <n v="10"/>
    <s v="Billed Revenues"/>
    <s v="EXV"/>
    <s v="NONBU"/>
    <s v="G0000110"/>
    <s v="N"/>
    <s v="MACSS Dist Billed Revenue-03"/>
    <s v=""/>
    <x v="0"/>
    <s v="CAD0330601"/>
    <s v="S"/>
    <s v="KY"/>
    <s v="REV"/>
    <s v="974"/>
    <s v="GLBATCH"/>
    <n v="6"/>
    <n v="2016"/>
  </r>
  <r>
    <s v="110"/>
    <d v="2016-06-15T00:00:00"/>
    <x v="5"/>
    <x v="0"/>
    <s v="10828"/>
    <s v="GLNANDA"/>
    <n v="0"/>
    <n v="62"/>
    <s v="Billed Revenues"/>
    <s v="EXV"/>
    <s v="NONBU"/>
    <s v="G0000110"/>
    <s v="N"/>
    <s v="MACSS Dist Billed Revenue-03"/>
    <s v=""/>
    <x v="0"/>
    <s v="CAD0330601"/>
    <s v="S"/>
    <s v="KY"/>
    <s v="REV"/>
    <s v="974"/>
    <s v="GLBATCH"/>
    <n v="6"/>
    <n v="2016"/>
  </r>
  <r>
    <s v="110"/>
    <d v="2016-06-15T00:00:00"/>
    <x v="5"/>
    <x v="0"/>
    <s v="10828"/>
    <s v="GLNANDA"/>
    <n v="-33904.47"/>
    <n v="-264523"/>
    <s v="Billed Revenues"/>
    <s v="EXV"/>
    <s v="NONBU"/>
    <s v="G0000110"/>
    <s v="N"/>
    <s v="MACSS Dist Billed Revenue-03"/>
    <s v=""/>
    <x v="0"/>
    <s v="CAD0330601"/>
    <s v="S"/>
    <s v="KY"/>
    <s v="REV"/>
    <s v="974"/>
    <s v="GLBATCH"/>
    <n v="6"/>
    <n v="2016"/>
  </r>
  <r>
    <s v="110"/>
    <d v="2016-06-15T00:00:00"/>
    <x v="7"/>
    <x v="0"/>
    <s v="10828"/>
    <s v="GLNANDA"/>
    <n v="0"/>
    <n v="16"/>
    <s v="Billed Revenues"/>
    <s v="EXV"/>
    <s v="NONBU"/>
    <s v="G0000110"/>
    <s v="N"/>
    <s v="MACSS Dist Billed Revenue-03"/>
    <s v=""/>
    <x v="0"/>
    <s v="CAD0330601"/>
    <s v="S"/>
    <s v="KY"/>
    <s v="REV"/>
    <s v="974"/>
    <s v="GLBATCH"/>
    <n v="6"/>
    <n v="2016"/>
  </r>
  <r>
    <s v="110"/>
    <d v="2016-06-15T00:00:00"/>
    <x v="7"/>
    <x v="0"/>
    <s v="10828"/>
    <s v="GLNANDA"/>
    <n v="-38920.75"/>
    <n v="-304337"/>
    <s v="Billed Revenues"/>
    <s v="EXV"/>
    <s v="NONBU"/>
    <s v="G0000110"/>
    <s v="N"/>
    <s v="MACSS Dist Billed Revenue-03"/>
    <s v=""/>
    <x v="0"/>
    <s v="CAD0330601"/>
    <s v="S"/>
    <s v="KY"/>
    <s v="REV"/>
    <s v="974"/>
    <s v="GLBATCH"/>
    <n v="6"/>
    <n v="2016"/>
  </r>
  <r>
    <s v="110"/>
    <d v="2016-05-15T00:00:00"/>
    <x v="4"/>
    <x v="0"/>
    <s v="10828"/>
    <s v="GLNANDA"/>
    <n v="-1146.22"/>
    <n v="-8217"/>
    <s v="Billed Revenues"/>
    <s v="EXV"/>
    <s v="NONBU"/>
    <s v="G0000110"/>
    <s v="N"/>
    <s v="MACSS Dist Billed Revenue-03"/>
    <s v=""/>
    <x v="0"/>
    <s v="CAD0330601"/>
    <s v="S"/>
    <s v="KY"/>
    <s v="REV"/>
    <s v="974"/>
    <s v="GLBATCH"/>
    <n v="5"/>
    <n v="2016"/>
  </r>
  <r>
    <s v="110"/>
    <d v="2016-05-15T00:00:00"/>
    <x v="4"/>
    <x v="0"/>
    <s v="10828"/>
    <s v="GLNANDA"/>
    <n v="0"/>
    <n v="17"/>
    <s v="Billed Revenues"/>
    <s v="EXV"/>
    <s v="NONBU"/>
    <s v="G0000110"/>
    <s v="N"/>
    <s v="MACSS Dist Billed Revenue-03"/>
    <s v=""/>
    <x v="0"/>
    <s v="CAD0330601"/>
    <s v="S"/>
    <s v="KY"/>
    <s v="REV"/>
    <s v="974"/>
    <s v="GLBATCH"/>
    <n v="5"/>
    <n v="2016"/>
  </r>
  <r>
    <s v="110"/>
    <d v="2016-05-15T00:00:00"/>
    <x v="2"/>
    <x v="0"/>
    <s v="10828"/>
    <s v="GLNANDA"/>
    <n v="-7978.48"/>
    <n v="-81730"/>
    <s v="Billed Revenues"/>
    <s v="EXV"/>
    <s v="NONBU"/>
    <s v="G0000110"/>
    <s v="N"/>
    <s v="MACSS Dist Billed Revenue-03"/>
    <s v=""/>
    <x v="0"/>
    <s v="CAD0330601"/>
    <s v="S"/>
    <s v="KY"/>
    <s v="REV"/>
    <s v="974"/>
    <s v="GLBATCH"/>
    <n v="5"/>
    <n v="2016"/>
  </r>
  <r>
    <s v="110"/>
    <d v="2016-05-15T00:00:00"/>
    <x v="2"/>
    <x v="0"/>
    <s v="10828"/>
    <s v="GLNANDA"/>
    <n v="0"/>
    <n v="13"/>
    <s v="Billed Revenues"/>
    <s v="EXV"/>
    <s v="NONBU"/>
    <s v="G0000110"/>
    <s v="N"/>
    <s v="MACSS Dist Billed Revenue-03"/>
    <s v=""/>
    <x v="0"/>
    <s v="CAD0330601"/>
    <s v="S"/>
    <s v="KY"/>
    <s v="REV"/>
    <s v="974"/>
    <s v="GLBATCH"/>
    <n v="5"/>
    <n v="2016"/>
  </r>
  <r>
    <s v="110"/>
    <d v="2016-05-15T00:00:00"/>
    <x v="5"/>
    <x v="0"/>
    <s v="10828"/>
    <s v="GLNANDA"/>
    <n v="0"/>
    <n v="1"/>
    <s v="Billed Revenues"/>
    <s v="EXV"/>
    <s v="NONBU"/>
    <s v="G0000110"/>
    <s v="N"/>
    <s v="MACSS Dist Billed Revenue-03"/>
    <s v=""/>
    <x v="0"/>
    <s v="CAD0330601"/>
    <s v="S"/>
    <s v="KY"/>
    <s v="REV"/>
    <s v="974"/>
    <s v="GLBATCH"/>
    <n v="5"/>
    <n v="2016"/>
  </r>
  <r>
    <s v="110"/>
    <d v="2016-05-15T00:00:00"/>
    <x v="3"/>
    <x v="0"/>
    <s v="10828"/>
    <s v="GLNANDA"/>
    <n v="0"/>
    <n v="11"/>
    <s v="Billed Revenues"/>
    <s v="EXV"/>
    <s v="NONBU"/>
    <s v="G0000110"/>
    <s v="N"/>
    <s v="MACSS Dist Billed Revenue-03"/>
    <s v=""/>
    <x v="0"/>
    <s v="CAD0330601"/>
    <s v="S"/>
    <s v="KY"/>
    <s v="REV"/>
    <s v="974"/>
    <s v="GLBATCH"/>
    <n v="5"/>
    <n v="2016"/>
  </r>
  <r>
    <s v="110"/>
    <d v="2016-05-15T00:00:00"/>
    <x v="1"/>
    <x v="0"/>
    <s v="10828"/>
    <s v="GLNANDA"/>
    <n v="-651.65"/>
    <n v="-4700"/>
    <s v="Billed Revenues"/>
    <s v="EXV"/>
    <s v="NONBU"/>
    <s v="G0000110"/>
    <s v="N"/>
    <s v="MACSS Dist Billed Revenue-03"/>
    <s v=""/>
    <x v="0"/>
    <s v="CAD0330601"/>
    <s v="S"/>
    <s v="KY"/>
    <s v="REV"/>
    <s v="974"/>
    <s v="GLBATCH"/>
    <n v="5"/>
    <n v="2016"/>
  </r>
  <r>
    <s v="110"/>
    <d v="2016-05-15T00:00:00"/>
    <x v="1"/>
    <x v="0"/>
    <s v="10828"/>
    <s v="GLNANDA"/>
    <n v="0"/>
    <n v="9"/>
    <s v="Billed Revenues"/>
    <s v="EXV"/>
    <s v="NONBU"/>
    <s v="G0000110"/>
    <s v="N"/>
    <s v="MACSS Dist Billed Revenue-03"/>
    <s v=""/>
    <x v="0"/>
    <s v="CAD0330601"/>
    <s v="S"/>
    <s v="KY"/>
    <s v="REV"/>
    <s v="974"/>
    <s v="GLBATCH"/>
    <n v="5"/>
    <n v="2016"/>
  </r>
  <r>
    <s v="110"/>
    <d v="2016-05-15T00:00:00"/>
    <x v="5"/>
    <x v="0"/>
    <s v="10828"/>
    <s v="GLNANDA"/>
    <n v="-21.07"/>
    <n v="0"/>
    <s v="Billed Revenues"/>
    <s v="EXV"/>
    <s v="NONBU"/>
    <s v="G0000110"/>
    <s v="N"/>
    <s v="MACSS Dist Billed Revenue-03"/>
    <s v=""/>
    <x v="0"/>
    <s v="CAD0330601"/>
    <s v="S"/>
    <s v="KY"/>
    <s v="REV"/>
    <s v="974"/>
    <s v="GLBATCH"/>
    <n v="5"/>
    <n v="2016"/>
  </r>
  <r>
    <s v="110"/>
    <d v="2016-05-15T00:00:00"/>
    <x v="3"/>
    <x v="0"/>
    <s v="10828"/>
    <s v="GLNANDA"/>
    <n v="-123985.68"/>
    <n v="-1475300"/>
    <s v="Billed Revenues"/>
    <s v="EXV"/>
    <s v="NONBU"/>
    <s v="G0000110"/>
    <s v="N"/>
    <s v="MACSS Dist Billed Revenue-03"/>
    <s v=""/>
    <x v="0"/>
    <s v="CAD0330601"/>
    <s v="S"/>
    <s v="KY"/>
    <s v="REV"/>
    <s v="974"/>
    <s v="GLBATCH"/>
    <n v="5"/>
    <n v="2016"/>
  </r>
  <r>
    <s v="110"/>
    <d v="2016-06-15T00:00:00"/>
    <x v="3"/>
    <x v="0"/>
    <s v="10828"/>
    <s v="GLNANDA"/>
    <n v="0"/>
    <n v="15"/>
    <s v="Billed Revenues"/>
    <s v="EXV"/>
    <s v="NONBU"/>
    <s v="G0000110"/>
    <s v="N"/>
    <s v="MACSS Dist Billed Revenue-03"/>
    <s v=""/>
    <x v="0"/>
    <s v="CAD0330602"/>
    <s v="S"/>
    <s v="KY"/>
    <s v="REV"/>
    <s v="974"/>
    <s v="GLBATCH"/>
    <n v="6"/>
    <n v="2016"/>
  </r>
  <r>
    <s v="110"/>
    <d v="2016-06-15T00:00:00"/>
    <x v="0"/>
    <x v="0"/>
    <s v="10828"/>
    <s v="GLNANDA"/>
    <n v="-5501804.5700000003"/>
    <n v="-98275866"/>
    <s v="Billed Revenues"/>
    <s v="EXV"/>
    <s v="NONBU"/>
    <s v="G0000110"/>
    <s v="N"/>
    <s v="MACSS Dist Billed Revenue-03"/>
    <s v=""/>
    <x v="0"/>
    <s v="CAD0330602"/>
    <s v="S"/>
    <s v="KY"/>
    <s v="REV"/>
    <s v="974"/>
    <s v="GLBATCH"/>
    <n v="6"/>
    <n v="2016"/>
  </r>
  <r>
    <s v="110"/>
    <d v="2016-06-15T00:00:00"/>
    <x v="5"/>
    <x v="0"/>
    <s v="10828"/>
    <s v="GLNANDA"/>
    <n v="0"/>
    <n v="60"/>
    <s v="Billed Revenues"/>
    <s v="EXV"/>
    <s v="NONBU"/>
    <s v="G0000110"/>
    <s v="N"/>
    <s v="MACSS Dist Billed Revenue-03"/>
    <s v=""/>
    <x v="0"/>
    <s v="CAD0330602"/>
    <s v="S"/>
    <s v="KY"/>
    <s v="REV"/>
    <s v="974"/>
    <s v="GLBATCH"/>
    <n v="6"/>
    <n v="2016"/>
  </r>
  <r>
    <s v="110"/>
    <d v="2016-06-15T00:00:00"/>
    <x v="5"/>
    <x v="0"/>
    <s v="10828"/>
    <s v="GLNANDA"/>
    <n v="-27743.14"/>
    <n v="-204273"/>
    <s v="Billed Revenues"/>
    <s v="EXV"/>
    <s v="NONBU"/>
    <s v="G0000110"/>
    <s v="N"/>
    <s v="MACSS Dist Billed Revenue-03"/>
    <s v=""/>
    <x v="0"/>
    <s v="CAD0330602"/>
    <s v="S"/>
    <s v="KY"/>
    <s v="REV"/>
    <s v="974"/>
    <s v="GLBATCH"/>
    <n v="6"/>
    <n v="2016"/>
  </r>
  <r>
    <s v="110"/>
    <d v="2016-06-15T00:00:00"/>
    <x v="7"/>
    <x v="0"/>
    <s v="10828"/>
    <s v="GLNANDA"/>
    <n v="0"/>
    <n v="45"/>
    <s v="Billed Revenues"/>
    <s v="EXV"/>
    <s v="NONBU"/>
    <s v="G0000110"/>
    <s v="N"/>
    <s v="MACSS Dist Billed Revenue-03"/>
    <s v=""/>
    <x v="0"/>
    <s v="CAD0330602"/>
    <s v="S"/>
    <s v="KY"/>
    <s v="REV"/>
    <s v="974"/>
    <s v="GLBATCH"/>
    <n v="6"/>
    <n v="2016"/>
  </r>
  <r>
    <s v="110"/>
    <d v="2016-06-15T00:00:00"/>
    <x v="7"/>
    <x v="0"/>
    <s v="10828"/>
    <s v="GLNANDA"/>
    <n v="-63930.44"/>
    <n v="-468419"/>
    <s v="Billed Revenues"/>
    <s v="EXV"/>
    <s v="NONBU"/>
    <s v="G0000110"/>
    <s v="N"/>
    <s v="MACSS Dist Billed Revenue-03"/>
    <s v=""/>
    <x v="0"/>
    <s v="CAD0330602"/>
    <s v="S"/>
    <s v="KY"/>
    <s v="REV"/>
    <s v="974"/>
    <s v="GLBATCH"/>
    <n v="6"/>
    <n v="2016"/>
  </r>
  <r>
    <s v="110"/>
    <d v="2016-06-15T00:00:00"/>
    <x v="6"/>
    <x v="0"/>
    <s v="10828"/>
    <s v="GLNANDA"/>
    <n v="0"/>
    <n v="18"/>
    <s v="Billed Revenues"/>
    <s v="EXV"/>
    <s v="NONBU"/>
    <s v="G0000110"/>
    <s v="N"/>
    <s v="MACSS Dist Billed Revenue-03"/>
    <s v=""/>
    <x v="0"/>
    <s v="CAD0330602"/>
    <s v="S"/>
    <s v="KY"/>
    <s v="REV"/>
    <s v="974"/>
    <s v="GLBATCH"/>
    <n v="6"/>
    <n v="2016"/>
  </r>
  <r>
    <s v="110"/>
    <d v="2016-06-15T00:00:00"/>
    <x v="6"/>
    <x v="0"/>
    <s v="10828"/>
    <s v="GLNANDA"/>
    <n v="-1945.54"/>
    <n v="-11792"/>
    <s v="Billed Revenues"/>
    <s v="EXV"/>
    <s v="NONBU"/>
    <s v="G0000110"/>
    <s v="N"/>
    <s v="MACSS Dist Billed Revenue-03"/>
    <s v=""/>
    <x v="0"/>
    <s v="CAD0330602"/>
    <s v="S"/>
    <s v="KY"/>
    <s v="REV"/>
    <s v="974"/>
    <s v="GLBATCH"/>
    <n v="6"/>
    <n v="2016"/>
  </r>
  <r>
    <s v="110"/>
    <d v="2016-06-15T00:00:00"/>
    <x v="1"/>
    <x v="0"/>
    <s v="10828"/>
    <s v="GLNANDA"/>
    <n v="0"/>
    <n v="2742"/>
    <s v="Billed Revenues"/>
    <s v="EXV"/>
    <s v="NONBU"/>
    <s v="G0000110"/>
    <s v="N"/>
    <s v="MACSS Dist Billed Revenue-03"/>
    <s v=""/>
    <x v="0"/>
    <s v="CAD0330602"/>
    <s v="S"/>
    <s v="KY"/>
    <s v="REV"/>
    <s v="974"/>
    <s v="GLBATCH"/>
    <n v="6"/>
    <n v="2016"/>
  </r>
  <r>
    <s v="110"/>
    <d v="2016-06-15T00:00:00"/>
    <x v="1"/>
    <x v="0"/>
    <s v="10828"/>
    <s v="GLNANDA"/>
    <n v="-281777.32"/>
    <n v="-2142466"/>
    <s v="Billed Revenues"/>
    <s v="EXV"/>
    <s v="NONBU"/>
    <s v="G0000110"/>
    <s v="N"/>
    <s v="MACSS Dist Billed Revenue-03"/>
    <s v=""/>
    <x v="0"/>
    <s v="CAD0330602"/>
    <s v="S"/>
    <s v="KY"/>
    <s v="REV"/>
    <s v="974"/>
    <s v="GLBATCH"/>
    <n v="6"/>
    <n v="2016"/>
  </r>
  <r>
    <s v="110"/>
    <d v="2016-06-15T00:00:00"/>
    <x v="4"/>
    <x v="0"/>
    <s v="10828"/>
    <s v="GLNANDA"/>
    <n v="0"/>
    <n v="3785"/>
    <s v="Billed Revenues"/>
    <s v="EXV"/>
    <s v="NONBU"/>
    <s v="G0000110"/>
    <s v="N"/>
    <s v="MACSS Dist Billed Revenue-03"/>
    <s v=""/>
    <x v="0"/>
    <s v="CAD0330602"/>
    <s v="S"/>
    <s v="KY"/>
    <s v="REV"/>
    <s v="974"/>
    <s v="GLBATCH"/>
    <n v="6"/>
    <n v="2016"/>
  </r>
  <r>
    <s v="110"/>
    <d v="2016-06-15T00:00:00"/>
    <x v="4"/>
    <x v="0"/>
    <s v="10828"/>
    <s v="GLNANDA"/>
    <n v="-463531.41"/>
    <n v="-3633954"/>
    <s v="Billed Revenues"/>
    <s v="EXV"/>
    <s v="NONBU"/>
    <s v="G0000110"/>
    <s v="N"/>
    <s v="MACSS Dist Billed Revenue-03"/>
    <s v=""/>
    <x v="0"/>
    <s v="CAD0330602"/>
    <s v="S"/>
    <s v="KY"/>
    <s v="REV"/>
    <s v="974"/>
    <s v="GLBATCH"/>
    <n v="6"/>
    <n v="2016"/>
  </r>
  <r>
    <s v="110"/>
    <d v="2016-06-15T00:00:00"/>
    <x v="2"/>
    <x v="0"/>
    <s v="10828"/>
    <s v="GLNANDA"/>
    <n v="0"/>
    <n v="1142"/>
    <s v="Billed Revenues"/>
    <s v="EXV"/>
    <s v="NONBU"/>
    <s v="G0000110"/>
    <s v="N"/>
    <s v="MACSS Dist Billed Revenue-03"/>
    <s v=""/>
    <x v="0"/>
    <s v="CAD0330602"/>
    <s v="S"/>
    <s v="KY"/>
    <s v="REV"/>
    <s v="974"/>
    <s v="GLBATCH"/>
    <n v="6"/>
    <n v="2016"/>
  </r>
  <r>
    <s v="110"/>
    <d v="2016-06-15T00:00:00"/>
    <x v="2"/>
    <x v="0"/>
    <s v="10828"/>
    <s v="GLNANDA"/>
    <n v="-249395.91"/>
    <n v="-1720489"/>
    <s v="Billed Revenues"/>
    <s v="EXV"/>
    <s v="NONBU"/>
    <s v="G0000110"/>
    <s v="N"/>
    <s v="MACSS Dist Billed Revenue-03"/>
    <s v=""/>
    <x v="0"/>
    <s v="CAD0330602"/>
    <s v="S"/>
    <s v="KY"/>
    <s v="REV"/>
    <s v="974"/>
    <s v="GLBATCH"/>
    <n v="6"/>
    <n v="2016"/>
  </r>
  <r>
    <s v="110"/>
    <d v="2016-06-15T00:00:00"/>
    <x v="0"/>
    <x v="0"/>
    <s v="10828"/>
    <s v="GLNANDA"/>
    <n v="0"/>
    <n v="37"/>
    <s v="Billed Revenues"/>
    <s v="EXV"/>
    <s v="NONBU"/>
    <s v="G0000110"/>
    <s v="N"/>
    <s v="MACSS Dist Billed Revenue-03"/>
    <s v=""/>
    <x v="0"/>
    <s v="CAD0330602"/>
    <s v="S"/>
    <s v="KY"/>
    <s v="REV"/>
    <s v="974"/>
    <s v="GLBATCH"/>
    <n v="6"/>
    <n v="2016"/>
  </r>
  <r>
    <s v="110"/>
    <d v="2016-06-15T00:00:00"/>
    <x v="3"/>
    <x v="0"/>
    <s v="10828"/>
    <s v="GLNANDA"/>
    <n v="-106712.09"/>
    <n v="-629649"/>
    <s v="Billed Revenues"/>
    <s v="EXV"/>
    <s v="NONBU"/>
    <s v="G0000110"/>
    <s v="N"/>
    <s v="MACSS Dist Billed Revenue-03"/>
    <s v=""/>
    <x v="0"/>
    <s v="CAD0330602"/>
    <s v="S"/>
    <s v="KY"/>
    <s v="REV"/>
    <s v="974"/>
    <s v="GLBATCH"/>
    <n v="6"/>
    <n v="2016"/>
  </r>
  <r>
    <s v="110"/>
    <d v="2016-06-15T00:00:00"/>
    <x v="3"/>
    <x v="0"/>
    <s v="10828"/>
    <s v="GLNANDA"/>
    <n v="0"/>
    <n v="21"/>
    <s v="Billed Revenues"/>
    <s v="EXV"/>
    <s v="NONBU"/>
    <s v="G0000110"/>
    <s v="N"/>
    <s v="MACSS Dist Billed Revenue-03"/>
    <s v=""/>
    <x v="0"/>
    <s v="CAD0330603"/>
    <s v="S"/>
    <s v="KY"/>
    <s v="REV"/>
    <s v="974"/>
    <s v="GLBATCH"/>
    <n v="6"/>
    <n v="2016"/>
  </r>
  <r>
    <s v="110"/>
    <d v="2016-06-15T00:00:00"/>
    <x v="0"/>
    <x v="0"/>
    <s v="10828"/>
    <s v="GLNANDA"/>
    <n v="-481414.41"/>
    <n v="-7910376"/>
    <s v="Billed Revenues"/>
    <s v="EXV"/>
    <s v="NONBU"/>
    <s v="G0000110"/>
    <s v="N"/>
    <s v="MACSS Dist Billed Revenue-03"/>
    <s v=""/>
    <x v="0"/>
    <s v="CAD0330603"/>
    <s v="S"/>
    <s v="KY"/>
    <s v="REV"/>
    <s v="974"/>
    <s v="GLBATCH"/>
    <n v="6"/>
    <n v="2016"/>
  </r>
  <r>
    <s v="110"/>
    <d v="2016-06-15T00:00:00"/>
    <x v="7"/>
    <x v="0"/>
    <s v="10828"/>
    <s v="GLNANDA"/>
    <n v="0"/>
    <n v="39"/>
    <s v="Billed Revenues"/>
    <s v="EXV"/>
    <s v="NONBU"/>
    <s v="G0000110"/>
    <s v="N"/>
    <s v="MACSS Dist Billed Revenue-03"/>
    <s v=""/>
    <x v="0"/>
    <s v="CAD0330603"/>
    <s v="S"/>
    <s v="KY"/>
    <s v="REV"/>
    <s v="974"/>
    <s v="GLBATCH"/>
    <n v="6"/>
    <n v="2016"/>
  </r>
  <r>
    <s v="110"/>
    <d v="2016-06-15T00:00:00"/>
    <x v="7"/>
    <x v="0"/>
    <s v="10828"/>
    <s v="GLNANDA"/>
    <n v="-82716.570000000007"/>
    <n v="-636726"/>
    <s v="Billed Revenues"/>
    <s v="EXV"/>
    <s v="NONBU"/>
    <s v="G0000110"/>
    <s v="N"/>
    <s v="MACSS Dist Billed Revenue-03"/>
    <s v=""/>
    <x v="0"/>
    <s v="CAD0330603"/>
    <s v="S"/>
    <s v="KY"/>
    <s v="REV"/>
    <s v="974"/>
    <s v="GLBATCH"/>
    <n v="6"/>
    <n v="2016"/>
  </r>
  <r>
    <s v="110"/>
    <d v="2016-06-15T00:00:00"/>
    <x v="6"/>
    <x v="0"/>
    <s v="10828"/>
    <s v="GLNANDA"/>
    <n v="0"/>
    <n v="20"/>
    <s v="Billed Revenues"/>
    <s v="EXV"/>
    <s v="NONBU"/>
    <s v="G0000110"/>
    <s v="N"/>
    <s v="MACSS Dist Billed Revenue-03"/>
    <s v=""/>
    <x v="0"/>
    <s v="CAD0330603"/>
    <s v="S"/>
    <s v="KY"/>
    <s v="REV"/>
    <s v="974"/>
    <s v="GLBATCH"/>
    <n v="6"/>
    <n v="2016"/>
  </r>
  <r>
    <s v="110"/>
    <d v="2016-06-15T00:00:00"/>
    <x v="6"/>
    <x v="0"/>
    <s v="10828"/>
    <s v="GLNANDA"/>
    <n v="-841.61"/>
    <n v="-1846"/>
    <s v="Billed Revenues"/>
    <s v="EXV"/>
    <s v="NONBU"/>
    <s v="G0000110"/>
    <s v="N"/>
    <s v="MACSS Dist Billed Revenue-03"/>
    <s v=""/>
    <x v="0"/>
    <s v="CAD0330603"/>
    <s v="S"/>
    <s v="KY"/>
    <s v="REV"/>
    <s v="974"/>
    <s v="GLBATCH"/>
    <n v="6"/>
    <n v="2016"/>
  </r>
  <r>
    <s v="110"/>
    <d v="2016-06-15T00:00:00"/>
    <x v="5"/>
    <x v="0"/>
    <s v="10828"/>
    <s v="GLNANDA"/>
    <n v="0"/>
    <n v="164"/>
    <s v="Billed Revenues"/>
    <s v="EXV"/>
    <s v="NONBU"/>
    <s v="G0000110"/>
    <s v="N"/>
    <s v="MACSS Dist Billed Revenue-03"/>
    <s v=""/>
    <x v="0"/>
    <s v="CAD0330603"/>
    <s v="S"/>
    <s v="KY"/>
    <s v="REV"/>
    <s v="974"/>
    <s v="GLBATCH"/>
    <n v="6"/>
    <n v="2016"/>
  </r>
  <r>
    <s v="110"/>
    <d v="2016-06-15T00:00:00"/>
    <x v="5"/>
    <x v="0"/>
    <s v="10828"/>
    <s v="GLNANDA"/>
    <n v="-204920.94"/>
    <n v="-1994147"/>
    <s v="Billed Revenues"/>
    <s v="EXV"/>
    <s v="NONBU"/>
    <s v="G0000110"/>
    <s v="N"/>
    <s v="MACSS Dist Billed Revenue-03"/>
    <s v=""/>
    <x v="0"/>
    <s v="CAD0330603"/>
    <s v="S"/>
    <s v="KY"/>
    <s v="REV"/>
    <s v="974"/>
    <s v="GLBATCH"/>
    <n v="6"/>
    <n v="2016"/>
  </r>
  <r>
    <s v="110"/>
    <d v="2016-06-15T00:00:00"/>
    <x v="4"/>
    <x v="0"/>
    <s v="10828"/>
    <s v="GLNANDA"/>
    <n v="0"/>
    <n v="4114"/>
    <s v="Billed Revenues"/>
    <s v="EXV"/>
    <s v="NONBU"/>
    <s v="G0000110"/>
    <s v="N"/>
    <s v="MACSS Dist Billed Revenue-03"/>
    <s v=""/>
    <x v="0"/>
    <s v="CAD0330603"/>
    <s v="S"/>
    <s v="KY"/>
    <s v="REV"/>
    <s v="974"/>
    <s v="GLBATCH"/>
    <n v="6"/>
    <n v="2016"/>
  </r>
  <r>
    <s v="110"/>
    <d v="2016-06-15T00:00:00"/>
    <x v="4"/>
    <x v="0"/>
    <s v="10828"/>
    <s v="GLNANDA"/>
    <n v="-499050.49"/>
    <n v="-3940670"/>
    <s v="Billed Revenues"/>
    <s v="EXV"/>
    <s v="NONBU"/>
    <s v="G0000110"/>
    <s v="N"/>
    <s v="MACSS Dist Billed Revenue-03"/>
    <s v=""/>
    <x v="0"/>
    <s v="CAD0330603"/>
    <s v="S"/>
    <s v="KY"/>
    <s v="REV"/>
    <s v="974"/>
    <s v="GLBATCH"/>
    <n v="6"/>
    <n v="2016"/>
  </r>
  <r>
    <s v="110"/>
    <d v="2016-06-15T00:00:00"/>
    <x v="2"/>
    <x v="0"/>
    <s v="10828"/>
    <s v="GLNANDA"/>
    <n v="0"/>
    <n v="1439"/>
    <s v="Billed Revenues"/>
    <s v="EXV"/>
    <s v="NONBU"/>
    <s v="G0000110"/>
    <s v="N"/>
    <s v="MACSS Dist Billed Revenue-03"/>
    <s v=""/>
    <x v="0"/>
    <s v="CAD0330603"/>
    <s v="S"/>
    <s v="KY"/>
    <s v="REV"/>
    <s v="974"/>
    <s v="GLBATCH"/>
    <n v="6"/>
    <n v="2016"/>
  </r>
  <r>
    <s v="110"/>
    <d v="2016-06-15T00:00:00"/>
    <x v="2"/>
    <x v="0"/>
    <s v="10828"/>
    <s v="GLNANDA"/>
    <n v="-724925.75"/>
    <n v="-6211209"/>
    <s v="Billed Revenues"/>
    <s v="EXV"/>
    <s v="NONBU"/>
    <s v="G0000110"/>
    <s v="N"/>
    <s v="MACSS Dist Billed Revenue-03"/>
    <s v=""/>
    <x v="0"/>
    <s v="CAD0330603"/>
    <s v="S"/>
    <s v="KY"/>
    <s v="REV"/>
    <s v="974"/>
    <s v="GLBATCH"/>
    <n v="6"/>
    <n v="2016"/>
  </r>
  <r>
    <s v="110"/>
    <d v="2016-06-15T00:00:00"/>
    <x v="1"/>
    <x v="0"/>
    <s v="10828"/>
    <s v="GLNANDA"/>
    <n v="0"/>
    <n v="3602"/>
    <s v="Billed Revenues"/>
    <s v="EXV"/>
    <s v="NONBU"/>
    <s v="G0000110"/>
    <s v="N"/>
    <s v="MACSS Dist Billed Revenue-03"/>
    <s v=""/>
    <x v="0"/>
    <s v="CAD0330603"/>
    <s v="S"/>
    <s v="KY"/>
    <s v="REV"/>
    <s v="974"/>
    <s v="GLBATCH"/>
    <n v="6"/>
    <n v="2016"/>
  </r>
  <r>
    <s v="110"/>
    <d v="2016-06-15T00:00:00"/>
    <x v="1"/>
    <x v="0"/>
    <s v="10828"/>
    <s v="GLNANDA"/>
    <n v="-391700.74"/>
    <n v="-3049796"/>
    <s v="Billed Revenues"/>
    <s v="EXV"/>
    <s v="NONBU"/>
    <s v="G0000110"/>
    <s v="N"/>
    <s v="MACSS Dist Billed Revenue-03"/>
    <s v=""/>
    <x v="0"/>
    <s v="CAD0330603"/>
    <s v="S"/>
    <s v="KY"/>
    <s v="REV"/>
    <s v="974"/>
    <s v="GLBATCH"/>
    <n v="6"/>
    <n v="2016"/>
  </r>
  <r>
    <s v="110"/>
    <d v="2016-06-15T00:00:00"/>
    <x v="0"/>
    <x v="0"/>
    <s v="10828"/>
    <s v="GLNANDA"/>
    <n v="0"/>
    <n v="38"/>
    <s v="Billed Revenues"/>
    <s v="EXV"/>
    <s v="NONBU"/>
    <s v="G0000110"/>
    <s v="N"/>
    <s v="MACSS Dist Billed Revenue-03"/>
    <s v=""/>
    <x v="0"/>
    <s v="CAD0330603"/>
    <s v="S"/>
    <s v="KY"/>
    <s v="REV"/>
    <s v="974"/>
    <s v="GLBATCH"/>
    <n v="6"/>
    <n v="2016"/>
  </r>
  <r>
    <s v="110"/>
    <d v="2016-06-15T00:00:00"/>
    <x v="3"/>
    <x v="0"/>
    <s v="10828"/>
    <s v="GLNANDA"/>
    <n v="-52838.62"/>
    <n v="-435225"/>
    <s v="Billed Revenues"/>
    <s v="EXV"/>
    <s v="NONBU"/>
    <s v="G0000110"/>
    <s v="N"/>
    <s v="MACSS Dist Billed Revenue-03"/>
    <s v=""/>
    <x v="0"/>
    <s v="CAD0330603"/>
    <s v="S"/>
    <s v="KY"/>
    <s v="REV"/>
    <s v="974"/>
    <s v="GLBATCH"/>
    <n v="6"/>
    <n v="2016"/>
  </r>
  <r>
    <s v="110"/>
    <d v="2016-06-15T00:00:00"/>
    <x v="3"/>
    <x v="0"/>
    <s v="10828"/>
    <s v="GLNANDA"/>
    <n v="0"/>
    <n v="5"/>
    <s v="Billed Revenues"/>
    <s v="EXV"/>
    <s v="NONBU"/>
    <s v="G0000110"/>
    <s v="N"/>
    <s v="MACSS Dist Billed Revenue-03"/>
    <s v=""/>
    <x v="0"/>
    <s v="CAD0330606"/>
    <s v="S"/>
    <s v="KY"/>
    <s v="REV"/>
    <s v="974"/>
    <s v="GLBATCH"/>
    <n v="6"/>
    <n v="2016"/>
  </r>
  <r>
    <s v="110"/>
    <d v="2016-06-15T00:00:00"/>
    <x v="0"/>
    <x v="0"/>
    <s v="10828"/>
    <s v="GLNANDA"/>
    <n v="-209453.68"/>
    <n v="-2775906"/>
    <s v="Billed Revenues"/>
    <s v="EXV"/>
    <s v="NONBU"/>
    <s v="G0000110"/>
    <s v="N"/>
    <s v="MACSS Dist Billed Revenue-03"/>
    <s v=""/>
    <x v="0"/>
    <s v="CAD0330606"/>
    <s v="S"/>
    <s v="KY"/>
    <s v="REV"/>
    <s v="974"/>
    <s v="GLBATCH"/>
    <n v="6"/>
    <n v="2016"/>
  </r>
  <r>
    <s v="110"/>
    <d v="2016-06-15T00:00:00"/>
    <x v="5"/>
    <x v="0"/>
    <s v="10828"/>
    <s v="GLNANDA"/>
    <n v="0"/>
    <n v="229"/>
    <s v="Billed Revenues"/>
    <s v="EXV"/>
    <s v="NONBU"/>
    <s v="G0000110"/>
    <s v="N"/>
    <s v="MACSS Dist Billed Revenue-03"/>
    <s v=""/>
    <x v="0"/>
    <s v="CAD0330606"/>
    <s v="S"/>
    <s v="KY"/>
    <s v="REV"/>
    <s v="974"/>
    <s v="GLBATCH"/>
    <n v="6"/>
    <n v="2016"/>
  </r>
  <r>
    <s v="110"/>
    <d v="2016-06-15T00:00:00"/>
    <x v="5"/>
    <x v="0"/>
    <s v="10828"/>
    <s v="GLNANDA"/>
    <n v="-105932.2"/>
    <n v="-795493"/>
    <s v="Billed Revenues"/>
    <s v="EXV"/>
    <s v="NONBU"/>
    <s v="G0000110"/>
    <s v="N"/>
    <s v="MACSS Dist Billed Revenue-03"/>
    <s v=""/>
    <x v="0"/>
    <s v="CAD0330606"/>
    <s v="S"/>
    <s v="KY"/>
    <s v="REV"/>
    <s v="974"/>
    <s v="GLBATCH"/>
    <n v="6"/>
    <n v="2016"/>
  </r>
  <r>
    <s v="110"/>
    <d v="2016-06-15T00:00:00"/>
    <x v="7"/>
    <x v="0"/>
    <s v="10828"/>
    <s v="GLNANDA"/>
    <n v="0"/>
    <n v="53"/>
    <s v="Billed Revenues"/>
    <s v="EXV"/>
    <s v="NONBU"/>
    <s v="G0000110"/>
    <s v="N"/>
    <s v="MACSS Dist Billed Revenue-03"/>
    <s v=""/>
    <x v="0"/>
    <s v="CAD0330606"/>
    <s v="S"/>
    <s v="KY"/>
    <s v="REV"/>
    <s v="974"/>
    <s v="GLBATCH"/>
    <n v="6"/>
    <n v="2016"/>
  </r>
  <r>
    <s v="110"/>
    <d v="2016-06-15T00:00:00"/>
    <x v="7"/>
    <x v="0"/>
    <s v="10828"/>
    <s v="GLNANDA"/>
    <n v="-123480.16"/>
    <n v="-985081"/>
    <s v="Billed Revenues"/>
    <s v="EXV"/>
    <s v="NONBU"/>
    <s v="G0000110"/>
    <s v="N"/>
    <s v="MACSS Dist Billed Revenue-03"/>
    <s v=""/>
    <x v="0"/>
    <s v="CAD0330606"/>
    <s v="S"/>
    <s v="KY"/>
    <s v="REV"/>
    <s v="974"/>
    <s v="GLBATCH"/>
    <n v="6"/>
    <n v="2016"/>
  </r>
  <r>
    <s v="110"/>
    <d v="2016-06-15T00:00:00"/>
    <x v="6"/>
    <x v="0"/>
    <s v="10828"/>
    <s v="GLNANDA"/>
    <n v="0"/>
    <n v="20"/>
    <s v="Billed Revenues"/>
    <s v="EXV"/>
    <s v="NONBU"/>
    <s v="G0000110"/>
    <s v="N"/>
    <s v="MACSS Dist Billed Revenue-03"/>
    <s v=""/>
    <x v="0"/>
    <s v="CAD0330606"/>
    <s v="S"/>
    <s v="KY"/>
    <s v="REV"/>
    <s v="974"/>
    <s v="GLBATCH"/>
    <n v="6"/>
    <n v="2016"/>
  </r>
  <r>
    <s v="110"/>
    <d v="2016-06-15T00:00:00"/>
    <x v="6"/>
    <x v="0"/>
    <s v="10828"/>
    <s v="GLNANDA"/>
    <n v="-2118.0300000000002"/>
    <n v="-13104"/>
    <s v="Billed Revenues"/>
    <s v="EXV"/>
    <s v="NONBU"/>
    <s v="G0000110"/>
    <s v="N"/>
    <s v="MACSS Dist Billed Revenue-03"/>
    <s v=""/>
    <x v="0"/>
    <s v="CAD0330606"/>
    <s v="S"/>
    <s v="KY"/>
    <s v="REV"/>
    <s v="974"/>
    <s v="GLBATCH"/>
    <n v="6"/>
    <n v="2016"/>
  </r>
  <r>
    <s v="110"/>
    <d v="2016-06-15T00:00:00"/>
    <x v="1"/>
    <x v="0"/>
    <s v="10828"/>
    <s v="GLNANDA"/>
    <n v="0"/>
    <n v="3266"/>
    <s v="Billed Revenues"/>
    <s v="EXV"/>
    <s v="NONBU"/>
    <s v="G0000110"/>
    <s v="N"/>
    <s v="MACSS Dist Billed Revenue-03"/>
    <s v=""/>
    <x v="0"/>
    <s v="CAD0330606"/>
    <s v="S"/>
    <s v="KY"/>
    <s v="REV"/>
    <s v="974"/>
    <s v="GLBATCH"/>
    <n v="6"/>
    <n v="2016"/>
  </r>
  <r>
    <s v="110"/>
    <d v="2016-06-15T00:00:00"/>
    <x v="1"/>
    <x v="0"/>
    <s v="10828"/>
    <s v="GLNANDA"/>
    <n v="-378775.15"/>
    <n v="-2969738"/>
    <s v="Billed Revenues"/>
    <s v="EXV"/>
    <s v="NONBU"/>
    <s v="G0000110"/>
    <s v="N"/>
    <s v="MACSS Dist Billed Revenue-03"/>
    <s v=""/>
    <x v="0"/>
    <s v="CAD0330606"/>
    <s v="S"/>
    <s v="KY"/>
    <s v="REV"/>
    <s v="974"/>
    <s v="GLBATCH"/>
    <n v="6"/>
    <n v="2016"/>
  </r>
  <r>
    <s v="110"/>
    <d v="2016-06-15T00:00:00"/>
    <x v="4"/>
    <x v="0"/>
    <s v="10828"/>
    <s v="GLNANDA"/>
    <n v="0"/>
    <n v="3783"/>
    <s v="Billed Revenues"/>
    <s v="EXV"/>
    <s v="NONBU"/>
    <s v="G0000110"/>
    <s v="N"/>
    <s v="MACSS Dist Billed Revenue-03"/>
    <s v=""/>
    <x v="0"/>
    <s v="CAD0330606"/>
    <s v="S"/>
    <s v="KY"/>
    <s v="REV"/>
    <s v="974"/>
    <s v="GLBATCH"/>
    <n v="6"/>
    <n v="2016"/>
  </r>
  <r>
    <s v="110"/>
    <d v="2016-06-15T00:00:00"/>
    <x v="4"/>
    <x v="0"/>
    <s v="10828"/>
    <s v="GLNANDA"/>
    <n v="-498463.7"/>
    <n v="-3956645"/>
    <s v="Billed Revenues"/>
    <s v="EXV"/>
    <s v="NONBU"/>
    <s v="G0000110"/>
    <s v="N"/>
    <s v="MACSS Dist Billed Revenue-03"/>
    <s v=""/>
    <x v="0"/>
    <s v="CAD0330606"/>
    <s v="S"/>
    <s v="KY"/>
    <s v="REV"/>
    <s v="974"/>
    <s v="GLBATCH"/>
    <n v="6"/>
    <n v="2016"/>
  </r>
  <r>
    <s v="110"/>
    <d v="2016-06-15T00:00:00"/>
    <x v="2"/>
    <x v="0"/>
    <s v="10828"/>
    <s v="GLNANDA"/>
    <n v="0"/>
    <n v="1238"/>
    <s v="Billed Revenues"/>
    <s v="EXV"/>
    <s v="NONBU"/>
    <s v="G0000110"/>
    <s v="N"/>
    <s v="MACSS Dist Billed Revenue-03"/>
    <s v=""/>
    <x v="0"/>
    <s v="CAD0330606"/>
    <s v="S"/>
    <s v="KY"/>
    <s v="REV"/>
    <s v="974"/>
    <s v="GLBATCH"/>
    <n v="6"/>
    <n v="2016"/>
  </r>
  <r>
    <s v="110"/>
    <d v="2016-06-15T00:00:00"/>
    <x v="2"/>
    <x v="0"/>
    <s v="10828"/>
    <s v="GLNANDA"/>
    <n v="-401960.02"/>
    <n v="-2973645"/>
    <s v="Billed Revenues"/>
    <s v="EXV"/>
    <s v="NONBU"/>
    <s v="G0000110"/>
    <s v="N"/>
    <s v="MACSS Dist Billed Revenue-03"/>
    <s v=""/>
    <x v="0"/>
    <s v="CAD0330606"/>
    <s v="S"/>
    <s v="KY"/>
    <s v="REV"/>
    <s v="974"/>
    <s v="GLBATCH"/>
    <n v="6"/>
    <n v="2016"/>
  </r>
  <r>
    <s v="110"/>
    <d v="2016-06-15T00:00:00"/>
    <x v="0"/>
    <x v="0"/>
    <s v="10828"/>
    <s v="GLNANDA"/>
    <n v="0"/>
    <n v="26"/>
    <s v="Billed Revenues"/>
    <s v="EXV"/>
    <s v="NONBU"/>
    <s v="G0000110"/>
    <s v="N"/>
    <s v="MACSS Dist Billed Revenue-03"/>
    <s v=""/>
    <x v="0"/>
    <s v="CAD0330606"/>
    <s v="S"/>
    <s v="KY"/>
    <s v="REV"/>
    <s v="974"/>
    <s v="GLBATCH"/>
    <n v="6"/>
    <n v="2016"/>
  </r>
  <r>
    <s v="110"/>
    <d v="2016-06-15T00:00:00"/>
    <x v="3"/>
    <x v="0"/>
    <s v="10828"/>
    <s v="GLNANDA"/>
    <n v="-35375.19"/>
    <n v="-291950"/>
    <s v="Billed Revenues"/>
    <s v="EXV"/>
    <s v="NONBU"/>
    <s v="G0000110"/>
    <s v="N"/>
    <s v="MACSS Dist Billed Revenue-03"/>
    <s v=""/>
    <x v="0"/>
    <s v="CAD0330606"/>
    <s v="S"/>
    <s v="KY"/>
    <s v="REV"/>
    <s v="974"/>
    <s v="GLBATCH"/>
    <n v="6"/>
    <n v="2016"/>
  </r>
  <r>
    <s v="110"/>
    <d v="2016-06-15T00:00:00"/>
    <x v="3"/>
    <x v="0"/>
    <s v="10828"/>
    <s v="GLNANDA"/>
    <n v="0"/>
    <n v="7"/>
    <s v="Billed Revenues"/>
    <s v="EXV"/>
    <s v="NONBU"/>
    <s v="G0000110"/>
    <s v="N"/>
    <s v="MACSS Dist Billed Revenue-03"/>
    <s v=""/>
    <x v="0"/>
    <s v="CAD0330607"/>
    <s v="S"/>
    <s v="KY"/>
    <s v="REV"/>
    <s v="974"/>
    <s v="GLBATCH"/>
    <n v="6"/>
    <n v="2016"/>
  </r>
  <r>
    <s v="110"/>
    <d v="2016-06-15T00:00:00"/>
    <x v="0"/>
    <x v="0"/>
    <s v="10828"/>
    <s v="GLNANDA"/>
    <n v="-126640.65"/>
    <n v="-903595"/>
    <s v="Billed Revenues"/>
    <s v="EXV"/>
    <s v="NONBU"/>
    <s v="G0000110"/>
    <s v="N"/>
    <s v="MACSS Dist Billed Revenue-03"/>
    <s v=""/>
    <x v="0"/>
    <s v="CAD0330607"/>
    <s v="S"/>
    <s v="KY"/>
    <s v="REV"/>
    <s v="974"/>
    <s v="GLBATCH"/>
    <n v="6"/>
    <n v="2016"/>
  </r>
  <r>
    <s v="110"/>
    <d v="2016-06-15T00:00:00"/>
    <x v="5"/>
    <x v="0"/>
    <s v="10828"/>
    <s v="GLNANDA"/>
    <n v="0"/>
    <n v="103"/>
    <s v="Billed Revenues"/>
    <s v="EXV"/>
    <s v="NONBU"/>
    <s v="G0000110"/>
    <s v="N"/>
    <s v="MACSS Dist Billed Revenue-03"/>
    <s v=""/>
    <x v="0"/>
    <s v="CAD0330607"/>
    <s v="S"/>
    <s v="KY"/>
    <s v="REV"/>
    <s v="974"/>
    <s v="GLBATCH"/>
    <n v="6"/>
    <n v="2016"/>
  </r>
  <r>
    <s v="110"/>
    <d v="2016-06-15T00:00:00"/>
    <x v="5"/>
    <x v="0"/>
    <s v="10828"/>
    <s v="GLNANDA"/>
    <n v="-53775.88"/>
    <n v="-404848"/>
    <s v="Billed Revenues"/>
    <s v="EXV"/>
    <s v="NONBU"/>
    <s v="G0000110"/>
    <s v="N"/>
    <s v="MACSS Dist Billed Revenue-03"/>
    <s v=""/>
    <x v="0"/>
    <s v="CAD0330607"/>
    <s v="S"/>
    <s v="KY"/>
    <s v="REV"/>
    <s v="974"/>
    <s v="GLBATCH"/>
    <n v="6"/>
    <n v="2016"/>
  </r>
  <r>
    <s v="110"/>
    <d v="2016-06-15T00:00:00"/>
    <x v="7"/>
    <x v="0"/>
    <s v="10828"/>
    <s v="GLNANDA"/>
    <n v="0"/>
    <n v="28"/>
    <s v="Billed Revenues"/>
    <s v="EXV"/>
    <s v="NONBU"/>
    <s v="G0000110"/>
    <s v="N"/>
    <s v="MACSS Dist Billed Revenue-03"/>
    <s v=""/>
    <x v="0"/>
    <s v="CAD0330607"/>
    <s v="S"/>
    <s v="KY"/>
    <s v="REV"/>
    <s v="974"/>
    <s v="GLBATCH"/>
    <n v="6"/>
    <n v="2016"/>
  </r>
  <r>
    <s v="110"/>
    <d v="2016-06-15T00:00:00"/>
    <x v="7"/>
    <x v="0"/>
    <s v="10828"/>
    <s v="GLNANDA"/>
    <n v="-60810.2"/>
    <n v="-471055"/>
    <s v="Billed Revenues"/>
    <s v="EXV"/>
    <s v="NONBU"/>
    <s v="G0000110"/>
    <s v="N"/>
    <s v="MACSS Dist Billed Revenue-03"/>
    <s v=""/>
    <x v="0"/>
    <s v="CAD0330607"/>
    <s v="S"/>
    <s v="KY"/>
    <s v="REV"/>
    <s v="974"/>
    <s v="GLBATCH"/>
    <n v="6"/>
    <n v="2016"/>
  </r>
  <r>
    <s v="110"/>
    <d v="2016-06-15T00:00:00"/>
    <x v="6"/>
    <x v="0"/>
    <s v="10828"/>
    <s v="GLNANDA"/>
    <n v="0"/>
    <n v="22"/>
    <s v="Billed Revenues"/>
    <s v="EXV"/>
    <s v="NONBU"/>
    <s v="G0000110"/>
    <s v="N"/>
    <s v="MACSS Dist Billed Revenue-03"/>
    <s v=""/>
    <x v="0"/>
    <s v="CAD0330607"/>
    <s v="S"/>
    <s v="KY"/>
    <s v="REV"/>
    <s v="974"/>
    <s v="GLBATCH"/>
    <n v="6"/>
    <n v="2016"/>
  </r>
  <r>
    <s v="110"/>
    <d v="2016-06-15T00:00:00"/>
    <x v="6"/>
    <x v="0"/>
    <s v="10828"/>
    <s v="GLNANDA"/>
    <n v="-1049.75"/>
    <n v="-3563"/>
    <s v="Billed Revenues"/>
    <s v="EXV"/>
    <s v="NONBU"/>
    <s v="G0000110"/>
    <s v="N"/>
    <s v="MACSS Dist Billed Revenue-03"/>
    <s v=""/>
    <x v="0"/>
    <s v="CAD0330607"/>
    <s v="S"/>
    <s v="KY"/>
    <s v="REV"/>
    <s v="974"/>
    <s v="GLBATCH"/>
    <n v="6"/>
    <n v="2016"/>
  </r>
  <r>
    <s v="110"/>
    <d v="2016-06-15T00:00:00"/>
    <x v="4"/>
    <x v="0"/>
    <s v="10828"/>
    <s v="GLNANDA"/>
    <n v="0"/>
    <n v="3439"/>
    <s v="Billed Revenues"/>
    <s v="EXV"/>
    <s v="NONBU"/>
    <s v="G0000110"/>
    <s v="N"/>
    <s v="MACSS Dist Billed Revenue-03"/>
    <s v=""/>
    <x v="0"/>
    <s v="CAD0330607"/>
    <s v="S"/>
    <s v="KY"/>
    <s v="REV"/>
    <s v="974"/>
    <s v="GLBATCH"/>
    <n v="6"/>
    <n v="2016"/>
  </r>
  <r>
    <s v="110"/>
    <d v="2016-06-15T00:00:00"/>
    <x v="4"/>
    <x v="0"/>
    <s v="10828"/>
    <s v="GLNANDA"/>
    <n v="-481319.49"/>
    <n v="-3838787"/>
    <s v="Billed Revenues"/>
    <s v="EXV"/>
    <s v="NONBU"/>
    <s v="G0000110"/>
    <s v="N"/>
    <s v="MACSS Dist Billed Revenue-03"/>
    <s v=""/>
    <x v="0"/>
    <s v="CAD0330607"/>
    <s v="S"/>
    <s v="KY"/>
    <s v="REV"/>
    <s v="974"/>
    <s v="GLBATCH"/>
    <n v="6"/>
    <n v="2016"/>
  </r>
  <r>
    <s v="110"/>
    <d v="2016-06-15T00:00:00"/>
    <x v="2"/>
    <x v="0"/>
    <s v="10828"/>
    <s v="GLNANDA"/>
    <n v="0"/>
    <n v="1126"/>
    <s v="Billed Revenues"/>
    <s v="EXV"/>
    <s v="NONBU"/>
    <s v="G0000110"/>
    <s v="N"/>
    <s v="MACSS Dist Billed Revenue-03"/>
    <s v=""/>
    <x v="0"/>
    <s v="CAD0330607"/>
    <s v="S"/>
    <s v="KY"/>
    <s v="REV"/>
    <s v="974"/>
    <s v="GLBATCH"/>
    <n v="6"/>
    <n v="2016"/>
  </r>
  <r>
    <s v="110"/>
    <d v="2016-06-15T00:00:00"/>
    <x v="2"/>
    <x v="0"/>
    <s v="10828"/>
    <s v="GLNANDA"/>
    <n v="-395104.61"/>
    <n v="-2919460"/>
    <s v="Billed Revenues"/>
    <s v="EXV"/>
    <s v="NONBU"/>
    <s v="G0000110"/>
    <s v="N"/>
    <s v="MACSS Dist Billed Revenue-03"/>
    <s v=""/>
    <x v="0"/>
    <s v="CAD0330607"/>
    <s v="S"/>
    <s v="KY"/>
    <s v="REV"/>
    <s v="974"/>
    <s v="GLBATCH"/>
    <n v="6"/>
    <n v="2016"/>
  </r>
  <r>
    <s v="110"/>
    <d v="2016-06-15T00:00:00"/>
    <x v="1"/>
    <x v="0"/>
    <s v="10828"/>
    <s v="GLNANDA"/>
    <n v="0"/>
    <n v="2839"/>
    <s v="Billed Revenues"/>
    <s v="EXV"/>
    <s v="NONBU"/>
    <s v="G0000110"/>
    <s v="N"/>
    <s v="MACSS Dist Billed Revenue-03"/>
    <s v=""/>
    <x v="0"/>
    <s v="CAD0330607"/>
    <s v="S"/>
    <s v="KY"/>
    <s v="REV"/>
    <s v="974"/>
    <s v="GLBATCH"/>
    <n v="6"/>
    <n v="2016"/>
  </r>
  <r>
    <s v="110"/>
    <d v="2016-06-15T00:00:00"/>
    <x v="1"/>
    <x v="0"/>
    <s v="10828"/>
    <s v="GLNANDA"/>
    <n v="-341656.57"/>
    <n v="-2669821"/>
    <s v="Billed Revenues"/>
    <s v="EXV"/>
    <s v="NONBU"/>
    <s v="G0000110"/>
    <s v="N"/>
    <s v="MACSS Dist Billed Revenue-03"/>
    <s v=""/>
    <x v="0"/>
    <s v="CAD0330607"/>
    <s v="S"/>
    <s v="KY"/>
    <s v="REV"/>
    <s v="974"/>
    <s v="GLBATCH"/>
    <n v="6"/>
    <n v="2016"/>
  </r>
  <r>
    <s v="110"/>
    <d v="2016-06-15T00:00:00"/>
    <x v="0"/>
    <x v="0"/>
    <s v="10828"/>
    <s v="GLNANDA"/>
    <n v="0"/>
    <n v="34"/>
    <s v="Billed Revenues"/>
    <s v="EXV"/>
    <s v="NONBU"/>
    <s v="G0000110"/>
    <s v="N"/>
    <s v="MACSS Dist Billed Revenue-03"/>
    <s v=""/>
    <x v="0"/>
    <s v="CAD0330607"/>
    <s v="S"/>
    <s v="KY"/>
    <s v="REV"/>
    <s v="974"/>
    <s v="GLBATCH"/>
    <n v="6"/>
    <n v="2016"/>
  </r>
  <r>
    <s v="110"/>
    <d v="2016-06-15T00:00:00"/>
    <x v="3"/>
    <x v="0"/>
    <s v="10828"/>
    <s v="GLNANDA"/>
    <n v="-7309.45"/>
    <n v="-56066"/>
    <s v="Billed Revenues"/>
    <s v="EXV"/>
    <s v="NONBU"/>
    <s v="G0000110"/>
    <s v="N"/>
    <s v="MACSS Dist Billed Revenue-03"/>
    <s v=""/>
    <x v="0"/>
    <s v="CAD0330607"/>
    <s v="S"/>
    <s v="KY"/>
    <s v="REV"/>
    <s v="974"/>
    <s v="GLBATCH"/>
    <n v="6"/>
    <n v="2016"/>
  </r>
  <r>
    <s v="110"/>
    <d v="2016-06-15T00:00:00"/>
    <x v="3"/>
    <x v="0"/>
    <s v="10828"/>
    <s v="GLNANDA"/>
    <n v="0"/>
    <n v="5"/>
    <s v="Billed Revenues"/>
    <s v="EXV"/>
    <s v="NONBU"/>
    <s v="G0000110"/>
    <s v="N"/>
    <s v="MACSS Dist Billed Revenue-03"/>
    <s v=""/>
    <x v="0"/>
    <s v="CAD0330608"/>
    <s v="S"/>
    <s v="KY"/>
    <s v="REV"/>
    <s v="974"/>
    <s v="GLBATCH"/>
    <n v="6"/>
    <n v="2016"/>
  </r>
  <r>
    <s v="110"/>
    <d v="2016-06-15T00:00:00"/>
    <x v="0"/>
    <x v="0"/>
    <s v="10828"/>
    <s v="GLNANDA"/>
    <n v="-77630.63"/>
    <n v="-1041127"/>
    <s v="Billed Revenues"/>
    <s v="EXV"/>
    <s v="NONBU"/>
    <s v="G0000110"/>
    <s v="N"/>
    <s v="MACSS Dist Billed Revenue-03"/>
    <s v=""/>
    <x v="0"/>
    <s v="CAD0330608"/>
    <s v="S"/>
    <s v="KY"/>
    <s v="REV"/>
    <s v="974"/>
    <s v="GLBATCH"/>
    <n v="6"/>
    <n v="2016"/>
  </r>
  <r>
    <s v="110"/>
    <d v="2016-06-15T00:00:00"/>
    <x v="7"/>
    <x v="0"/>
    <s v="10828"/>
    <s v="GLNANDA"/>
    <n v="0"/>
    <n v="40"/>
    <s v="Billed Revenues"/>
    <s v="EXV"/>
    <s v="NONBU"/>
    <s v="G0000110"/>
    <s v="N"/>
    <s v="MACSS Dist Billed Revenue-03"/>
    <s v=""/>
    <x v="0"/>
    <s v="CAD0330608"/>
    <s v="S"/>
    <s v="KY"/>
    <s v="REV"/>
    <s v="974"/>
    <s v="GLBATCH"/>
    <n v="6"/>
    <n v="2016"/>
  </r>
  <r>
    <s v="110"/>
    <d v="2016-06-15T00:00:00"/>
    <x v="7"/>
    <x v="0"/>
    <s v="10828"/>
    <s v="GLNANDA"/>
    <n v="-139297"/>
    <n v="-1155734"/>
    <s v="Billed Revenues"/>
    <s v="EXV"/>
    <s v="NONBU"/>
    <s v="G0000110"/>
    <s v="N"/>
    <s v="MACSS Dist Billed Revenue-03"/>
    <s v=""/>
    <x v="0"/>
    <s v="CAD0330608"/>
    <s v="S"/>
    <s v="KY"/>
    <s v="REV"/>
    <s v="974"/>
    <s v="GLBATCH"/>
    <n v="6"/>
    <n v="2016"/>
  </r>
  <r>
    <s v="110"/>
    <d v="2016-06-15T00:00:00"/>
    <x v="6"/>
    <x v="0"/>
    <s v="10828"/>
    <s v="GLNANDA"/>
    <n v="0"/>
    <n v="17"/>
    <s v="Billed Revenues"/>
    <s v="EXV"/>
    <s v="NONBU"/>
    <s v="G0000110"/>
    <s v="N"/>
    <s v="MACSS Dist Billed Revenue-03"/>
    <s v=""/>
    <x v="0"/>
    <s v="CAD0330608"/>
    <s v="S"/>
    <s v="KY"/>
    <s v="REV"/>
    <s v="974"/>
    <s v="GLBATCH"/>
    <n v="6"/>
    <n v="2016"/>
  </r>
  <r>
    <s v="110"/>
    <d v="2016-06-15T00:00:00"/>
    <x v="6"/>
    <x v="0"/>
    <s v="10828"/>
    <s v="GLNANDA"/>
    <n v="-1231.7"/>
    <n v="-6065"/>
    <s v="Billed Revenues"/>
    <s v="EXV"/>
    <s v="NONBU"/>
    <s v="G0000110"/>
    <s v="N"/>
    <s v="MACSS Dist Billed Revenue-03"/>
    <s v=""/>
    <x v="0"/>
    <s v="CAD0330608"/>
    <s v="S"/>
    <s v="KY"/>
    <s v="REV"/>
    <s v="974"/>
    <s v="GLBATCH"/>
    <n v="6"/>
    <n v="2016"/>
  </r>
  <r>
    <s v="110"/>
    <d v="2016-06-15T00:00:00"/>
    <x v="5"/>
    <x v="0"/>
    <s v="10828"/>
    <s v="GLNANDA"/>
    <n v="0"/>
    <n v="123"/>
    <s v="Billed Revenues"/>
    <s v="EXV"/>
    <s v="NONBU"/>
    <s v="G0000110"/>
    <s v="N"/>
    <s v="MACSS Dist Billed Revenue-03"/>
    <s v=""/>
    <x v="0"/>
    <s v="CAD0330608"/>
    <s v="S"/>
    <s v="KY"/>
    <s v="REV"/>
    <s v="974"/>
    <s v="GLBATCH"/>
    <n v="6"/>
    <n v="2016"/>
  </r>
  <r>
    <s v="110"/>
    <d v="2016-06-15T00:00:00"/>
    <x v="5"/>
    <x v="0"/>
    <s v="10828"/>
    <s v="GLNANDA"/>
    <n v="-119244.32"/>
    <n v="-1080031"/>
    <s v="Billed Revenues"/>
    <s v="EXV"/>
    <s v="NONBU"/>
    <s v="G0000110"/>
    <s v="N"/>
    <s v="MACSS Dist Billed Revenue-03"/>
    <s v=""/>
    <x v="0"/>
    <s v="CAD0330608"/>
    <s v="S"/>
    <s v="KY"/>
    <s v="REV"/>
    <s v="974"/>
    <s v="GLBATCH"/>
    <n v="6"/>
    <n v="2016"/>
  </r>
  <r>
    <s v="110"/>
    <d v="2016-06-15T00:00:00"/>
    <x v="4"/>
    <x v="0"/>
    <s v="10828"/>
    <s v="GLNANDA"/>
    <n v="0"/>
    <n v="4435"/>
    <s v="Billed Revenues"/>
    <s v="EXV"/>
    <s v="NONBU"/>
    <s v="G0000110"/>
    <s v="N"/>
    <s v="MACSS Dist Billed Revenue-03"/>
    <s v=""/>
    <x v="0"/>
    <s v="CAD0330608"/>
    <s v="S"/>
    <s v="KY"/>
    <s v="REV"/>
    <s v="974"/>
    <s v="GLBATCH"/>
    <n v="6"/>
    <n v="2016"/>
  </r>
  <r>
    <s v="110"/>
    <d v="2016-06-15T00:00:00"/>
    <x v="4"/>
    <x v="0"/>
    <s v="10828"/>
    <s v="GLNANDA"/>
    <n v="-608676.34"/>
    <n v="-4855582"/>
    <s v="Billed Revenues"/>
    <s v="EXV"/>
    <s v="NONBU"/>
    <s v="G0000110"/>
    <s v="N"/>
    <s v="MACSS Dist Billed Revenue-03"/>
    <s v=""/>
    <x v="0"/>
    <s v="CAD0330608"/>
    <s v="S"/>
    <s v="KY"/>
    <s v="REV"/>
    <s v="974"/>
    <s v="GLBATCH"/>
    <n v="6"/>
    <n v="2016"/>
  </r>
  <r>
    <s v="110"/>
    <d v="2016-06-15T00:00:00"/>
    <x v="2"/>
    <x v="0"/>
    <s v="10828"/>
    <s v="GLNANDA"/>
    <n v="0"/>
    <n v="1160"/>
    <s v="Billed Revenues"/>
    <s v="EXV"/>
    <s v="NONBU"/>
    <s v="G0000110"/>
    <s v="N"/>
    <s v="MACSS Dist Billed Revenue-03"/>
    <s v=""/>
    <x v="0"/>
    <s v="CAD0330608"/>
    <s v="S"/>
    <s v="KY"/>
    <s v="REV"/>
    <s v="974"/>
    <s v="GLBATCH"/>
    <n v="6"/>
    <n v="2016"/>
  </r>
  <r>
    <s v="110"/>
    <d v="2016-06-15T00:00:00"/>
    <x v="2"/>
    <x v="0"/>
    <s v="10828"/>
    <s v="GLNANDA"/>
    <n v="-455189.65"/>
    <n v="-3454083"/>
    <s v="Billed Revenues"/>
    <s v="EXV"/>
    <s v="NONBU"/>
    <s v="G0000110"/>
    <s v="N"/>
    <s v="MACSS Dist Billed Revenue-03"/>
    <s v=""/>
    <x v="0"/>
    <s v="CAD0330608"/>
    <s v="S"/>
    <s v="KY"/>
    <s v="REV"/>
    <s v="974"/>
    <s v="GLBATCH"/>
    <n v="6"/>
    <n v="2016"/>
  </r>
  <r>
    <s v="110"/>
    <d v="2016-06-15T00:00:00"/>
    <x v="1"/>
    <x v="0"/>
    <s v="10828"/>
    <s v="GLNANDA"/>
    <n v="0"/>
    <n v="2966"/>
    <s v="Billed Revenues"/>
    <s v="EXV"/>
    <s v="NONBU"/>
    <s v="G0000110"/>
    <s v="N"/>
    <s v="MACSS Dist Billed Revenue-03"/>
    <s v=""/>
    <x v="0"/>
    <s v="CAD0330608"/>
    <s v="S"/>
    <s v="KY"/>
    <s v="REV"/>
    <s v="974"/>
    <s v="GLBATCH"/>
    <n v="6"/>
    <n v="2016"/>
  </r>
  <r>
    <s v="110"/>
    <d v="2016-06-15T00:00:00"/>
    <x v="1"/>
    <x v="0"/>
    <s v="10828"/>
    <s v="GLNANDA"/>
    <n v="-333898.65999999997"/>
    <n v="-2587504"/>
    <s v="Billed Revenues"/>
    <s v="EXV"/>
    <s v="NONBU"/>
    <s v="G0000110"/>
    <s v="N"/>
    <s v="MACSS Dist Billed Revenue-03"/>
    <s v=""/>
    <x v="0"/>
    <s v="CAD0330608"/>
    <s v="S"/>
    <s v="KY"/>
    <s v="REV"/>
    <s v="974"/>
    <s v="GLBATCH"/>
    <n v="6"/>
    <n v="2016"/>
  </r>
  <r>
    <s v="110"/>
    <d v="2016-06-15T00:00:00"/>
    <x v="0"/>
    <x v="0"/>
    <s v="10828"/>
    <s v="GLNANDA"/>
    <n v="0"/>
    <n v="39"/>
    <s v="Billed Revenues"/>
    <s v="EXV"/>
    <s v="NONBU"/>
    <s v="G0000110"/>
    <s v="N"/>
    <s v="MACSS Dist Billed Revenue-03"/>
    <s v=""/>
    <x v="0"/>
    <s v="CAD0330608"/>
    <s v="S"/>
    <s v="KY"/>
    <s v="REV"/>
    <s v="974"/>
    <s v="GLBATCH"/>
    <n v="6"/>
    <n v="2016"/>
  </r>
  <r>
    <s v="110"/>
    <d v="2016-06-15T00:00:00"/>
    <x v="3"/>
    <x v="0"/>
    <s v="10828"/>
    <s v="GLNANDA"/>
    <n v="-120389.74"/>
    <n v="-1019000"/>
    <s v="Billed Revenues"/>
    <s v="EXV"/>
    <s v="NONBU"/>
    <s v="G0000110"/>
    <s v="N"/>
    <s v="MACSS Dist Billed Revenue-03"/>
    <s v=""/>
    <x v="0"/>
    <s v="CAD0330608"/>
    <s v="S"/>
    <s v="KY"/>
    <s v="REV"/>
    <s v="974"/>
    <s v="GLBATCH"/>
    <n v="6"/>
    <n v="2016"/>
  </r>
  <r>
    <s v="110"/>
    <d v="2016-06-15T00:00:00"/>
    <x v="3"/>
    <x v="0"/>
    <s v="10828"/>
    <s v="GLNANDA"/>
    <n v="0"/>
    <n v="24"/>
    <s v="Billed Revenues"/>
    <s v="EXV"/>
    <s v="NONBU"/>
    <s v="G0000110"/>
    <s v="N"/>
    <s v="MACSS Dist Billed Revenue-03"/>
    <s v=""/>
    <x v="0"/>
    <s v="CAD0330609"/>
    <s v="S"/>
    <s v="KY"/>
    <s v="REV"/>
    <s v="974"/>
    <s v="GLBATCH"/>
    <n v="6"/>
    <n v="2016"/>
  </r>
  <r>
    <s v="110"/>
    <d v="2016-06-15T00:00:00"/>
    <x v="3"/>
    <x v="0"/>
    <s v="10828"/>
    <s v="GLNANDA"/>
    <n v="-141274.07999999999"/>
    <n v="-697659"/>
    <s v="Billed Revenues"/>
    <s v="EXV"/>
    <s v="NONBU"/>
    <s v="G0000110"/>
    <s v="N"/>
    <s v="MACSS Dist Billed Revenue-03"/>
    <s v=""/>
    <x v="0"/>
    <s v="CAD0330609"/>
    <s v="S"/>
    <s v="KY"/>
    <s v="REV"/>
    <s v="974"/>
    <s v="GLBATCH"/>
    <n v="6"/>
    <n v="2016"/>
  </r>
  <r>
    <s v="110"/>
    <d v="2016-06-15T00:00:00"/>
    <x v="7"/>
    <x v="0"/>
    <s v="10828"/>
    <s v="GLNANDA"/>
    <n v="0"/>
    <n v="53"/>
    <s v="Billed Revenues"/>
    <s v="EXV"/>
    <s v="NONBU"/>
    <s v="G0000110"/>
    <s v="N"/>
    <s v="MACSS Dist Billed Revenue-03"/>
    <s v=""/>
    <x v="0"/>
    <s v="CAD0330609"/>
    <s v="S"/>
    <s v="KY"/>
    <s v="REV"/>
    <s v="974"/>
    <s v="GLBATCH"/>
    <n v="6"/>
    <n v="2016"/>
  </r>
  <r>
    <s v="110"/>
    <d v="2016-06-15T00:00:00"/>
    <x v="7"/>
    <x v="0"/>
    <s v="10828"/>
    <s v="GLNANDA"/>
    <n v="-56619.74"/>
    <n v="-400421"/>
    <s v="Billed Revenues"/>
    <s v="EXV"/>
    <s v="NONBU"/>
    <s v="G0000110"/>
    <s v="N"/>
    <s v="MACSS Dist Billed Revenue-03"/>
    <s v=""/>
    <x v="0"/>
    <s v="CAD0330609"/>
    <s v="S"/>
    <s v="KY"/>
    <s v="REV"/>
    <s v="974"/>
    <s v="GLBATCH"/>
    <n v="6"/>
    <n v="2016"/>
  </r>
  <r>
    <s v="110"/>
    <d v="2016-06-15T00:00:00"/>
    <x v="6"/>
    <x v="0"/>
    <s v="10828"/>
    <s v="GLNANDA"/>
    <n v="0"/>
    <n v="15"/>
    <s v="Billed Revenues"/>
    <s v="EXV"/>
    <s v="NONBU"/>
    <s v="G0000110"/>
    <s v="N"/>
    <s v="MACSS Dist Billed Revenue-03"/>
    <s v=""/>
    <x v="0"/>
    <s v="CAD0330609"/>
    <s v="S"/>
    <s v="KY"/>
    <s v="REV"/>
    <s v="974"/>
    <s v="GLBATCH"/>
    <n v="6"/>
    <n v="2016"/>
  </r>
  <r>
    <s v="110"/>
    <d v="2016-06-15T00:00:00"/>
    <x v="6"/>
    <x v="0"/>
    <s v="10828"/>
    <s v="GLNANDA"/>
    <n v="-656.97"/>
    <n v="-2106"/>
    <s v="Billed Revenues"/>
    <s v="EXV"/>
    <s v="NONBU"/>
    <s v="G0000110"/>
    <s v="N"/>
    <s v="MACSS Dist Billed Revenue-03"/>
    <s v=""/>
    <x v="0"/>
    <s v="CAD0330609"/>
    <s v="S"/>
    <s v="KY"/>
    <s v="REV"/>
    <s v="974"/>
    <s v="GLBATCH"/>
    <n v="6"/>
    <n v="2016"/>
  </r>
  <r>
    <s v="110"/>
    <d v="2016-06-15T00:00:00"/>
    <x v="5"/>
    <x v="0"/>
    <s v="10828"/>
    <s v="GLNANDA"/>
    <n v="0"/>
    <n v="154"/>
    <s v="Billed Revenues"/>
    <s v="EXV"/>
    <s v="NONBU"/>
    <s v="G0000110"/>
    <s v="N"/>
    <s v="MACSS Dist Billed Revenue-03"/>
    <s v=""/>
    <x v="0"/>
    <s v="CAD0330609"/>
    <s v="S"/>
    <s v="KY"/>
    <s v="REV"/>
    <s v="974"/>
    <s v="GLBATCH"/>
    <n v="6"/>
    <n v="2016"/>
  </r>
  <r>
    <s v="110"/>
    <d v="2016-06-15T00:00:00"/>
    <x v="5"/>
    <x v="0"/>
    <s v="10828"/>
    <s v="GLNANDA"/>
    <n v="-117710.76"/>
    <n v="-936276"/>
    <s v="Billed Revenues"/>
    <s v="EXV"/>
    <s v="NONBU"/>
    <s v="G0000110"/>
    <s v="N"/>
    <s v="MACSS Dist Billed Revenue-03"/>
    <s v=""/>
    <x v="0"/>
    <s v="CAD0330609"/>
    <s v="S"/>
    <s v="KY"/>
    <s v="REV"/>
    <s v="974"/>
    <s v="GLBATCH"/>
    <n v="6"/>
    <n v="2016"/>
  </r>
  <r>
    <s v="110"/>
    <d v="2016-06-15T00:00:00"/>
    <x v="4"/>
    <x v="0"/>
    <s v="10828"/>
    <s v="GLNANDA"/>
    <n v="0"/>
    <n v="4933"/>
    <s v="Billed Revenues"/>
    <s v="EXV"/>
    <s v="NONBU"/>
    <s v="G0000110"/>
    <s v="N"/>
    <s v="MACSS Dist Billed Revenue-03"/>
    <s v=""/>
    <x v="0"/>
    <s v="CAD0330609"/>
    <s v="S"/>
    <s v="KY"/>
    <s v="REV"/>
    <s v="974"/>
    <s v="GLBATCH"/>
    <n v="6"/>
    <n v="2016"/>
  </r>
  <r>
    <s v="110"/>
    <d v="2016-06-15T00:00:00"/>
    <x v="4"/>
    <x v="0"/>
    <s v="10828"/>
    <s v="GLNANDA"/>
    <n v="-641573.96"/>
    <n v="-5096730"/>
    <s v="Billed Revenues"/>
    <s v="EXV"/>
    <s v="NONBU"/>
    <s v="G0000110"/>
    <s v="N"/>
    <s v="MACSS Dist Billed Revenue-03"/>
    <s v=""/>
    <x v="0"/>
    <s v="CAD0330609"/>
    <s v="S"/>
    <s v="KY"/>
    <s v="REV"/>
    <s v="974"/>
    <s v="GLBATCH"/>
    <n v="6"/>
    <n v="2016"/>
  </r>
  <r>
    <s v="110"/>
    <d v="2016-06-15T00:00:00"/>
    <x v="2"/>
    <x v="0"/>
    <s v="10828"/>
    <s v="GLNANDA"/>
    <n v="0"/>
    <n v="1635"/>
    <s v="Billed Revenues"/>
    <s v="EXV"/>
    <s v="NONBU"/>
    <s v="G0000110"/>
    <s v="N"/>
    <s v="MACSS Dist Billed Revenue-03"/>
    <s v=""/>
    <x v="0"/>
    <s v="CAD0330609"/>
    <s v="S"/>
    <s v="KY"/>
    <s v="REV"/>
    <s v="974"/>
    <s v="GLBATCH"/>
    <n v="6"/>
    <n v="2016"/>
  </r>
  <r>
    <s v="110"/>
    <d v="2016-06-15T00:00:00"/>
    <x v="2"/>
    <x v="0"/>
    <s v="10828"/>
    <s v="GLNANDA"/>
    <n v="-795677.34"/>
    <n v="-6867252"/>
    <s v="Billed Revenues"/>
    <s v="EXV"/>
    <s v="NONBU"/>
    <s v="G0000110"/>
    <s v="N"/>
    <s v="MACSS Dist Billed Revenue-03"/>
    <s v=""/>
    <x v="0"/>
    <s v="CAD0330609"/>
    <s v="S"/>
    <s v="KY"/>
    <s v="REV"/>
    <s v="974"/>
    <s v="GLBATCH"/>
    <n v="6"/>
    <n v="2016"/>
  </r>
  <r>
    <s v="110"/>
    <d v="2016-06-15T00:00:00"/>
    <x v="1"/>
    <x v="0"/>
    <s v="10828"/>
    <s v="GLNANDA"/>
    <n v="0"/>
    <n v="2484"/>
    <s v="Billed Revenues"/>
    <s v="EXV"/>
    <s v="NONBU"/>
    <s v="G0000110"/>
    <s v="N"/>
    <s v="MACSS Dist Billed Revenue-03"/>
    <s v=""/>
    <x v="0"/>
    <s v="CAD0330609"/>
    <s v="S"/>
    <s v="KY"/>
    <s v="REV"/>
    <s v="974"/>
    <s v="GLBATCH"/>
    <n v="6"/>
    <n v="2016"/>
  </r>
  <r>
    <s v="110"/>
    <d v="2016-06-15T00:00:00"/>
    <x v="1"/>
    <x v="0"/>
    <s v="10828"/>
    <s v="GLNANDA"/>
    <n v="-281646.05"/>
    <n v="-2179948"/>
    <s v="Billed Revenues"/>
    <s v="EXV"/>
    <s v="NONBU"/>
    <s v="G0000110"/>
    <s v="N"/>
    <s v="MACSS Dist Billed Revenue-03"/>
    <s v=""/>
    <x v="0"/>
    <s v="CAD0330609"/>
    <s v="S"/>
    <s v="KY"/>
    <s v="REV"/>
    <s v="974"/>
    <s v="GLBATCH"/>
    <n v="6"/>
    <n v="2016"/>
  </r>
  <r>
    <s v="110"/>
    <d v="2016-06-15T00:00:00"/>
    <x v="0"/>
    <x v="0"/>
    <s v="10828"/>
    <s v="GLNANDA"/>
    <n v="0"/>
    <n v="23"/>
    <s v="Billed Revenues"/>
    <s v="EXV"/>
    <s v="NONBU"/>
    <s v="G0000110"/>
    <s v="N"/>
    <s v="MACSS Dist Billed Revenue-03"/>
    <s v=""/>
    <x v="0"/>
    <s v="CAD0330609"/>
    <s v="S"/>
    <s v="KY"/>
    <s v="REV"/>
    <s v="974"/>
    <s v="GLBATCH"/>
    <n v="6"/>
    <n v="2016"/>
  </r>
  <r>
    <s v="110"/>
    <d v="2016-06-15T00:00:00"/>
    <x v="0"/>
    <x v="0"/>
    <s v="10828"/>
    <s v="GLNANDA"/>
    <n v="-18804.09"/>
    <n v="-134053"/>
    <s v="Billed Revenues"/>
    <s v="EXV"/>
    <s v="NONBU"/>
    <s v="G0000110"/>
    <s v="N"/>
    <s v="MACSS Dist Billed Revenue-03"/>
    <s v=""/>
    <x v="0"/>
    <s v="CAD0330609"/>
    <s v="S"/>
    <s v="KY"/>
    <s v="REV"/>
    <s v="974"/>
    <s v="GLBATCH"/>
    <n v="6"/>
    <n v="2016"/>
  </r>
  <r>
    <s v="110"/>
    <d v="2016-06-15T00:00:00"/>
    <x v="4"/>
    <x v="0"/>
    <s v="10828"/>
    <s v="GLNANDA"/>
    <n v="0"/>
    <n v="3518"/>
    <s v="Billed Revenues"/>
    <s v="EXV"/>
    <s v="NONBU"/>
    <s v="G0000110"/>
    <s v="N"/>
    <s v="MACSS Dist Billed Revenue-03"/>
    <s v=""/>
    <x v="0"/>
    <s v="CAD0330610"/>
    <s v="S"/>
    <s v="KY"/>
    <s v="REV"/>
    <s v="974"/>
    <s v="GLBATCH"/>
    <n v="6"/>
    <n v="2016"/>
  </r>
  <r>
    <s v="110"/>
    <d v="2016-06-15T00:00:00"/>
    <x v="4"/>
    <x v="0"/>
    <s v="10828"/>
    <s v="GLNANDA"/>
    <n v="-460437.13"/>
    <n v="-3633421"/>
    <s v="Billed Revenues"/>
    <s v="EXV"/>
    <s v="NONBU"/>
    <s v="G0000110"/>
    <s v="N"/>
    <s v="MACSS Dist Billed Revenue-03"/>
    <s v=""/>
    <x v="0"/>
    <s v="CAD0330610"/>
    <s v="S"/>
    <s v="KY"/>
    <s v="REV"/>
    <s v="974"/>
    <s v="GLBATCH"/>
    <n v="6"/>
    <n v="2016"/>
  </r>
  <r>
    <s v="110"/>
    <d v="2016-06-15T00:00:00"/>
    <x v="2"/>
    <x v="0"/>
    <s v="10828"/>
    <s v="GLNANDA"/>
    <n v="0"/>
    <n v="1412"/>
    <s v="Billed Revenues"/>
    <s v="EXV"/>
    <s v="NONBU"/>
    <s v="G0000110"/>
    <s v="N"/>
    <s v="MACSS Dist Billed Revenue-03"/>
    <s v=""/>
    <x v="0"/>
    <s v="CAD0330610"/>
    <s v="S"/>
    <s v="KY"/>
    <s v="REV"/>
    <s v="974"/>
    <s v="GLBATCH"/>
    <n v="6"/>
    <n v="2016"/>
  </r>
  <r>
    <s v="110"/>
    <d v="2016-06-15T00:00:00"/>
    <x v="1"/>
    <x v="0"/>
    <s v="10828"/>
    <s v="GLNANDA"/>
    <n v="0"/>
    <n v="1849"/>
    <s v="Billed Revenues"/>
    <s v="EXV"/>
    <s v="NONBU"/>
    <s v="G0000110"/>
    <s v="N"/>
    <s v="MACSS Dist Billed Revenue-03"/>
    <s v=""/>
    <x v="0"/>
    <s v="CAD0330610"/>
    <s v="S"/>
    <s v="KY"/>
    <s v="REV"/>
    <s v="974"/>
    <s v="GLBATCH"/>
    <n v="6"/>
    <n v="2016"/>
  </r>
  <r>
    <s v="110"/>
    <d v="2016-06-15T00:00:00"/>
    <x v="1"/>
    <x v="0"/>
    <s v="10828"/>
    <s v="GLNANDA"/>
    <n v="-194159.02"/>
    <n v="-1464858"/>
    <s v="Billed Revenues"/>
    <s v="EXV"/>
    <s v="NONBU"/>
    <s v="G0000110"/>
    <s v="N"/>
    <s v="MACSS Dist Billed Revenue-03"/>
    <s v=""/>
    <x v="0"/>
    <s v="CAD0330610"/>
    <s v="S"/>
    <s v="KY"/>
    <s v="REV"/>
    <s v="974"/>
    <s v="GLBATCH"/>
    <n v="6"/>
    <n v="2016"/>
  </r>
  <r>
    <s v="110"/>
    <d v="2016-06-15T00:00:00"/>
    <x v="0"/>
    <x v="0"/>
    <s v="10828"/>
    <s v="GLNANDA"/>
    <n v="0"/>
    <n v="44"/>
    <s v="Billed Revenues"/>
    <s v="EXV"/>
    <s v="NONBU"/>
    <s v="G0000110"/>
    <s v="N"/>
    <s v="MACSS Dist Billed Revenue-03"/>
    <s v=""/>
    <x v="0"/>
    <s v="CAD0330610"/>
    <s v="S"/>
    <s v="KY"/>
    <s v="REV"/>
    <s v="974"/>
    <s v="GLBATCH"/>
    <n v="6"/>
    <n v="2016"/>
  </r>
  <r>
    <s v="110"/>
    <d v="2016-06-15T00:00:00"/>
    <x v="0"/>
    <x v="0"/>
    <s v="10828"/>
    <s v="GLNANDA"/>
    <n v="-1276808.1200000001"/>
    <n v="-20364279"/>
    <s v="Billed Revenues"/>
    <s v="EXV"/>
    <s v="NONBU"/>
    <s v="G0000110"/>
    <s v="N"/>
    <s v="MACSS Dist Billed Revenue-03"/>
    <s v=""/>
    <x v="0"/>
    <s v="CAD0330610"/>
    <s v="S"/>
    <s v="KY"/>
    <s v="REV"/>
    <s v="974"/>
    <s v="GLBATCH"/>
    <n v="6"/>
    <n v="2016"/>
  </r>
  <r>
    <s v="110"/>
    <d v="2016-06-15T00:00:00"/>
    <x v="2"/>
    <x v="0"/>
    <s v="10828"/>
    <s v="GLNANDA"/>
    <n v="-462091.96"/>
    <n v="-3318921"/>
    <s v="Billed Revenues"/>
    <s v="EXV"/>
    <s v="NONBU"/>
    <s v="G0000110"/>
    <s v="N"/>
    <s v="MACSS Dist Billed Revenue-03"/>
    <s v=""/>
    <x v="0"/>
    <s v="CAD0330610"/>
    <s v="S"/>
    <s v="KY"/>
    <s v="REV"/>
    <s v="974"/>
    <s v="GLBATCH"/>
    <n v="6"/>
    <n v="2016"/>
  </r>
  <r>
    <s v="110"/>
    <d v="2016-06-15T00:00:00"/>
    <x v="7"/>
    <x v="0"/>
    <s v="10828"/>
    <s v="GLNANDA"/>
    <n v="0"/>
    <n v="33"/>
    <s v="Billed Revenues"/>
    <s v="EXV"/>
    <s v="NONBU"/>
    <s v="G0000110"/>
    <s v="N"/>
    <s v="MACSS Dist Billed Revenue-03"/>
    <s v=""/>
    <x v="0"/>
    <s v="CAD0330610"/>
    <s v="S"/>
    <s v="KY"/>
    <s v="REV"/>
    <s v="974"/>
    <s v="GLBATCH"/>
    <n v="6"/>
    <n v="2016"/>
  </r>
  <r>
    <s v="110"/>
    <d v="2016-06-15T00:00:00"/>
    <x v="7"/>
    <x v="0"/>
    <s v="10828"/>
    <s v="GLNANDA"/>
    <n v="-67421.83"/>
    <n v="-602651"/>
    <s v="Billed Revenues"/>
    <s v="EXV"/>
    <s v="NONBU"/>
    <s v="G0000110"/>
    <s v="N"/>
    <s v="MACSS Dist Billed Revenue-03"/>
    <s v=""/>
    <x v="0"/>
    <s v="CAD0330610"/>
    <s v="S"/>
    <s v="KY"/>
    <s v="REV"/>
    <s v="974"/>
    <s v="GLBATCH"/>
    <n v="6"/>
    <n v="2016"/>
  </r>
  <r>
    <s v="110"/>
    <d v="2016-06-15T00:00:00"/>
    <x v="3"/>
    <x v="0"/>
    <s v="10828"/>
    <s v="GLNANDA"/>
    <n v="0"/>
    <n v="18"/>
    <s v="Billed Revenues"/>
    <s v="EXV"/>
    <s v="NONBU"/>
    <s v="G0000110"/>
    <s v="N"/>
    <s v="MACSS Dist Billed Revenue-03"/>
    <s v=""/>
    <x v="0"/>
    <s v="CAD0330610"/>
    <s v="S"/>
    <s v="KY"/>
    <s v="REV"/>
    <s v="974"/>
    <s v="GLBATCH"/>
    <n v="6"/>
    <n v="2016"/>
  </r>
  <r>
    <s v="110"/>
    <d v="2016-06-15T00:00:00"/>
    <x v="3"/>
    <x v="0"/>
    <s v="10828"/>
    <s v="GLNANDA"/>
    <n v="-26832.3"/>
    <n v="-209601"/>
    <s v="Billed Revenues"/>
    <s v="EXV"/>
    <s v="NONBU"/>
    <s v="G0000110"/>
    <s v="N"/>
    <s v="MACSS Dist Billed Revenue-03"/>
    <s v=""/>
    <x v="0"/>
    <s v="CAD0330610"/>
    <s v="S"/>
    <s v="KY"/>
    <s v="REV"/>
    <s v="974"/>
    <s v="GLBATCH"/>
    <n v="6"/>
    <n v="2016"/>
  </r>
  <r>
    <s v="110"/>
    <d v="2016-06-15T00:00:00"/>
    <x v="6"/>
    <x v="0"/>
    <s v="10828"/>
    <s v="GLNANDA"/>
    <n v="0"/>
    <n v="15"/>
    <s v="Billed Revenues"/>
    <s v="EXV"/>
    <s v="NONBU"/>
    <s v="G0000110"/>
    <s v="N"/>
    <s v="MACSS Dist Billed Revenue-03"/>
    <s v=""/>
    <x v="0"/>
    <s v="CAD0330610"/>
    <s v="S"/>
    <s v="KY"/>
    <s v="REV"/>
    <s v="974"/>
    <s v="GLBATCH"/>
    <n v="6"/>
    <n v="2016"/>
  </r>
  <r>
    <s v="110"/>
    <d v="2016-06-15T00:00:00"/>
    <x v="6"/>
    <x v="0"/>
    <s v="10828"/>
    <s v="GLNANDA"/>
    <n v="-3910.72"/>
    <n v="-26793"/>
    <s v="Billed Revenues"/>
    <s v="EXV"/>
    <s v="NONBU"/>
    <s v="G0000110"/>
    <s v="N"/>
    <s v="MACSS Dist Billed Revenue-03"/>
    <s v=""/>
    <x v="0"/>
    <s v="CAD0330610"/>
    <s v="S"/>
    <s v="KY"/>
    <s v="REV"/>
    <s v="974"/>
    <s v="GLBATCH"/>
    <n v="6"/>
    <n v="2016"/>
  </r>
  <r>
    <s v="110"/>
    <d v="2016-06-15T00:00:00"/>
    <x v="5"/>
    <x v="0"/>
    <s v="10828"/>
    <s v="GLNANDA"/>
    <n v="0"/>
    <n v="170"/>
    <s v="Billed Revenues"/>
    <s v="EXV"/>
    <s v="NONBU"/>
    <s v="G0000110"/>
    <s v="N"/>
    <s v="MACSS Dist Billed Revenue-03"/>
    <s v=""/>
    <x v="0"/>
    <s v="CAD0330610"/>
    <s v="S"/>
    <s v="KY"/>
    <s v="REV"/>
    <s v="974"/>
    <s v="GLBATCH"/>
    <n v="6"/>
    <n v="2016"/>
  </r>
  <r>
    <s v="110"/>
    <d v="2016-06-15T00:00:00"/>
    <x v="5"/>
    <x v="0"/>
    <s v="10828"/>
    <s v="GLNANDA"/>
    <n v="-99209.5"/>
    <n v="-743438"/>
    <s v="Billed Revenues"/>
    <s v="EXV"/>
    <s v="NONBU"/>
    <s v="G0000110"/>
    <s v="N"/>
    <s v="MACSS Dist Billed Revenue-03"/>
    <s v=""/>
    <x v="0"/>
    <s v="CAD0330610"/>
    <s v="S"/>
    <s v="KY"/>
    <s v="REV"/>
    <s v="974"/>
    <s v="GLBATCH"/>
    <n v="6"/>
    <n v="2016"/>
  </r>
  <r>
    <s v="110"/>
    <d v="2016-06-15T00:00:00"/>
    <x v="5"/>
    <x v="0"/>
    <s v="10828"/>
    <s v="GLNANDA"/>
    <n v="0"/>
    <n v="187"/>
    <s v="Billed Revenues"/>
    <s v="EXV"/>
    <s v="NONBU"/>
    <s v="G0000110"/>
    <s v="N"/>
    <s v="MACSS Dist Billed Revenue-03"/>
    <s v=""/>
    <x v="0"/>
    <s v="CAD0330613"/>
    <s v="S"/>
    <s v="KY"/>
    <s v="REV"/>
    <s v="974"/>
    <s v="GLBATCH"/>
    <n v="6"/>
    <n v="2016"/>
  </r>
  <r>
    <s v="110"/>
    <d v="2016-06-15T00:00:00"/>
    <x v="5"/>
    <x v="0"/>
    <s v="10828"/>
    <s v="GLNANDA"/>
    <n v="-160440.06"/>
    <n v="-1242460"/>
    <s v="Billed Revenues"/>
    <s v="EXV"/>
    <s v="NONBU"/>
    <s v="G0000110"/>
    <s v="N"/>
    <s v="MACSS Dist Billed Revenue-03"/>
    <s v=""/>
    <x v="0"/>
    <s v="CAD0330613"/>
    <s v="S"/>
    <s v="KY"/>
    <s v="REV"/>
    <s v="974"/>
    <s v="GLBATCH"/>
    <n v="6"/>
    <n v="2016"/>
  </r>
  <r>
    <s v="110"/>
    <d v="2016-06-15T00:00:00"/>
    <x v="3"/>
    <x v="0"/>
    <s v="10828"/>
    <s v="GLNANDA"/>
    <n v="0"/>
    <n v="6"/>
    <s v="Billed Revenues"/>
    <s v="EXV"/>
    <s v="NONBU"/>
    <s v="G0000110"/>
    <s v="N"/>
    <s v="MACSS Dist Billed Revenue-03"/>
    <s v=""/>
    <x v="0"/>
    <s v="CAD0330613"/>
    <s v="S"/>
    <s v="KY"/>
    <s v="REV"/>
    <s v="974"/>
    <s v="GLBATCH"/>
    <n v="6"/>
    <n v="2016"/>
  </r>
  <r>
    <s v="110"/>
    <d v="2016-06-15T00:00:00"/>
    <x v="1"/>
    <x v="0"/>
    <s v="10828"/>
    <s v="GLNANDA"/>
    <n v="-275217.71000000002"/>
    <n v="-2126234"/>
    <s v="Billed Revenues"/>
    <s v="EXV"/>
    <s v="NONBU"/>
    <s v="G0000110"/>
    <s v="N"/>
    <s v="MACSS Dist Billed Revenue-03"/>
    <s v=""/>
    <x v="0"/>
    <s v="CAD0330613"/>
    <s v="S"/>
    <s v="KY"/>
    <s v="REV"/>
    <s v="974"/>
    <s v="GLBATCH"/>
    <n v="6"/>
    <n v="2016"/>
  </r>
  <r>
    <s v="110"/>
    <d v="2016-06-15T00:00:00"/>
    <x v="1"/>
    <x v="0"/>
    <s v="10828"/>
    <s v="GLNANDA"/>
    <n v="0"/>
    <n v="2434"/>
    <s v="Billed Revenues"/>
    <s v="EXV"/>
    <s v="NONBU"/>
    <s v="G0000110"/>
    <s v="N"/>
    <s v="MACSS Dist Billed Revenue-03"/>
    <s v=""/>
    <x v="0"/>
    <s v="CAD0330613"/>
    <s v="S"/>
    <s v="KY"/>
    <s v="REV"/>
    <s v="974"/>
    <s v="GLBATCH"/>
    <n v="6"/>
    <n v="2016"/>
  </r>
  <r>
    <s v="110"/>
    <d v="2016-06-15T00:00:00"/>
    <x v="7"/>
    <x v="0"/>
    <s v="10828"/>
    <s v="GLNANDA"/>
    <n v="-64821.97"/>
    <n v="-508788"/>
    <s v="Billed Revenues"/>
    <s v="EXV"/>
    <s v="NONBU"/>
    <s v="G0000110"/>
    <s v="N"/>
    <s v="MACSS Dist Billed Revenue-03"/>
    <s v=""/>
    <x v="0"/>
    <s v="CAD0330613"/>
    <s v="S"/>
    <s v="KY"/>
    <s v="REV"/>
    <s v="974"/>
    <s v="GLBATCH"/>
    <n v="6"/>
    <n v="2016"/>
  </r>
  <r>
    <s v="110"/>
    <d v="2016-06-15T00:00:00"/>
    <x v="7"/>
    <x v="0"/>
    <s v="10828"/>
    <s v="GLNANDA"/>
    <n v="0"/>
    <n v="37"/>
    <s v="Billed Revenues"/>
    <s v="EXV"/>
    <s v="NONBU"/>
    <s v="G0000110"/>
    <s v="N"/>
    <s v="MACSS Dist Billed Revenue-03"/>
    <s v=""/>
    <x v="0"/>
    <s v="CAD0330613"/>
    <s v="S"/>
    <s v="KY"/>
    <s v="REV"/>
    <s v="974"/>
    <s v="GLBATCH"/>
    <n v="6"/>
    <n v="2016"/>
  </r>
  <r>
    <s v="110"/>
    <d v="2016-06-15T00:00:00"/>
    <x v="6"/>
    <x v="0"/>
    <s v="10828"/>
    <s v="GLNANDA"/>
    <n v="-1099.2"/>
    <n v="-4445"/>
    <s v="Billed Revenues"/>
    <s v="EXV"/>
    <s v="NONBU"/>
    <s v="G0000110"/>
    <s v="N"/>
    <s v="MACSS Dist Billed Revenue-03"/>
    <s v=""/>
    <x v="0"/>
    <s v="CAD0330613"/>
    <s v="S"/>
    <s v="KY"/>
    <s v="REV"/>
    <s v="974"/>
    <s v="GLBATCH"/>
    <n v="6"/>
    <n v="2016"/>
  </r>
  <r>
    <s v="110"/>
    <d v="2016-06-15T00:00:00"/>
    <x v="6"/>
    <x v="0"/>
    <s v="10828"/>
    <s v="GLNANDA"/>
    <n v="0"/>
    <n v="18"/>
    <s v="Billed Revenues"/>
    <s v="EXV"/>
    <s v="NONBU"/>
    <s v="G0000110"/>
    <s v="N"/>
    <s v="MACSS Dist Billed Revenue-03"/>
    <s v=""/>
    <x v="0"/>
    <s v="CAD0330613"/>
    <s v="S"/>
    <s v="KY"/>
    <s v="REV"/>
    <s v="974"/>
    <s v="GLBATCH"/>
    <n v="6"/>
    <n v="2016"/>
  </r>
  <r>
    <s v="110"/>
    <d v="2016-06-15T00:00:00"/>
    <x v="2"/>
    <x v="0"/>
    <s v="10828"/>
    <s v="GLNANDA"/>
    <n v="-543619.64"/>
    <n v="-4212353"/>
    <s v="Billed Revenues"/>
    <s v="EXV"/>
    <s v="NONBU"/>
    <s v="G0000110"/>
    <s v="N"/>
    <s v="MACSS Dist Billed Revenue-03"/>
    <s v=""/>
    <x v="0"/>
    <s v="CAD0330613"/>
    <s v="S"/>
    <s v="KY"/>
    <s v="REV"/>
    <s v="974"/>
    <s v="GLBATCH"/>
    <n v="6"/>
    <n v="2016"/>
  </r>
  <r>
    <s v="110"/>
    <d v="2016-06-15T00:00:00"/>
    <x v="2"/>
    <x v="0"/>
    <s v="10828"/>
    <s v="GLNANDA"/>
    <n v="0"/>
    <n v="1264"/>
    <s v="Billed Revenues"/>
    <s v="EXV"/>
    <s v="NONBU"/>
    <s v="G0000110"/>
    <s v="N"/>
    <s v="MACSS Dist Billed Revenue-03"/>
    <s v=""/>
    <x v="0"/>
    <s v="CAD0330613"/>
    <s v="S"/>
    <s v="KY"/>
    <s v="REV"/>
    <s v="974"/>
    <s v="GLBATCH"/>
    <n v="6"/>
    <n v="2016"/>
  </r>
  <r>
    <s v="110"/>
    <d v="2016-06-15T00:00:00"/>
    <x v="4"/>
    <x v="0"/>
    <s v="10828"/>
    <s v="GLNANDA"/>
    <n v="-513739.43"/>
    <n v="-4052485"/>
    <s v="Billed Revenues"/>
    <s v="EXV"/>
    <s v="NONBU"/>
    <s v="G0000110"/>
    <s v="N"/>
    <s v="MACSS Dist Billed Revenue-03"/>
    <s v=""/>
    <x v="0"/>
    <s v="CAD0330613"/>
    <s v="S"/>
    <s v="KY"/>
    <s v="REV"/>
    <s v="974"/>
    <s v="GLBATCH"/>
    <n v="6"/>
    <n v="2016"/>
  </r>
  <r>
    <s v="110"/>
    <d v="2016-06-15T00:00:00"/>
    <x v="4"/>
    <x v="0"/>
    <s v="10828"/>
    <s v="GLNANDA"/>
    <n v="0"/>
    <n v="4040"/>
    <s v="Billed Revenues"/>
    <s v="EXV"/>
    <s v="NONBU"/>
    <s v="G0000110"/>
    <s v="N"/>
    <s v="MACSS Dist Billed Revenue-03"/>
    <s v=""/>
    <x v="0"/>
    <s v="CAD0330613"/>
    <s v="S"/>
    <s v="KY"/>
    <s v="REV"/>
    <s v="974"/>
    <s v="GLBATCH"/>
    <n v="6"/>
    <n v="2016"/>
  </r>
  <r>
    <s v="110"/>
    <d v="2016-06-15T00:00:00"/>
    <x v="0"/>
    <x v="0"/>
    <s v="10828"/>
    <s v="GLNANDA"/>
    <n v="-28006.21"/>
    <n v="-277335"/>
    <s v="Billed Revenues"/>
    <s v="EXV"/>
    <s v="NONBU"/>
    <s v="G0000110"/>
    <s v="N"/>
    <s v="MACSS Dist Billed Revenue-03"/>
    <s v=""/>
    <x v="0"/>
    <s v="CAD0330613"/>
    <s v="S"/>
    <s v="KY"/>
    <s v="REV"/>
    <s v="974"/>
    <s v="GLBATCH"/>
    <n v="6"/>
    <n v="2016"/>
  </r>
  <r>
    <s v="110"/>
    <d v="2016-06-15T00:00:00"/>
    <x v="0"/>
    <x v="0"/>
    <s v="10828"/>
    <s v="GLNANDA"/>
    <n v="0"/>
    <n v="24"/>
    <s v="Billed Revenues"/>
    <s v="EXV"/>
    <s v="NONBU"/>
    <s v="G0000110"/>
    <s v="N"/>
    <s v="MACSS Dist Billed Revenue-03"/>
    <s v=""/>
    <x v="0"/>
    <s v="CAD0330613"/>
    <s v="S"/>
    <s v="KY"/>
    <s v="REV"/>
    <s v="974"/>
    <s v="GLBATCH"/>
    <n v="6"/>
    <n v="2016"/>
  </r>
  <r>
    <s v="110"/>
    <d v="2016-06-15T00:00:00"/>
    <x v="3"/>
    <x v="0"/>
    <s v="10828"/>
    <s v="GLNANDA"/>
    <n v="-306071.82"/>
    <n v="-3530695"/>
    <s v="Billed Revenues"/>
    <s v="EXV"/>
    <s v="NONBU"/>
    <s v="G0000110"/>
    <s v="N"/>
    <s v="MACSS Dist Billed Revenue-03"/>
    <s v=""/>
    <x v="0"/>
    <s v="CAD0330613"/>
    <s v="S"/>
    <s v="KY"/>
    <s v="REV"/>
    <s v="974"/>
    <s v="GLBATCH"/>
    <n v="6"/>
    <n v="2016"/>
  </r>
  <r>
    <s v="110"/>
    <d v="2016-06-15T00:00:00"/>
    <x v="3"/>
    <x v="0"/>
    <s v="10828"/>
    <s v="GLNANDA"/>
    <n v="0"/>
    <n v="4"/>
    <s v="Billed Revenues"/>
    <s v="EXV"/>
    <s v="NONBU"/>
    <s v="G0000110"/>
    <s v="N"/>
    <s v="MACSS Dist Billed Revenue-03"/>
    <s v=""/>
    <x v="0"/>
    <s v="CAD0330614"/>
    <s v="S"/>
    <s v="KY"/>
    <s v="REV"/>
    <s v="974"/>
    <s v="GLBATCH"/>
    <n v="6"/>
    <n v="2016"/>
  </r>
  <r>
    <s v="110"/>
    <d v="2016-06-15T00:00:00"/>
    <x v="7"/>
    <x v="0"/>
    <s v="10828"/>
    <s v="GLNANDA"/>
    <n v="0"/>
    <n v="47"/>
    <s v="Billed Revenues"/>
    <s v="EXV"/>
    <s v="NONBU"/>
    <s v="G0000110"/>
    <s v="N"/>
    <s v="MACSS Dist Billed Revenue-03"/>
    <s v=""/>
    <x v="0"/>
    <s v="CAD0330614"/>
    <s v="S"/>
    <s v="KY"/>
    <s v="REV"/>
    <s v="974"/>
    <s v="GLBATCH"/>
    <n v="6"/>
    <n v="2016"/>
  </r>
  <r>
    <s v="110"/>
    <d v="2016-06-15T00:00:00"/>
    <x v="7"/>
    <x v="0"/>
    <s v="10828"/>
    <s v="GLNANDA"/>
    <n v="-101931.44"/>
    <n v="-811918"/>
    <s v="Billed Revenues"/>
    <s v="EXV"/>
    <s v="NONBU"/>
    <s v="G0000110"/>
    <s v="N"/>
    <s v="MACSS Dist Billed Revenue-03"/>
    <s v=""/>
    <x v="0"/>
    <s v="CAD0330614"/>
    <s v="S"/>
    <s v="KY"/>
    <s v="REV"/>
    <s v="974"/>
    <s v="GLBATCH"/>
    <n v="6"/>
    <n v="2016"/>
  </r>
  <r>
    <s v="110"/>
    <d v="2016-06-15T00:00:00"/>
    <x v="2"/>
    <x v="0"/>
    <s v="10828"/>
    <s v="GLNANDA"/>
    <n v="-842131.73"/>
    <n v="-6506745"/>
    <s v="Billed Revenues"/>
    <s v="EXV"/>
    <s v="NONBU"/>
    <s v="G0000110"/>
    <s v="N"/>
    <s v="MACSS Dist Billed Revenue-03"/>
    <s v=""/>
    <x v="0"/>
    <s v="CAD0330614"/>
    <s v="S"/>
    <s v="KY"/>
    <s v="REV"/>
    <s v="974"/>
    <s v="GLBATCH"/>
    <n v="6"/>
    <n v="2016"/>
  </r>
  <r>
    <s v="110"/>
    <d v="2016-06-15T00:00:00"/>
    <x v="2"/>
    <x v="0"/>
    <s v="10828"/>
    <s v="GLNANDA"/>
    <n v="0"/>
    <n v="1894"/>
    <s v="Billed Revenues"/>
    <s v="EXV"/>
    <s v="NONBU"/>
    <s v="G0000110"/>
    <s v="N"/>
    <s v="MACSS Dist Billed Revenue-03"/>
    <s v=""/>
    <x v="0"/>
    <s v="CAD0330614"/>
    <s v="S"/>
    <s v="KY"/>
    <s v="REV"/>
    <s v="974"/>
    <s v="GLBATCH"/>
    <n v="6"/>
    <n v="2016"/>
  </r>
  <r>
    <s v="110"/>
    <d v="2016-06-15T00:00:00"/>
    <x v="0"/>
    <x v="0"/>
    <s v="10828"/>
    <s v="GLNANDA"/>
    <n v="-26347.68"/>
    <n v="-179864"/>
    <s v="Billed Revenues"/>
    <s v="EXV"/>
    <s v="NONBU"/>
    <s v="G0000110"/>
    <s v="N"/>
    <s v="MACSS Dist Billed Revenue-03"/>
    <s v=""/>
    <x v="0"/>
    <s v="CAD0330614"/>
    <s v="S"/>
    <s v="KY"/>
    <s v="REV"/>
    <s v="974"/>
    <s v="GLBATCH"/>
    <n v="6"/>
    <n v="2016"/>
  </r>
  <r>
    <s v="110"/>
    <d v="2016-06-15T00:00:00"/>
    <x v="0"/>
    <x v="0"/>
    <s v="10828"/>
    <s v="GLNANDA"/>
    <n v="0"/>
    <n v="35"/>
    <s v="Billed Revenues"/>
    <s v="EXV"/>
    <s v="NONBU"/>
    <s v="G0000110"/>
    <s v="N"/>
    <s v="MACSS Dist Billed Revenue-03"/>
    <s v=""/>
    <x v="0"/>
    <s v="CAD0330614"/>
    <s v="S"/>
    <s v="KY"/>
    <s v="REV"/>
    <s v="974"/>
    <s v="GLBATCH"/>
    <n v="6"/>
    <n v="2016"/>
  </r>
  <r>
    <s v="110"/>
    <d v="2016-06-15T00:00:00"/>
    <x v="3"/>
    <x v="0"/>
    <s v="10828"/>
    <s v="GLNANDA"/>
    <n v="-3426.82"/>
    <n v="-19095"/>
    <s v="Billed Revenues"/>
    <s v="EXV"/>
    <s v="NONBU"/>
    <s v="G0000110"/>
    <s v="N"/>
    <s v="MACSS Dist Billed Revenue-03"/>
    <s v=""/>
    <x v="0"/>
    <s v="CAD0330614"/>
    <s v="S"/>
    <s v="KY"/>
    <s v="REV"/>
    <s v="974"/>
    <s v="GLBATCH"/>
    <n v="6"/>
    <n v="2016"/>
  </r>
  <r>
    <s v="110"/>
    <d v="2016-06-15T00:00:00"/>
    <x v="1"/>
    <x v="0"/>
    <s v="10828"/>
    <s v="GLNANDA"/>
    <n v="0"/>
    <n v="2417"/>
    <s v="Billed Revenues"/>
    <s v="EXV"/>
    <s v="NONBU"/>
    <s v="G0000110"/>
    <s v="N"/>
    <s v="MACSS Dist Billed Revenue-03"/>
    <s v=""/>
    <x v="0"/>
    <s v="CAD0330614"/>
    <s v="S"/>
    <s v="KY"/>
    <s v="REV"/>
    <s v="974"/>
    <s v="GLBATCH"/>
    <n v="6"/>
    <n v="2016"/>
  </r>
  <r>
    <s v="110"/>
    <d v="2016-06-15T00:00:00"/>
    <x v="4"/>
    <x v="0"/>
    <s v="10828"/>
    <s v="GLNANDA"/>
    <n v="-769580.57"/>
    <n v="-6191588"/>
    <s v="Billed Revenues"/>
    <s v="EXV"/>
    <s v="NONBU"/>
    <s v="G0000110"/>
    <s v="N"/>
    <s v="MACSS Dist Billed Revenue-03"/>
    <s v=""/>
    <x v="0"/>
    <s v="CAD0330614"/>
    <s v="S"/>
    <s v="KY"/>
    <s v="REV"/>
    <s v="974"/>
    <s v="GLBATCH"/>
    <n v="6"/>
    <n v="2016"/>
  </r>
  <r>
    <s v="110"/>
    <d v="2016-06-15T00:00:00"/>
    <x v="4"/>
    <x v="0"/>
    <s v="10828"/>
    <s v="GLNANDA"/>
    <n v="0"/>
    <n v="5496"/>
    <s v="Billed Revenues"/>
    <s v="EXV"/>
    <s v="NONBU"/>
    <s v="G0000110"/>
    <s v="N"/>
    <s v="MACSS Dist Billed Revenue-03"/>
    <s v=""/>
    <x v="0"/>
    <s v="CAD0330614"/>
    <s v="S"/>
    <s v="KY"/>
    <s v="REV"/>
    <s v="974"/>
    <s v="GLBATCH"/>
    <n v="6"/>
    <n v="2016"/>
  </r>
  <r>
    <s v="110"/>
    <d v="2016-06-15T00:00:00"/>
    <x v="6"/>
    <x v="0"/>
    <s v="10828"/>
    <s v="GLNANDA"/>
    <n v="-3022.9"/>
    <n v="-15862"/>
    <s v="Billed Revenues"/>
    <s v="EXV"/>
    <s v="NONBU"/>
    <s v="G0000110"/>
    <s v="N"/>
    <s v="MACSS Dist Billed Revenue-03"/>
    <s v=""/>
    <x v="0"/>
    <s v="CAD0330614"/>
    <s v="S"/>
    <s v="KY"/>
    <s v="REV"/>
    <s v="974"/>
    <s v="GLBATCH"/>
    <n v="6"/>
    <n v="2016"/>
  </r>
  <r>
    <s v="110"/>
    <d v="2016-06-15T00:00:00"/>
    <x v="6"/>
    <x v="0"/>
    <s v="10828"/>
    <s v="GLNANDA"/>
    <n v="0"/>
    <n v="13"/>
    <s v="Billed Revenues"/>
    <s v="EXV"/>
    <s v="NONBU"/>
    <s v="G0000110"/>
    <s v="N"/>
    <s v="MACSS Dist Billed Revenue-03"/>
    <s v=""/>
    <x v="0"/>
    <s v="CAD0330614"/>
    <s v="S"/>
    <s v="KY"/>
    <s v="REV"/>
    <s v="974"/>
    <s v="GLBATCH"/>
    <n v="6"/>
    <n v="2016"/>
  </r>
  <r>
    <s v="110"/>
    <d v="2016-06-15T00:00:00"/>
    <x v="5"/>
    <x v="0"/>
    <s v="10828"/>
    <s v="GLNANDA"/>
    <n v="-178951.63"/>
    <n v="-1506591"/>
    <s v="Billed Revenues"/>
    <s v="EXV"/>
    <s v="NONBU"/>
    <s v="G0000110"/>
    <s v="N"/>
    <s v="MACSS Dist Billed Revenue-03"/>
    <s v=""/>
    <x v="0"/>
    <s v="CAD0330614"/>
    <s v="S"/>
    <s v="KY"/>
    <s v="REV"/>
    <s v="974"/>
    <s v="GLBATCH"/>
    <n v="6"/>
    <n v="2016"/>
  </r>
  <r>
    <s v="110"/>
    <d v="2016-06-15T00:00:00"/>
    <x v="5"/>
    <x v="0"/>
    <s v="10828"/>
    <s v="GLNANDA"/>
    <n v="0"/>
    <n v="235"/>
    <s v="Billed Revenues"/>
    <s v="EXV"/>
    <s v="NONBU"/>
    <s v="G0000110"/>
    <s v="N"/>
    <s v="MACSS Dist Billed Revenue-03"/>
    <s v=""/>
    <x v="0"/>
    <s v="CAD0330614"/>
    <s v="S"/>
    <s v="KY"/>
    <s v="REV"/>
    <s v="974"/>
    <s v="GLBATCH"/>
    <n v="6"/>
    <n v="2016"/>
  </r>
  <r>
    <s v="110"/>
    <d v="2016-06-15T00:00:00"/>
    <x v="1"/>
    <x v="0"/>
    <s v="10828"/>
    <s v="GLNANDA"/>
    <n v="-291137.49"/>
    <n v="-2272374"/>
    <s v="Billed Revenues"/>
    <s v="EXV"/>
    <s v="NONBU"/>
    <s v="G0000110"/>
    <s v="N"/>
    <s v="MACSS Dist Billed Revenue-03"/>
    <s v=""/>
    <x v="0"/>
    <s v="CAD0330614"/>
    <s v="S"/>
    <s v="KY"/>
    <s v="REV"/>
    <s v="974"/>
    <s v="GLBATCH"/>
    <n v="6"/>
    <n v="2016"/>
  </r>
  <r>
    <s v="110"/>
    <d v="2016-06-15T00:00:00"/>
    <x v="5"/>
    <x v="0"/>
    <s v="10828"/>
    <s v="GLNANDA"/>
    <n v="0"/>
    <n v="93"/>
    <s v="Billed Revenues"/>
    <s v="EXV"/>
    <s v="NONBU"/>
    <s v="G0000110"/>
    <s v="N"/>
    <s v="MACSS Dist Billed Revenue-03"/>
    <s v=""/>
    <x v="0"/>
    <s v="CAD0330615"/>
    <s v="S"/>
    <s v="KY"/>
    <s v="REV"/>
    <s v="974"/>
    <s v="GLBATCH"/>
    <n v="6"/>
    <n v="2016"/>
  </r>
  <r>
    <s v="110"/>
    <d v="2016-06-15T00:00:00"/>
    <x v="5"/>
    <x v="0"/>
    <s v="10828"/>
    <s v="GLNANDA"/>
    <n v="-53276.68"/>
    <n v="-413784"/>
    <s v="Billed Revenues"/>
    <s v="EXV"/>
    <s v="NONBU"/>
    <s v="G0000110"/>
    <s v="N"/>
    <s v="MACSS Dist Billed Revenue-03"/>
    <s v=""/>
    <x v="0"/>
    <s v="CAD0330615"/>
    <s v="S"/>
    <s v="KY"/>
    <s v="REV"/>
    <s v="974"/>
    <s v="GLBATCH"/>
    <n v="6"/>
    <n v="2016"/>
  </r>
  <r>
    <s v="110"/>
    <d v="2016-06-15T00:00:00"/>
    <x v="6"/>
    <x v="0"/>
    <s v="10828"/>
    <s v="GLNANDA"/>
    <n v="0"/>
    <n v="17"/>
    <s v="Billed Revenues"/>
    <s v="EXV"/>
    <s v="NONBU"/>
    <s v="G0000110"/>
    <s v="N"/>
    <s v="MACSS Dist Billed Revenue-03"/>
    <s v=""/>
    <x v="0"/>
    <s v="CAD0330615"/>
    <s v="S"/>
    <s v="KY"/>
    <s v="REV"/>
    <s v="974"/>
    <s v="GLBATCH"/>
    <n v="6"/>
    <n v="2016"/>
  </r>
  <r>
    <s v="110"/>
    <d v="2016-06-15T00:00:00"/>
    <x v="6"/>
    <x v="0"/>
    <s v="10828"/>
    <s v="GLNANDA"/>
    <n v="-809.62"/>
    <n v="-3280"/>
    <s v="Billed Revenues"/>
    <s v="EXV"/>
    <s v="NONBU"/>
    <s v="G0000110"/>
    <s v="N"/>
    <s v="MACSS Dist Billed Revenue-03"/>
    <s v=""/>
    <x v="0"/>
    <s v="CAD0330615"/>
    <s v="S"/>
    <s v="KY"/>
    <s v="REV"/>
    <s v="974"/>
    <s v="GLBATCH"/>
    <n v="6"/>
    <n v="2016"/>
  </r>
  <r>
    <s v="110"/>
    <d v="2016-06-15T00:00:00"/>
    <x v="4"/>
    <x v="0"/>
    <s v="10828"/>
    <s v="GLNANDA"/>
    <n v="0"/>
    <n v="4306"/>
    <s v="Billed Revenues"/>
    <s v="EXV"/>
    <s v="NONBU"/>
    <s v="G0000110"/>
    <s v="N"/>
    <s v="MACSS Dist Billed Revenue-03"/>
    <s v=""/>
    <x v="0"/>
    <s v="CAD0330615"/>
    <s v="S"/>
    <s v="KY"/>
    <s v="REV"/>
    <s v="974"/>
    <s v="GLBATCH"/>
    <n v="6"/>
    <n v="2016"/>
  </r>
  <r>
    <s v="110"/>
    <d v="2016-06-15T00:00:00"/>
    <x v="4"/>
    <x v="0"/>
    <s v="10828"/>
    <s v="GLNANDA"/>
    <n v="-579176.71"/>
    <n v="-4602932"/>
    <s v="Billed Revenues"/>
    <s v="EXV"/>
    <s v="NONBU"/>
    <s v="G0000110"/>
    <s v="N"/>
    <s v="MACSS Dist Billed Revenue-03"/>
    <s v=""/>
    <x v="0"/>
    <s v="CAD0330615"/>
    <s v="S"/>
    <s v="KY"/>
    <s v="REV"/>
    <s v="974"/>
    <s v="GLBATCH"/>
    <n v="6"/>
    <n v="2016"/>
  </r>
  <r>
    <s v="110"/>
    <d v="2016-06-15T00:00:00"/>
    <x v="1"/>
    <x v="0"/>
    <s v="10828"/>
    <s v="GLNANDA"/>
    <n v="0"/>
    <n v="2126"/>
    <s v="Billed Revenues"/>
    <s v="EXV"/>
    <s v="NONBU"/>
    <s v="G0000110"/>
    <s v="N"/>
    <s v="MACSS Dist Billed Revenue-03"/>
    <s v=""/>
    <x v="0"/>
    <s v="CAD0330615"/>
    <s v="S"/>
    <s v="KY"/>
    <s v="REV"/>
    <s v="974"/>
    <s v="GLBATCH"/>
    <n v="6"/>
    <n v="2016"/>
  </r>
  <r>
    <s v="110"/>
    <d v="2016-06-15T00:00:00"/>
    <x v="1"/>
    <x v="0"/>
    <s v="10828"/>
    <s v="GLNANDA"/>
    <n v="-250808.94"/>
    <n v="-1937669"/>
    <s v="Billed Revenues"/>
    <s v="EXV"/>
    <s v="NONBU"/>
    <s v="G0000110"/>
    <s v="N"/>
    <s v="MACSS Dist Billed Revenue-03"/>
    <s v=""/>
    <x v="0"/>
    <s v="CAD0330615"/>
    <s v="S"/>
    <s v="KY"/>
    <s v="REV"/>
    <s v="974"/>
    <s v="GLBATCH"/>
    <n v="6"/>
    <n v="2016"/>
  </r>
  <r>
    <s v="110"/>
    <d v="2016-06-15T00:00:00"/>
    <x v="0"/>
    <x v="0"/>
    <s v="10828"/>
    <s v="GLNANDA"/>
    <n v="0"/>
    <n v="29"/>
    <s v="Billed Revenues"/>
    <s v="EXV"/>
    <s v="NONBU"/>
    <s v="G0000110"/>
    <s v="N"/>
    <s v="MACSS Dist Billed Revenue-03"/>
    <s v=""/>
    <x v="0"/>
    <s v="CAD0330615"/>
    <s v="S"/>
    <s v="KY"/>
    <s v="REV"/>
    <s v="974"/>
    <s v="GLBATCH"/>
    <n v="6"/>
    <n v="2016"/>
  </r>
  <r>
    <s v="110"/>
    <d v="2016-06-15T00:00:00"/>
    <x v="0"/>
    <x v="0"/>
    <s v="10828"/>
    <s v="GLNANDA"/>
    <n v="-31519.54"/>
    <n v="-210994"/>
    <s v="Billed Revenues"/>
    <s v="EXV"/>
    <s v="NONBU"/>
    <s v="G0000110"/>
    <s v="N"/>
    <s v="MACSS Dist Billed Revenue-03"/>
    <s v=""/>
    <x v="0"/>
    <s v="CAD0330615"/>
    <s v="S"/>
    <s v="KY"/>
    <s v="REV"/>
    <s v="974"/>
    <s v="GLBATCH"/>
    <n v="6"/>
    <n v="2016"/>
  </r>
  <r>
    <s v="110"/>
    <d v="2016-06-15T00:00:00"/>
    <x v="2"/>
    <x v="0"/>
    <s v="10828"/>
    <s v="GLNANDA"/>
    <n v="0"/>
    <n v="1323"/>
    <s v="Billed Revenues"/>
    <s v="EXV"/>
    <s v="NONBU"/>
    <s v="G0000110"/>
    <s v="N"/>
    <s v="MACSS Dist Billed Revenue-03"/>
    <s v=""/>
    <x v="0"/>
    <s v="CAD0330615"/>
    <s v="S"/>
    <s v="KY"/>
    <s v="REV"/>
    <s v="974"/>
    <s v="GLBATCH"/>
    <n v="6"/>
    <n v="2016"/>
  </r>
  <r>
    <s v="110"/>
    <d v="2016-06-15T00:00:00"/>
    <x v="2"/>
    <x v="0"/>
    <s v="10828"/>
    <s v="GLNANDA"/>
    <n v="-628000.09"/>
    <n v="-5848032"/>
    <s v="Billed Revenues"/>
    <s v="EXV"/>
    <s v="NONBU"/>
    <s v="G0000110"/>
    <s v="N"/>
    <s v="MACSS Dist Billed Revenue-03"/>
    <s v=""/>
    <x v="0"/>
    <s v="CAD0330615"/>
    <s v="S"/>
    <s v="KY"/>
    <s v="REV"/>
    <s v="974"/>
    <s v="GLBATCH"/>
    <n v="6"/>
    <n v="2016"/>
  </r>
  <r>
    <s v="110"/>
    <d v="2016-06-15T00:00:00"/>
    <x v="7"/>
    <x v="0"/>
    <s v="10828"/>
    <s v="GLNANDA"/>
    <n v="0"/>
    <n v="38"/>
    <s v="Billed Revenues"/>
    <s v="EXV"/>
    <s v="NONBU"/>
    <s v="G0000110"/>
    <s v="N"/>
    <s v="MACSS Dist Billed Revenue-03"/>
    <s v=""/>
    <x v="0"/>
    <s v="CAD0330615"/>
    <s v="S"/>
    <s v="KY"/>
    <s v="REV"/>
    <s v="974"/>
    <s v="GLBATCH"/>
    <n v="6"/>
    <n v="2016"/>
  </r>
  <r>
    <s v="110"/>
    <d v="2016-06-15T00:00:00"/>
    <x v="7"/>
    <x v="0"/>
    <s v="10828"/>
    <s v="GLNANDA"/>
    <n v="-120369.65"/>
    <n v="-1064193"/>
    <s v="Billed Revenues"/>
    <s v="EXV"/>
    <s v="NONBU"/>
    <s v="G0000110"/>
    <s v="N"/>
    <s v="MACSS Dist Billed Revenue-03"/>
    <s v=""/>
    <x v="0"/>
    <s v="CAD0330615"/>
    <s v="S"/>
    <s v="KY"/>
    <s v="REV"/>
    <s v="974"/>
    <s v="GLBATCH"/>
    <n v="6"/>
    <n v="2016"/>
  </r>
  <r>
    <s v="110"/>
    <d v="2016-06-15T00:00:00"/>
    <x v="3"/>
    <x v="0"/>
    <s v="10828"/>
    <s v="GLNANDA"/>
    <n v="0"/>
    <n v="14"/>
    <s v="Billed Revenues"/>
    <s v="EXV"/>
    <s v="NONBU"/>
    <s v="G0000110"/>
    <s v="N"/>
    <s v="MACSS Dist Billed Revenue-03"/>
    <s v=""/>
    <x v="0"/>
    <s v="CAD0330615"/>
    <s v="S"/>
    <s v="KY"/>
    <s v="REV"/>
    <s v="974"/>
    <s v="GLBATCH"/>
    <n v="6"/>
    <n v="2016"/>
  </r>
  <r>
    <s v="110"/>
    <d v="2016-06-15T00:00:00"/>
    <x v="3"/>
    <x v="0"/>
    <s v="10828"/>
    <s v="GLNANDA"/>
    <n v="-86225.97"/>
    <n v="-879529"/>
    <s v="Billed Revenues"/>
    <s v="EXV"/>
    <s v="NONBU"/>
    <s v="G0000110"/>
    <s v="N"/>
    <s v="MACSS Dist Billed Revenue-03"/>
    <s v=""/>
    <x v="0"/>
    <s v="CAD0330615"/>
    <s v="S"/>
    <s v="KY"/>
    <s v="REV"/>
    <s v="974"/>
    <s v="GLBATCH"/>
    <n v="6"/>
    <n v="2016"/>
  </r>
  <r>
    <s v="110"/>
    <d v="2016-06-15T00:00:00"/>
    <x v="0"/>
    <x v="0"/>
    <s v="10828"/>
    <s v="GLNANDA"/>
    <n v="-51610.720000000001"/>
    <n v="-705754"/>
    <s v="Billed Revenues"/>
    <s v="EXV"/>
    <s v="NONBU"/>
    <s v="G0000110"/>
    <s v="N"/>
    <s v="MACSS Dist Billed Revenue-03"/>
    <s v=""/>
    <x v="0"/>
    <s v="CAD0330616"/>
    <s v="S"/>
    <s v="KY"/>
    <s v="REV"/>
    <s v="974"/>
    <s v="GLBATCH"/>
    <n v="6"/>
    <n v="2016"/>
  </r>
  <r>
    <s v="110"/>
    <d v="2016-06-15T00:00:00"/>
    <x v="5"/>
    <x v="0"/>
    <s v="10828"/>
    <s v="GLNANDA"/>
    <n v="0"/>
    <n v="81"/>
    <s v="Billed Revenues"/>
    <s v="EXV"/>
    <s v="NONBU"/>
    <s v="G0000110"/>
    <s v="N"/>
    <s v="MACSS Dist Billed Revenue-03"/>
    <s v=""/>
    <x v="0"/>
    <s v="CAD0330616"/>
    <s v="S"/>
    <s v="KY"/>
    <s v="REV"/>
    <s v="974"/>
    <s v="GLBATCH"/>
    <n v="6"/>
    <n v="2016"/>
  </r>
  <r>
    <s v="110"/>
    <d v="2016-06-15T00:00:00"/>
    <x v="3"/>
    <x v="0"/>
    <s v="10828"/>
    <s v="GLNANDA"/>
    <n v="-11048.25"/>
    <n v="-103572"/>
    <s v="Billed Revenues"/>
    <s v="EXV"/>
    <s v="NONBU"/>
    <s v="G0000110"/>
    <s v="N"/>
    <s v="MACSS Dist Billed Revenue-03"/>
    <s v=""/>
    <x v="0"/>
    <s v="CAD0330616"/>
    <s v="S"/>
    <s v="KY"/>
    <s v="REV"/>
    <s v="974"/>
    <s v="GLBATCH"/>
    <n v="6"/>
    <n v="2016"/>
  </r>
  <r>
    <s v="110"/>
    <d v="2016-06-15T00:00:00"/>
    <x v="3"/>
    <x v="0"/>
    <s v="10828"/>
    <s v="GLNANDA"/>
    <n v="0"/>
    <n v="8"/>
    <s v="Billed Revenues"/>
    <s v="EXV"/>
    <s v="NONBU"/>
    <s v="G0000110"/>
    <s v="N"/>
    <s v="MACSS Dist Billed Revenue-03"/>
    <s v=""/>
    <x v="0"/>
    <s v="CAD0330616"/>
    <s v="S"/>
    <s v="KY"/>
    <s v="REV"/>
    <s v="974"/>
    <s v="GLBATCH"/>
    <n v="6"/>
    <n v="2016"/>
  </r>
  <r>
    <s v="110"/>
    <d v="2016-06-15T00:00:00"/>
    <x v="7"/>
    <x v="0"/>
    <s v="10828"/>
    <s v="GLNANDA"/>
    <n v="-22705.919999999998"/>
    <n v="-182158"/>
    <s v="Billed Revenues"/>
    <s v="EXV"/>
    <s v="NONBU"/>
    <s v="G0000110"/>
    <s v="N"/>
    <s v="MACSS Dist Billed Revenue-03"/>
    <s v=""/>
    <x v="0"/>
    <s v="CAD0330616"/>
    <s v="S"/>
    <s v="KY"/>
    <s v="REV"/>
    <s v="974"/>
    <s v="GLBATCH"/>
    <n v="6"/>
    <n v="2016"/>
  </r>
  <r>
    <s v="110"/>
    <d v="2016-06-15T00:00:00"/>
    <x v="7"/>
    <x v="0"/>
    <s v="10828"/>
    <s v="GLNANDA"/>
    <n v="0"/>
    <n v="11"/>
    <s v="Billed Revenues"/>
    <s v="EXV"/>
    <s v="NONBU"/>
    <s v="G0000110"/>
    <s v="N"/>
    <s v="MACSS Dist Billed Revenue-03"/>
    <s v=""/>
    <x v="0"/>
    <s v="CAD0330616"/>
    <s v="S"/>
    <s v="KY"/>
    <s v="REV"/>
    <s v="974"/>
    <s v="GLBATCH"/>
    <n v="6"/>
    <n v="2016"/>
  </r>
  <r>
    <s v="110"/>
    <d v="2016-06-15T00:00:00"/>
    <x v="2"/>
    <x v="0"/>
    <s v="10828"/>
    <s v="GLNANDA"/>
    <n v="-171155.45"/>
    <n v="-1147094"/>
    <s v="Billed Revenues"/>
    <s v="EXV"/>
    <s v="NONBU"/>
    <s v="G0000110"/>
    <s v="N"/>
    <s v="MACSS Dist Billed Revenue-03"/>
    <s v=""/>
    <x v="0"/>
    <s v="CAD0330616"/>
    <s v="S"/>
    <s v="KY"/>
    <s v="REV"/>
    <s v="974"/>
    <s v="GLBATCH"/>
    <n v="6"/>
    <n v="2016"/>
  </r>
  <r>
    <s v="110"/>
    <d v="2016-06-15T00:00:00"/>
    <x v="2"/>
    <x v="0"/>
    <s v="10828"/>
    <s v="GLNANDA"/>
    <n v="0"/>
    <n v="1022"/>
    <s v="Billed Revenues"/>
    <s v="EXV"/>
    <s v="NONBU"/>
    <s v="G0000110"/>
    <s v="N"/>
    <s v="MACSS Dist Billed Revenue-03"/>
    <s v=""/>
    <x v="0"/>
    <s v="CAD0330616"/>
    <s v="S"/>
    <s v="KY"/>
    <s v="REV"/>
    <s v="974"/>
    <s v="GLBATCH"/>
    <n v="6"/>
    <n v="2016"/>
  </r>
  <r>
    <s v="110"/>
    <d v="2016-06-15T00:00:00"/>
    <x v="5"/>
    <x v="0"/>
    <s v="10828"/>
    <s v="GLNANDA"/>
    <n v="-36667.839999999997"/>
    <n v="-274419"/>
    <s v="Billed Revenues"/>
    <s v="EXV"/>
    <s v="NONBU"/>
    <s v="G0000110"/>
    <s v="N"/>
    <s v="MACSS Dist Billed Revenue-03"/>
    <s v=""/>
    <x v="0"/>
    <s v="CAD0330616"/>
    <s v="S"/>
    <s v="KY"/>
    <s v="REV"/>
    <s v="974"/>
    <s v="GLBATCH"/>
    <n v="6"/>
    <n v="2016"/>
  </r>
  <r>
    <s v="110"/>
    <d v="2016-06-15T00:00:00"/>
    <x v="0"/>
    <x v="0"/>
    <s v="10828"/>
    <s v="GLNANDA"/>
    <n v="0"/>
    <n v="21"/>
    <s v="Billed Revenues"/>
    <s v="EXV"/>
    <s v="NONBU"/>
    <s v="G0000110"/>
    <s v="N"/>
    <s v="MACSS Dist Billed Revenue-03"/>
    <s v=""/>
    <x v="0"/>
    <s v="CAD0330616"/>
    <s v="S"/>
    <s v="KY"/>
    <s v="REV"/>
    <s v="974"/>
    <s v="GLBATCH"/>
    <n v="6"/>
    <n v="2016"/>
  </r>
  <r>
    <s v="110"/>
    <d v="2016-06-15T00:00:00"/>
    <x v="1"/>
    <x v="0"/>
    <s v="10828"/>
    <s v="GLNANDA"/>
    <n v="-257162.18"/>
    <n v="-1980337"/>
    <s v="Billed Revenues"/>
    <s v="EXV"/>
    <s v="NONBU"/>
    <s v="G0000110"/>
    <s v="N"/>
    <s v="MACSS Dist Billed Revenue-03"/>
    <s v=""/>
    <x v="0"/>
    <s v="CAD0330616"/>
    <s v="S"/>
    <s v="KY"/>
    <s v="REV"/>
    <s v="974"/>
    <s v="GLBATCH"/>
    <n v="6"/>
    <n v="2016"/>
  </r>
  <r>
    <s v="110"/>
    <d v="2016-06-15T00:00:00"/>
    <x v="1"/>
    <x v="0"/>
    <s v="10828"/>
    <s v="GLNANDA"/>
    <n v="0"/>
    <n v="2269"/>
    <s v="Billed Revenues"/>
    <s v="EXV"/>
    <s v="NONBU"/>
    <s v="G0000110"/>
    <s v="N"/>
    <s v="MACSS Dist Billed Revenue-03"/>
    <s v=""/>
    <x v="0"/>
    <s v="CAD0330616"/>
    <s v="S"/>
    <s v="KY"/>
    <s v="REV"/>
    <s v="974"/>
    <s v="GLBATCH"/>
    <n v="6"/>
    <n v="2016"/>
  </r>
  <r>
    <s v="110"/>
    <d v="2016-06-15T00:00:00"/>
    <x v="4"/>
    <x v="0"/>
    <s v="10828"/>
    <s v="GLNANDA"/>
    <n v="-536189.86"/>
    <n v="-4271452"/>
    <s v="Billed Revenues"/>
    <s v="EXV"/>
    <s v="NONBU"/>
    <s v="G0000110"/>
    <s v="N"/>
    <s v="MACSS Dist Billed Revenue-03"/>
    <s v=""/>
    <x v="0"/>
    <s v="CAD0330616"/>
    <s v="S"/>
    <s v="KY"/>
    <s v="REV"/>
    <s v="974"/>
    <s v="GLBATCH"/>
    <n v="6"/>
    <n v="2016"/>
  </r>
  <r>
    <s v="110"/>
    <d v="2016-06-15T00:00:00"/>
    <x v="4"/>
    <x v="0"/>
    <s v="10828"/>
    <s v="GLNANDA"/>
    <n v="0"/>
    <n v="3835"/>
    <s v="Billed Revenues"/>
    <s v="EXV"/>
    <s v="NONBU"/>
    <s v="G0000110"/>
    <s v="N"/>
    <s v="MACSS Dist Billed Revenue-03"/>
    <s v=""/>
    <x v="0"/>
    <s v="CAD0330616"/>
    <s v="S"/>
    <s v="KY"/>
    <s v="REV"/>
    <s v="974"/>
    <s v="GLBATCH"/>
    <n v="6"/>
    <n v="2016"/>
  </r>
  <r>
    <s v="110"/>
    <d v="2016-06-15T00:00:00"/>
    <x v="6"/>
    <x v="0"/>
    <s v="10828"/>
    <s v="GLNANDA"/>
    <n v="-117.56"/>
    <n v="-481"/>
    <s v="Billed Revenues"/>
    <s v="EXV"/>
    <s v="NONBU"/>
    <s v="G0000110"/>
    <s v="N"/>
    <s v="MACSS Dist Billed Revenue-03"/>
    <s v=""/>
    <x v="0"/>
    <s v="CAD0330616"/>
    <s v="S"/>
    <s v="KY"/>
    <s v="REV"/>
    <s v="974"/>
    <s v="GLBATCH"/>
    <n v="6"/>
    <n v="2016"/>
  </r>
  <r>
    <s v="110"/>
    <d v="2016-06-15T00:00:00"/>
    <x v="6"/>
    <x v="0"/>
    <s v="10828"/>
    <s v="GLNANDA"/>
    <n v="0"/>
    <n v="2"/>
    <s v="Billed Revenues"/>
    <s v="EXV"/>
    <s v="NONBU"/>
    <s v="G0000110"/>
    <s v="N"/>
    <s v="MACSS Dist Billed Revenue-03"/>
    <s v=""/>
    <x v="0"/>
    <s v="CAD0330616"/>
    <s v="S"/>
    <s v="KY"/>
    <s v="REV"/>
    <s v="974"/>
    <s v="GLBATCH"/>
    <n v="6"/>
    <n v="2016"/>
  </r>
  <r>
    <s v="110"/>
    <d v="2016-06-15T00:00:00"/>
    <x v="5"/>
    <x v="0"/>
    <s v="10828"/>
    <s v="GLNANDA"/>
    <n v="-46138.69"/>
    <n v="-359058"/>
    <s v="Billed Revenues"/>
    <s v="EXV"/>
    <s v="NONBU"/>
    <s v="G0000110"/>
    <s v="N"/>
    <s v="MACSS Dist Billed Revenue-03"/>
    <s v=""/>
    <x v="0"/>
    <s v="CAD0330617"/>
    <s v="S"/>
    <s v="KY"/>
    <s v="REV"/>
    <s v="974"/>
    <s v="GLBATCH"/>
    <n v="6"/>
    <n v="2016"/>
  </r>
  <r>
    <s v="110"/>
    <d v="2016-06-15T00:00:00"/>
    <x v="6"/>
    <x v="0"/>
    <s v="10828"/>
    <s v="GLNANDA"/>
    <n v="0"/>
    <n v="7"/>
    <s v="Billed Revenues"/>
    <s v="EXV"/>
    <s v="NONBU"/>
    <s v="G0000110"/>
    <s v="N"/>
    <s v="MACSS Dist Billed Revenue-03"/>
    <s v=""/>
    <x v="0"/>
    <s v="CAD0330617"/>
    <s v="S"/>
    <s v="KY"/>
    <s v="REV"/>
    <s v="974"/>
    <s v="GLBATCH"/>
    <n v="6"/>
    <n v="2016"/>
  </r>
  <r>
    <s v="110"/>
    <d v="2016-06-15T00:00:00"/>
    <x v="0"/>
    <x v="0"/>
    <s v="10828"/>
    <s v="GLNANDA"/>
    <n v="-241281.13"/>
    <n v="-2932977"/>
    <s v="Billed Revenues"/>
    <s v="EXV"/>
    <s v="NONBU"/>
    <s v="G0000110"/>
    <s v="N"/>
    <s v="MACSS Dist Billed Revenue-03"/>
    <s v=""/>
    <x v="0"/>
    <s v="CAD0330617"/>
    <s v="S"/>
    <s v="KY"/>
    <s v="REV"/>
    <s v="974"/>
    <s v="GLBATCH"/>
    <n v="6"/>
    <n v="2016"/>
  </r>
  <r>
    <s v="110"/>
    <d v="2016-06-15T00:00:00"/>
    <x v="0"/>
    <x v="0"/>
    <s v="10828"/>
    <s v="GLNANDA"/>
    <n v="0"/>
    <n v="51"/>
    <s v="Billed Revenues"/>
    <s v="EXV"/>
    <s v="NONBU"/>
    <s v="G0000110"/>
    <s v="N"/>
    <s v="MACSS Dist Billed Revenue-03"/>
    <s v=""/>
    <x v="0"/>
    <s v="CAD0330617"/>
    <s v="S"/>
    <s v="KY"/>
    <s v="REV"/>
    <s v="974"/>
    <s v="GLBATCH"/>
    <n v="6"/>
    <n v="2016"/>
  </r>
  <r>
    <s v="110"/>
    <d v="2016-06-15T00:00:00"/>
    <x v="7"/>
    <x v="0"/>
    <s v="10828"/>
    <s v="GLNANDA"/>
    <n v="-84043.31"/>
    <n v="-672738"/>
    <s v="Billed Revenues"/>
    <s v="EXV"/>
    <s v="NONBU"/>
    <s v="G0000110"/>
    <s v="N"/>
    <s v="MACSS Dist Billed Revenue-03"/>
    <s v=""/>
    <x v="0"/>
    <s v="CAD0330617"/>
    <s v="S"/>
    <s v="KY"/>
    <s v="REV"/>
    <s v="974"/>
    <s v="GLBATCH"/>
    <n v="6"/>
    <n v="2016"/>
  </r>
  <r>
    <s v="110"/>
    <d v="2016-06-15T00:00:00"/>
    <x v="7"/>
    <x v="0"/>
    <s v="10828"/>
    <s v="GLNANDA"/>
    <n v="0"/>
    <n v="21"/>
    <s v="Billed Revenues"/>
    <s v="EXV"/>
    <s v="NONBU"/>
    <s v="G0000110"/>
    <s v="N"/>
    <s v="MACSS Dist Billed Revenue-03"/>
    <s v=""/>
    <x v="0"/>
    <s v="CAD0330617"/>
    <s v="S"/>
    <s v="KY"/>
    <s v="REV"/>
    <s v="974"/>
    <s v="GLBATCH"/>
    <n v="6"/>
    <n v="2016"/>
  </r>
  <r>
    <s v="110"/>
    <d v="2016-06-15T00:00:00"/>
    <x v="1"/>
    <x v="0"/>
    <s v="10828"/>
    <s v="GLNANDA"/>
    <n v="-285815.67"/>
    <n v="-2220664"/>
    <s v="Billed Revenues"/>
    <s v="EXV"/>
    <s v="NONBU"/>
    <s v="G0000110"/>
    <s v="N"/>
    <s v="MACSS Dist Billed Revenue-03"/>
    <s v=""/>
    <x v="0"/>
    <s v="CAD0330617"/>
    <s v="S"/>
    <s v="KY"/>
    <s v="REV"/>
    <s v="974"/>
    <s v="GLBATCH"/>
    <n v="6"/>
    <n v="2016"/>
  </r>
  <r>
    <s v="110"/>
    <d v="2016-06-15T00:00:00"/>
    <x v="1"/>
    <x v="0"/>
    <s v="10828"/>
    <s v="GLNANDA"/>
    <n v="0"/>
    <n v="2442"/>
    <s v="Billed Revenues"/>
    <s v="EXV"/>
    <s v="NONBU"/>
    <s v="G0000110"/>
    <s v="N"/>
    <s v="MACSS Dist Billed Revenue-03"/>
    <s v=""/>
    <x v="0"/>
    <s v="CAD0330617"/>
    <s v="S"/>
    <s v="KY"/>
    <s v="REV"/>
    <s v="974"/>
    <s v="GLBATCH"/>
    <n v="6"/>
    <n v="2016"/>
  </r>
  <r>
    <s v="110"/>
    <d v="2016-06-15T00:00:00"/>
    <x v="3"/>
    <x v="0"/>
    <s v="10828"/>
    <s v="GLNANDA"/>
    <n v="-127050.6"/>
    <n v="-1049912"/>
    <s v="Billed Revenues"/>
    <s v="EXV"/>
    <s v="NONBU"/>
    <s v="G0000110"/>
    <s v="N"/>
    <s v="MACSS Dist Billed Revenue-03"/>
    <s v=""/>
    <x v="0"/>
    <s v="CAD0330617"/>
    <s v="S"/>
    <s v="KY"/>
    <s v="REV"/>
    <s v="974"/>
    <s v="GLBATCH"/>
    <n v="6"/>
    <n v="2016"/>
  </r>
  <r>
    <s v="110"/>
    <d v="2016-06-15T00:00:00"/>
    <x v="3"/>
    <x v="0"/>
    <s v="10828"/>
    <s v="GLNANDA"/>
    <n v="0"/>
    <n v="15"/>
    <s v="Billed Revenues"/>
    <s v="EXV"/>
    <s v="NONBU"/>
    <s v="G0000110"/>
    <s v="N"/>
    <s v="MACSS Dist Billed Revenue-03"/>
    <s v=""/>
    <x v="0"/>
    <s v="CAD0330617"/>
    <s v="S"/>
    <s v="KY"/>
    <s v="REV"/>
    <s v="974"/>
    <s v="GLBATCH"/>
    <n v="6"/>
    <n v="2016"/>
  </r>
  <r>
    <s v="110"/>
    <d v="2016-06-15T00:00:00"/>
    <x v="4"/>
    <x v="0"/>
    <s v="10828"/>
    <s v="GLNANDA"/>
    <n v="-505485.81"/>
    <n v="-4008849"/>
    <s v="Billed Revenues"/>
    <s v="EXV"/>
    <s v="NONBU"/>
    <s v="G0000110"/>
    <s v="N"/>
    <s v="MACSS Dist Billed Revenue-03"/>
    <s v=""/>
    <x v="0"/>
    <s v="CAD0330617"/>
    <s v="S"/>
    <s v="KY"/>
    <s v="REV"/>
    <s v="974"/>
    <s v="GLBATCH"/>
    <n v="6"/>
    <n v="2016"/>
  </r>
  <r>
    <s v="110"/>
    <d v="2016-06-15T00:00:00"/>
    <x v="4"/>
    <x v="0"/>
    <s v="10828"/>
    <s v="GLNANDA"/>
    <n v="0"/>
    <n v="3824"/>
    <s v="Billed Revenues"/>
    <s v="EXV"/>
    <s v="NONBU"/>
    <s v="G0000110"/>
    <s v="N"/>
    <s v="MACSS Dist Billed Revenue-03"/>
    <s v=""/>
    <x v="0"/>
    <s v="CAD0330617"/>
    <s v="S"/>
    <s v="KY"/>
    <s v="REV"/>
    <s v="974"/>
    <s v="GLBATCH"/>
    <n v="6"/>
    <n v="2016"/>
  </r>
  <r>
    <s v="110"/>
    <d v="2016-06-15T00:00:00"/>
    <x v="2"/>
    <x v="0"/>
    <s v="10828"/>
    <s v="GLNANDA"/>
    <n v="-171490.22"/>
    <n v="-1173654"/>
    <s v="Billed Revenues"/>
    <s v="EXV"/>
    <s v="NONBU"/>
    <s v="G0000110"/>
    <s v="N"/>
    <s v="MACSS Dist Billed Revenue-03"/>
    <s v=""/>
    <x v="0"/>
    <s v="CAD0330617"/>
    <s v="S"/>
    <s v="KY"/>
    <s v="REV"/>
    <s v="974"/>
    <s v="GLBATCH"/>
    <n v="6"/>
    <n v="2016"/>
  </r>
  <r>
    <s v="110"/>
    <d v="2016-06-15T00:00:00"/>
    <x v="2"/>
    <x v="0"/>
    <s v="10828"/>
    <s v="GLNANDA"/>
    <n v="0"/>
    <n v="1015"/>
    <s v="Billed Revenues"/>
    <s v="EXV"/>
    <s v="NONBU"/>
    <s v="G0000110"/>
    <s v="N"/>
    <s v="MACSS Dist Billed Revenue-03"/>
    <s v=""/>
    <x v="0"/>
    <s v="CAD0330617"/>
    <s v="S"/>
    <s v="KY"/>
    <s v="REV"/>
    <s v="974"/>
    <s v="GLBATCH"/>
    <n v="6"/>
    <n v="2016"/>
  </r>
  <r>
    <s v="110"/>
    <d v="2016-06-15T00:00:00"/>
    <x v="6"/>
    <x v="0"/>
    <s v="10828"/>
    <s v="GLNANDA"/>
    <n v="-299.56"/>
    <n v="-935"/>
    <s v="Billed Revenues"/>
    <s v="EXV"/>
    <s v="NONBU"/>
    <s v="G0000110"/>
    <s v="N"/>
    <s v="MACSS Dist Billed Revenue-03"/>
    <s v=""/>
    <x v="0"/>
    <s v="CAD0330617"/>
    <s v="S"/>
    <s v="KY"/>
    <s v="REV"/>
    <s v="974"/>
    <s v="GLBATCH"/>
    <n v="6"/>
    <n v="2016"/>
  </r>
  <r>
    <s v="110"/>
    <d v="2016-06-15T00:00:00"/>
    <x v="5"/>
    <x v="0"/>
    <s v="10828"/>
    <s v="GLNANDA"/>
    <n v="0"/>
    <n v="122"/>
    <s v="Billed Revenues"/>
    <s v="EXV"/>
    <s v="NONBU"/>
    <s v="G0000110"/>
    <s v="N"/>
    <s v="MACSS Dist Billed Revenue-03"/>
    <s v=""/>
    <x v="0"/>
    <s v="CAD0330617"/>
    <s v="S"/>
    <s v="KY"/>
    <s v="REV"/>
    <s v="974"/>
    <s v="GLBATCH"/>
    <n v="6"/>
    <n v="2016"/>
  </r>
  <r>
    <s v="110"/>
    <d v="2016-06-15T00:00:00"/>
    <x v="3"/>
    <x v="0"/>
    <s v="10828"/>
    <s v="GLNANDA"/>
    <n v="0"/>
    <n v="16"/>
    <s v="Billed Revenues"/>
    <s v="EXV"/>
    <s v="NONBU"/>
    <s v="G0000110"/>
    <s v="N"/>
    <s v="MACSS Dist Billed Revenue-03"/>
    <s v=""/>
    <x v="0"/>
    <s v="CAD0330620"/>
    <s v="S"/>
    <s v="KY"/>
    <s v="REV"/>
    <s v="974"/>
    <s v="GLBATCH"/>
    <n v="6"/>
    <n v="2016"/>
  </r>
  <r>
    <s v="110"/>
    <d v="2016-06-15T00:00:00"/>
    <x v="3"/>
    <x v="0"/>
    <s v="10828"/>
    <s v="GLNANDA"/>
    <n v="-103004.15"/>
    <n v="-900521"/>
    <s v="Billed Revenues"/>
    <s v="EXV"/>
    <s v="NONBU"/>
    <s v="G0000110"/>
    <s v="N"/>
    <s v="MACSS Dist Billed Revenue-03"/>
    <s v=""/>
    <x v="0"/>
    <s v="CAD0330620"/>
    <s v="S"/>
    <s v="KY"/>
    <s v="REV"/>
    <s v="974"/>
    <s v="GLBATCH"/>
    <n v="6"/>
    <n v="2016"/>
  </r>
  <r>
    <s v="110"/>
    <d v="2016-06-15T00:00:00"/>
    <x v="0"/>
    <x v="0"/>
    <s v="10828"/>
    <s v="GLNANDA"/>
    <n v="0"/>
    <n v="69"/>
    <s v="Billed Revenues"/>
    <s v="EXV"/>
    <s v="NONBU"/>
    <s v="G0000110"/>
    <s v="N"/>
    <s v="MACSS Dist Billed Revenue-03"/>
    <s v=""/>
    <x v="0"/>
    <s v="CAD0330620"/>
    <s v="S"/>
    <s v="KY"/>
    <s v="REV"/>
    <s v="974"/>
    <s v="GLBATCH"/>
    <n v="6"/>
    <n v="2016"/>
  </r>
  <r>
    <s v="110"/>
    <d v="2016-06-15T00:00:00"/>
    <x v="6"/>
    <x v="0"/>
    <s v="10828"/>
    <s v="GLNANDA"/>
    <n v="-1678.08"/>
    <n v="-10841"/>
    <s v="Billed Revenues"/>
    <s v="EXV"/>
    <s v="NONBU"/>
    <s v="G0000110"/>
    <s v="N"/>
    <s v="MACSS Dist Billed Revenue-03"/>
    <s v=""/>
    <x v="0"/>
    <s v="CAD0330620"/>
    <s v="S"/>
    <s v="KY"/>
    <s v="REV"/>
    <s v="974"/>
    <s v="GLBATCH"/>
    <n v="6"/>
    <n v="2016"/>
  </r>
  <r>
    <s v="110"/>
    <d v="2016-06-15T00:00:00"/>
    <x v="6"/>
    <x v="0"/>
    <s v="10828"/>
    <s v="GLNANDA"/>
    <n v="0"/>
    <n v="9"/>
    <s v="Billed Revenues"/>
    <s v="EXV"/>
    <s v="NONBU"/>
    <s v="G0000110"/>
    <s v="N"/>
    <s v="MACSS Dist Billed Revenue-03"/>
    <s v=""/>
    <x v="0"/>
    <s v="CAD0330620"/>
    <s v="S"/>
    <s v="KY"/>
    <s v="REV"/>
    <s v="974"/>
    <s v="GLBATCH"/>
    <n v="6"/>
    <n v="2016"/>
  </r>
  <r>
    <s v="110"/>
    <d v="2016-06-15T00:00:00"/>
    <x v="5"/>
    <x v="0"/>
    <s v="10828"/>
    <s v="GLNANDA"/>
    <n v="-75412.460000000006"/>
    <n v="-591932"/>
    <s v="Billed Revenues"/>
    <s v="EXV"/>
    <s v="NONBU"/>
    <s v="G0000110"/>
    <s v="N"/>
    <s v="MACSS Dist Billed Revenue-03"/>
    <s v=""/>
    <x v="0"/>
    <s v="CAD0330620"/>
    <s v="S"/>
    <s v="KY"/>
    <s v="REV"/>
    <s v="974"/>
    <s v="GLBATCH"/>
    <n v="6"/>
    <n v="2016"/>
  </r>
  <r>
    <s v="110"/>
    <d v="2016-06-15T00:00:00"/>
    <x v="5"/>
    <x v="0"/>
    <s v="10828"/>
    <s v="GLNANDA"/>
    <n v="0"/>
    <n v="94"/>
    <s v="Billed Revenues"/>
    <s v="EXV"/>
    <s v="NONBU"/>
    <s v="G0000110"/>
    <s v="N"/>
    <s v="MACSS Dist Billed Revenue-03"/>
    <s v=""/>
    <x v="0"/>
    <s v="CAD0330620"/>
    <s v="S"/>
    <s v="KY"/>
    <s v="REV"/>
    <s v="974"/>
    <s v="GLBATCH"/>
    <n v="6"/>
    <n v="2016"/>
  </r>
  <r>
    <s v="110"/>
    <d v="2016-06-15T00:00:00"/>
    <x v="2"/>
    <x v="0"/>
    <s v="10828"/>
    <s v="GLNANDA"/>
    <n v="-279604.2"/>
    <n v="-2033036"/>
    <s v="Billed Revenues"/>
    <s v="EXV"/>
    <s v="NONBU"/>
    <s v="G0000110"/>
    <s v="N"/>
    <s v="MACSS Dist Billed Revenue-03"/>
    <s v=""/>
    <x v="0"/>
    <s v="CAD0330620"/>
    <s v="S"/>
    <s v="KY"/>
    <s v="REV"/>
    <s v="974"/>
    <s v="GLBATCH"/>
    <n v="6"/>
    <n v="2016"/>
  </r>
  <r>
    <s v="110"/>
    <d v="2016-06-15T00:00:00"/>
    <x v="2"/>
    <x v="0"/>
    <s v="10828"/>
    <s v="GLNANDA"/>
    <n v="0"/>
    <n v="1094"/>
    <s v="Billed Revenues"/>
    <s v="EXV"/>
    <s v="NONBU"/>
    <s v="G0000110"/>
    <s v="N"/>
    <s v="MACSS Dist Billed Revenue-03"/>
    <s v=""/>
    <x v="0"/>
    <s v="CAD0330620"/>
    <s v="S"/>
    <s v="KY"/>
    <s v="REV"/>
    <s v="974"/>
    <s v="GLBATCH"/>
    <n v="6"/>
    <n v="2016"/>
  </r>
  <r>
    <s v="110"/>
    <d v="2016-06-15T00:00:00"/>
    <x v="7"/>
    <x v="0"/>
    <s v="10828"/>
    <s v="GLNANDA"/>
    <n v="-28092.46"/>
    <n v="-217648"/>
    <s v="Billed Revenues"/>
    <s v="EXV"/>
    <s v="NONBU"/>
    <s v="G0000110"/>
    <s v="N"/>
    <s v="MACSS Dist Billed Revenue-03"/>
    <s v=""/>
    <x v="0"/>
    <s v="CAD0330620"/>
    <s v="S"/>
    <s v="KY"/>
    <s v="REV"/>
    <s v="974"/>
    <s v="GLBATCH"/>
    <n v="6"/>
    <n v="2016"/>
  </r>
  <r>
    <s v="110"/>
    <d v="2016-06-15T00:00:00"/>
    <x v="7"/>
    <x v="0"/>
    <s v="10828"/>
    <s v="GLNANDA"/>
    <n v="0"/>
    <n v="16"/>
    <s v="Billed Revenues"/>
    <s v="EXV"/>
    <s v="NONBU"/>
    <s v="G0000110"/>
    <s v="N"/>
    <s v="MACSS Dist Billed Revenue-03"/>
    <s v=""/>
    <x v="0"/>
    <s v="CAD0330620"/>
    <s v="S"/>
    <s v="KY"/>
    <s v="REV"/>
    <s v="974"/>
    <s v="GLBATCH"/>
    <n v="6"/>
    <n v="2016"/>
  </r>
  <r>
    <s v="110"/>
    <d v="2016-06-15T00:00:00"/>
    <x v="4"/>
    <x v="0"/>
    <s v="10828"/>
    <s v="GLNANDA"/>
    <n v="-542494.18000000005"/>
    <n v="-4332937"/>
    <s v="Billed Revenues"/>
    <s v="EXV"/>
    <s v="NONBU"/>
    <s v="G0000110"/>
    <s v="N"/>
    <s v="MACSS Dist Billed Revenue-03"/>
    <s v=""/>
    <x v="0"/>
    <s v="CAD0330620"/>
    <s v="S"/>
    <s v="KY"/>
    <s v="REV"/>
    <s v="974"/>
    <s v="GLBATCH"/>
    <n v="6"/>
    <n v="2016"/>
  </r>
  <r>
    <s v="110"/>
    <d v="2016-06-15T00:00:00"/>
    <x v="4"/>
    <x v="0"/>
    <s v="10828"/>
    <s v="GLNANDA"/>
    <n v="0"/>
    <n v="3801"/>
    <s v="Billed Revenues"/>
    <s v="EXV"/>
    <s v="NONBU"/>
    <s v="G0000110"/>
    <s v="N"/>
    <s v="MACSS Dist Billed Revenue-03"/>
    <s v=""/>
    <x v="0"/>
    <s v="CAD0330620"/>
    <s v="S"/>
    <s v="KY"/>
    <s v="REV"/>
    <s v="974"/>
    <s v="GLBATCH"/>
    <n v="6"/>
    <n v="2016"/>
  </r>
  <r>
    <s v="110"/>
    <d v="2016-06-15T00:00:00"/>
    <x v="1"/>
    <x v="0"/>
    <s v="10828"/>
    <s v="GLNANDA"/>
    <n v="-209991.95"/>
    <n v="-1623316"/>
    <s v="Billed Revenues"/>
    <s v="EXV"/>
    <s v="NONBU"/>
    <s v="G0000110"/>
    <s v="N"/>
    <s v="MACSS Dist Billed Revenue-03"/>
    <s v=""/>
    <x v="0"/>
    <s v="CAD0330620"/>
    <s v="S"/>
    <s v="KY"/>
    <s v="REV"/>
    <s v="974"/>
    <s v="GLBATCH"/>
    <n v="6"/>
    <n v="2016"/>
  </r>
  <r>
    <s v="110"/>
    <d v="2016-06-15T00:00:00"/>
    <x v="1"/>
    <x v="0"/>
    <s v="10828"/>
    <s v="GLNANDA"/>
    <n v="0"/>
    <n v="1691"/>
    <s v="Billed Revenues"/>
    <s v="EXV"/>
    <s v="NONBU"/>
    <s v="G0000110"/>
    <s v="N"/>
    <s v="MACSS Dist Billed Revenue-03"/>
    <s v=""/>
    <x v="0"/>
    <s v="CAD0330620"/>
    <s v="S"/>
    <s v="KY"/>
    <s v="REV"/>
    <s v="974"/>
    <s v="GLBATCH"/>
    <n v="6"/>
    <n v="2016"/>
  </r>
  <r>
    <s v="110"/>
    <d v="2016-06-15T00:00:00"/>
    <x v="0"/>
    <x v="0"/>
    <s v="10828"/>
    <s v="GLNANDA"/>
    <n v="-77742.720000000001"/>
    <n v="-330904"/>
    <s v="Billed Revenues"/>
    <s v="EXV"/>
    <s v="NONBU"/>
    <s v="G0000110"/>
    <s v="N"/>
    <s v="MACSS Dist Billed Revenue-03"/>
    <s v=""/>
    <x v="0"/>
    <s v="CAD0330620"/>
    <s v="S"/>
    <s v="KY"/>
    <s v="REV"/>
    <s v="974"/>
    <s v="GLBATCH"/>
    <n v="6"/>
    <n v="2016"/>
  </r>
  <r>
    <s v="110"/>
    <d v="2016-06-15T00:00:00"/>
    <x v="0"/>
    <x v="0"/>
    <s v="10828"/>
    <s v="GLNANDA"/>
    <n v="0"/>
    <n v="52"/>
    <s v="Billed Revenues"/>
    <s v="EXV"/>
    <s v="NONBU"/>
    <s v="G0000110"/>
    <s v="N"/>
    <s v="MACSS Dist Billed Revenue-03"/>
    <s v=""/>
    <x v="0"/>
    <s v="CAD0330621"/>
    <s v="S"/>
    <s v="KY"/>
    <s v="REV"/>
    <s v="974"/>
    <s v="GLBATCH"/>
    <n v="6"/>
    <n v="2016"/>
  </r>
  <r>
    <s v="110"/>
    <d v="2016-06-15T00:00:00"/>
    <x v="1"/>
    <x v="0"/>
    <s v="10828"/>
    <s v="GLNANDA"/>
    <n v="-249942.27"/>
    <n v="-1954315"/>
    <s v="Billed Revenues"/>
    <s v="EXV"/>
    <s v="NONBU"/>
    <s v="G0000110"/>
    <s v="N"/>
    <s v="MACSS Dist Billed Revenue-03"/>
    <s v=""/>
    <x v="0"/>
    <s v="CAD0330621"/>
    <s v="S"/>
    <s v="KY"/>
    <s v="REV"/>
    <s v="974"/>
    <s v="GLBATCH"/>
    <n v="6"/>
    <n v="2016"/>
  </r>
  <r>
    <s v="110"/>
    <d v="2016-06-15T00:00:00"/>
    <x v="1"/>
    <x v="0"/>
    <s v="10828"/>
    <s v="GLNANDA"/>
    <n v="0"/>
    <n v="1979"/>
    <s v="Billed Revenues"/>
    <s v="EXV"/>
    <s v="NONBU"/>
    <s v="G0000110"/>
    <s v="N"/>
    <s v="MACSS Dist Billed Revenue-03"/>
    <s v=""/>
    <x v="0"/>
    <s v="CAD0330621"/>
    <s v="S"/>
    <s v="KY"/>
    <s v="REV"/>
    <s v="974"/>
    <s v="GLBATCH"/>
    <n v="6"/>
    <n v="2016"/>
  </r>
  <r>
    <s v="110"/>
    <d v="2016-06-15T00:00:00"/>
    <x v="2"/>
    <x v="0"/>
    <s v="10828"/>
    <s v="GLNANDA"/>
    <n v="-223162.02"/>
    <n v="-1571282"/>
    <s v="Billed Revenues"/>
    <s v="EXV"/>
    <s v="NONBU"/>
    <s v="G0000110"/>
    <s v="N"/>
    <s v="MACSS Dist Billed Revenue-03"/>
    <s v=""/>
    <x v="0"/>
    <s v="CAD0330621"/>
    <s v="S"/>
    <s v="KY"/>
    <s v="REV"/>
    <s v="974"/>
    <s v="GLBATCH"/>
    <n v="6"/>
    <n v="2016"/>
  </r>
  <r>
    <s v="110"/>
    <d v="2016-06-15T00:00:00"/>
    <x v="2"/>
    <x v="0"/>
    <s v="10828"/>
    <s v="GLNANDA"/>
    <n v="0"/>
    <n v="1088"/>
    <s v="Billed Revenues"/>
    <s v="EXV"/>
    <s v="NONBU"/>
    <s v="G0000110"/>
    <s v="N"/>
    <s v="MACSS Dist Billed Revenue-03"/>
    <s v=""/>
    <x v="0"/>
    <s v="CAD0330621"/>
    <s v="S"/>
    <s v="KY"/>
    <s v="REV"/>
    <s v="974"/>
    <s v="GLBATCH"/>
    <n v="6"/>
    <n v="2016"/>
  </r>
  <r>
    <s v="110"/>
    <d v="2016-06-15T00:00:00"/>
    <x v="4"/>
    <x v="0"/>
    <s v="10828"/>
    <s v="GLNANDA"/>
    <n v="-563376.92000000004"/>
    <n v="-4544297"/>
    <s v="Billed Revenues"/>
    <s v="EXV"/>
    <s v="NONBU"/>
    <s v="G0000110"/>
    <s v="N"/>
    <s v="MACSS Dist Billed Revenue-03"/>
    <s v=""/>
    <x v="0"/>
    <s v="CAD0330621"/>
    <s v="S"/>
    <s v="KY"/>
    <s v="REV"/>
    <s v="974"/>
    <s v="GLBATCH"/>
    <n v="6"/>
    <n v="2016"/>
  </r>
  <r>
    <s v="110"/>
    <d v="2016-06-15T00:00:00"/>
    <x v="4"/>
    <x v="0"/>
    <s v="10828"/>
    <s v="GLNANDA"/>
    <n v="0"/>
    <n v="3679"/>
    <s v="Billed Revenues"/>
    <s v="EXV"/>
    <s v="NONBU"/>
    <s v="G0000110"/>
    <s v="N"/>
    <s v="MACSS Dist Billed Revenue-03"/>
    <s v=""/>
    <x v="0"/>
    <s v="CAD0330621"/>
    <s v="S"/>
    <s v="KY"/>
    <s v="REV"/>
    <s v="974"/>
    <s v="GLBATCH"/>
    <n v="6"/>
    <n v="2016"/>
  </r>
  <r>
    <s v="110"/>
    <d v="2016-06-15T00:00:00"/>
    <x v="0"/>
    <x v="0"/>
    <s v="10828"/>
    <s v="GLNANDA"/>
    <n v="-16550.990000000002"/>
    <n v="-118493"/>
    <s v="Billed Revenues"/>
    <s v="EXV"/>
    <s v="NONBU"/>
    <s v="G0000110"/>
    <s v="N"/>
    <s v="MACSS Dist Billed Revenue-03"/>
    <s v=""/>
    <x v="0"/>
    <s v="CAD0330621"/>
    <s v="S"/>
    <s v="KY"/>
    <s v="REV"/>
    <s v="974"/>
    <s v="GLBATCH"/>
    <n v="6"/>
    <n v="2016"/>
  </r>
  <r>
    <s v="110"/>
    <d v="2016-06-15T00:00:00"/>
    <x v="6"/>
    <x v="0"/>
    <s v="10828"/>
    <s v="GLNANDA"/>
    <n v="0"/>
    <n v="10"/>
    <s v="Billed Revenues"/>
    <s v="EXV"/>
    <s v="NONBU"/>
    <s v="G0000110"/>
    <s v="N"/>
    <s v="MACSS Dist Billed Revenue-03"/>
    <s v=""/>
    <x v="0"/>
    <s v="CAD0330621"/>
    <s v="S"/>
    <s v="KY"/>
    <s v="REV"/>
    <s v="974"/>
    <s v="GLBATCH"/>
    <n v="6"/>
    <n v="2016"/>
  </r>
  <r>
    <s v="110"/>
    <d v="2016-06-15T00:00:00"/>
    <x v="7"/>
    <x v="0"/>
    <s v="10828"/>
    <s v="GLNANDA"/>
    <n v="-43247.09"/>
    <n v="-324086"/>
    <s v="Billed Revenues"/>
    <s v="EXV"/>
    <s v="NONBU"/>
    <s v="G0000110"/>
    <s v="N"/>
    <s v="MACSS Dist Billed Revenue-03"/>
    <s v=""/>
    <x v="0"/>
    <s v="CAD0330621"/>
    <s v="S"/>
    <s v="KY"/>
    <s v="REV"/>
    <s v="974"/>
    <s v="GLBATCH"/>
    <n v="6"/>
    <n v="2016"/>
  </r>
  <r>
    <s v="110"/>
    <d v="2016-06-15T00:00:00"/>
    <x v="7"/>
    <x v="0"/>
    <s v="10828"/>
    <s v="GLNANDA"/>
    <n v="0"/>
    <n v="18"/>
    <s v="Billed Revenues"/>
    <s v="EXV"/>
    <s v="NONBU"/>
    <s v="G0000110"/>
    <s v="N"/>
    <s v="MACSS Dist Billed Revenue-03"/>
    <s v=""/>
    <x v="0"/>
    <s v="CAD0330621"/>
    <s v="S"/>
    <s v="KY"/>
    <s v="REV"/>
    <s v="974"/>
    <s v="GLBATCH"/>
    <n v="6"/>
    <n v="2016"/>
  </r>
  <r>
    <s v="110"/>
    <d v="2016-06-15T00:00:00"/>
    <x v="5"/>
    <x v="0"/>
    <s v="10828"/>
    <s v="GLNANDA"/>
    <n v="-89451.8"/>
    <n v="-713882"/>
    <s v="Billed Revenues"/>
    <s v="EXV"/>
    <s v="NONBU"/>
    <s v="G0000110"/>
    <s v="N"/>
    <s v="MACSS Dist Billed Revenue-03"/>
    <s v=""/>
    <x v="0"/>
    <s v="CAD0330621"/>
    <s v="S"/>
    <s v="KY"/>
    <s v="REV"/>
    <s v="974"/>
    <s v="GLBATCH"/>
    <n v="6"/>
    <n v="2016"/>
  </r>
  <r>
    <s v="110"/>
    <d v="2016-06-15T00:00:00"/>
    <x v="5"/>
    <x v="0"/>
    <s v="10828"/>
    <s v="GLNANDA"/>
    <n v="0"/>
    <n v="123"/>
    <s v="Billed Revenues"/>
    <s v="EXV"/>
    <s v="NONBU"/>
    <s v="G0000110"/>
    <s v="N"/>
    <s v="MACSS Dist Billed Revenue-03"/>
    <s v=""/>
    <x v="0"/>
    <s v="CAD0330621"/>
    <s v="S"/>
    <s v="KY"/>
    <s v="REV"/>
    <s v="974"/>
    <s v="GLBATCH"/>
    <n v="6"/>
    <n v="2016"/>
  </r>
  <r>
    <s v="110"/>
    <d v="2016-06-15T00:00:00"/>
    <x v="3"/>
    <x v="0"/>
    <s v="10828"/>
    <s v="GLNANDA"/>
    <n v="-2351.4499999999998"/>
    <n v="-16372"/>
    <s v="Billed Revenues"/>
    <s v="EXV"/>
    <s v="NONBU"/>
    <s v="G0000110"/>
    <s v="N"/>
    <s v="MACSS Dist Billed Revenue-03"/>
    <s v=""/>
    <x v="0"/>
    <s v="CAD0330621"/>
    <s v="S"/>
    <s v="KY"/>
    <s v="REV"/>
    <s v="974"/>
    <s v="GLBATCH"/>
    <n v="6"/>
    <n v="2016"/>
  </r>
  <r>
    <s v="110"/>
    <d v="2016-06-15T00:00:00"/>
    <x v="3"/>
    <x v="0"/>
    <s v="10828"/>
    <s v="GLNANDA"/>
    <n v="0"/>
    <n v="4"/>
    <s v="Billed Revenues"/>
    <s v="EXV"/>
    <s v="NONBU"/>
    <s v="G0000110"/>
    <s v="N"/>
    <s v="MACSS Dist Billed Revenue-03"/>
    <s v=""/>
    <x v="0"/>
    <s v="CAD0330621"/>
    <s v="S"/>
    <s v="KY"/>
    <s v="REV"/>
    <s v="974"/>
    <s v="GLBATCH"/>
    <n v="6"/>
    <n v="2016"/>
  </r>
  <r>
    <s v="110"/>
    <d v="2016-06-15T00:00:00"/>
    <x v="6"/>
    <x v="0"/>
    <s v="10828"/>
    <s v="GLNANDA"/>
    <n v="-599.51"/>
    <n v="-2893"/>
    <s v="Billed Revenues"/>
    <s v="EXV"/>
    <s v="NONBU"/>
    <s v="G0000110"/>
    <s v="N"/>
    <s v="MACSS Dist Billed Revenue-03"/>
    <s v=""/>
    <x v="0"/>
    <s v="CAD0330621"/>
    <s v="S"/>
    <s v="KY"/>
    <s v="REV"/>
    <s v="974"/>
    <s v="GLBATCH"/>
    <n v="6"/>
    <n v="2016"/>
  </r>
  <r>
    <s v="110"/>
    <d v="2016-06-15T00:00:00"/>
    <x v="3"/>
    <x v="0"/>
    <s v="10828"/>
    <s v="GLNANDA"/>
    <n v="0"/>
    <n v="14"/>
    <s v="Billed Revenues"/>
    <s v="EXV"/>
    <s v="NONBU"/>
    <s v="G0000110"/>
    <s v="N"/>
    <s v="MACSS Dist Billed Revenue-03"/>
    <s v=""/>
    <x v="0"/>
    <s v="CAD0330622"/>
    <s v="S"/>
    <s v="KY"/>
    <s v="REV"/>
    <s v="974"/>
    <s v="GLBATCH"/>
    <n v="6"/>
    <n v="2016"/>
  </r>
  <r>
    <s v="110"/>
    <d v="2016-06-15T00:00:00"/>
    <x v="3"/>
    <x v="0"/>
    <s v="10828"/>
    <s v="GLNANDA"/>
    <n v="-50104.94"/>
    <n v="-399563"/>
    <s v="Billed Revenues"/>
    <s v="EXV"/>
    <s v="NONBU"/>
    <s v="G0000110"/>
    <s v="N"/>
    <s v="MACSS Dist Billed Revenue-03"/>
    <s v=""/>
    <x v="0"/>
    <s v="CAD0330622"/>
    <s v="S"/>
    <s v="KY"/>
    <s v="REV"/>
    <s v="974"/>
    <s v="GLBATCH"/>
    <n v="6"/>
    <n v="2016"/>
  </r>
  <r>
    <s v="110"/>
    <d v="2016-06-15T00:00:00"/>
    <x v="5"/>
    <x v="0"/>
    <s v="10828"/>
    <s v="GLNANDA"/>
    <n v="0"/>
    <n v="200"/>
    <s v="Billed Revenues"/>
    <s v="EXV"/>
    <s v="NONBU"/>
    <s v="G0000110"/>
    <s v="N"/>
    <s v="MACSS Dist Billed Revenue-03"/>
    <s v=""/>
    <x v="0"/>
    <s v="CAD0330622"/>
    <s v="S"/>
    <s v="KY"/>
    <s v="REV"/>
    <s v="974"/>
    <s v="GLBATCH"/>
    <n v="6"/>
    <n v="2016"/>
  </r>
  <r>
    <s v="110"/>
    <d v="2016-06-15T00:00:00"/>
    <x v="5"/>
    <x v="0"/>
    <s v="10828"/>
    <s v="GLNANDA"/>
    <n v="-107624.09"/>
    <n v="-836895"/>
    <s v="Billed Revenues"/>
    <s v="EXV"/>
    <s v="NONBU"/>
    <s v="G0000110"/>
    <s v="N"/>
    <s v="MACSS Dist Billed Revenue-03"/>
    <s v=""/>
    <x v="0"/>
    <s v="CAD0330622"/>
    <s v="S"/>
    <s v="KY"/>
    <s v="REV"/>
    <s v="974"/>
    <s v="GLBATCH"/>
    <n v="6"/>
    <n v="2016"/>
  </r>
  <r>
    <s v="110"/>
    <d v="2016-06-15T00:00:00"/>
    <x v="7"/>
    <x v="0"/>
    <s v="10828"/>
    <s v="GLNANDA"/>
    <n v="0"/>
    <n v="41"/>
    <s v="Billed Revenues"/>
    <s v="EXV"/>
    <s v="NONBU"/>
    <s v="G0000110"/>
    <s v="N"/>
    <s v="MACSS Dist Billed Revenue-03"/>
    <s v=""/>
    <x v="0"/>
    <s v="CAD0330622"/>
    <s v="S"/>
    <s v="KY"/>
    <s v="REV"/>
    <s v="974"/>
    <s v="GLBATCH"/>
    <n v="6"/>
    <n v="2016"/>
  </r>
  <r>
    <s v="110"/>
    <d v="2016-06-15T00:00:00"/>
    <x v="7"/>
    <x v="0"/>
    <s v="10828"/>
    <s v="GLNANDA"/>
    <n v="-74814.320000000007"/>
    <n v="-601862"/>
    <s v="Billed Revenues"/>
    <s v="EXV"/>
    <s v="NONBU"/>
    <s v="G0000110"/>
    <s v="N"/>
    <s v="MACSS Dist Billed Revenue-03"/>
    <s v=""/>
    <x v="0"/>
    <s v="CAD0330622"/>
    <s v="S"/>
    <s v="KY"/>
    <s v="REV"/>
    <s v="974"/>
    <s v="GLBATCH"/>
    <n v="6"/>
    <n v="2016"/>
  </r>
  <r>
    <s v="110"/>
    <d v="2016-06-15T00:00:00"/>
    <x v="6"/>
    <x v="0"/>
    <s v="10828"/>
    <s v="GLNANDA"/>
    <n v="0"/>
    <n v="18"/>
    <s v="Billed Revenues"/>
    <s v="EXV"/>
    <s v="NONBU"/>
    <s v="G0000110"/>
    <s v="N"/>
    <s v="MACSS Dist Billed Revenue-03"/>
    <s v=""/>
    <x v="0"/>
    <s v="CAD0330622"/>
    <s v="S"/>
    <s v="KY"/>
    <s v="REV"/>
    <s v="974"/>
    <s v="GLBATCH"/>
    <n v="6"/>
    <n v="2016"/>
  </r>
  <r>
    <s v="110"/>
    <d v="2016-06-15T00:00:00"/>
    <x v="6"/>
    <x v="0"/>
    <s v="10828"/>
    <s v="GLNANDA"/>
    <n v="-1089.1199999999999"/>
    <n v="-2510"/>
    <s v="Billed Revenues"/>
    <s v="EXV"/>
    <s v="NONBU"/>
    <s v="G0000110"/>
    <s v="N"/>
    <s v="MACSS Dist Billed Revenue-03"/>
    <s v=""/>
    <x v="0"/>
    <s v="CAD0330622"/>
    <s v="S"/>
    <s v="KY"/>
    <s v="REV"/>
    <s v="974"/>
    <s v="GLBATCH"/>
    <n v="6"/>
    <n v="2016"/>
  </r>
  <r>
    <s v="110"/>
    <d v="2016-06-15T00:00:00"/>
    <x v="1"/>
    <x v="0"/>
    <s v="10828"/>
    <s v="GLNANDA"/>
    <n v="0"/>
    <n v="2763"/>
    <s v="Billed Revenues"/>
    <s v="EXV"/>
    <s v="NONBU"/>
    <s v="G0000110"/>
    <s v="N"/>
    <s v="MACSS Dist Billed Revenue-03"/>
    <s v=""/>
    <x v="0"/>
    <s v="CAD0330622"/>
    <s v="S"/>
    <s v="KY"/>
    <s v="REV"/>
    <s v="974"/>
    <s v="GLBATCH"/>
    <n v="6"/>
    <n v="2016"/>
  </r>
  <r>
    <s v="110"/>
    <d v="2016-06-15T00:00:00"/>
    <x v="1"/>
    <x v="0"/>
    <s v="10828"/>
    <s v="GLNANDA"/>
    <n v="-343138.71"/>
    <n v="-2707703"/>
    <s v="Billed Revenues"/>
    <s v="EXV"/>
    <s v="NONBU"/>
    <s v="G0000110"/>
    <s v="N"/>
    <s v="MACSS Dist Billed Revenue-03"/>
    <s v=""/>
    <x v="0"/>
    <s v="CAD0330622"/>
    <s v="S"/>
    <s v="KY"/>
    <s v="REV"/>
    <s v="974"/>
    <s v="GLBATCH"/>
    <n v="6"/>
    <n v="2016"/>
  </r>
  <r>
    <s v="110"/>
    <d v="2016-06-15T00:00:00"/>
    <x v="4"/>
    <x v="0"/>
    <s v="10828"/>
    <s v="GLNANDA"/>
    <n v="0"/>
    <n v="4203"/>
    <s v="Billed Revenues"/>
    <s v="EXV"/>
    <s v="NONBU"/>
    <s v="G0000110"/>
    <s v="N"/>
    <s v="MACSS Dist Billed Revenue-03"/>
    <s v=""/>
    <x v="0"/>
    <s v="CAD0330622"/>
    <s v="S"/>
    <s v="KY"/>
    <s v="REV"/>
    <s v="974"/>
    <s v="GLBATCH"/>
    <n v="6"/>
    <n v="2016"/>
  </r>
  <r>
    <s v="110"/>
    <d v="2016-06-15T00:00:00"/>
    <x v="4"/>
    <x v="0"/>
    <s v="10828"/>
    <s v="GLNANDA"/>
    <n v="-580974.63"/>
    <n v="-4651587"/>
    <s v="Billed Revenues"/>
    <s v="EXV"/>
    <s v="NONBU"/>
    <s v="G0000110"/>
    <s v="N"/>
    <s v="MACSS Dist Billed Revenue-03"/>
    <s v=""/>
    <x v="0"/>
    <s v="CAD0330622"/>
    <s v="S"/>
    <s v="KY"/>
    <s v="REV"/>
    <s v="974"/>
    <s v="GLBATCH"/>
    <n v="6"/>
    <n v="2016"/>
  </r>
  <r>
    <s v="110"/>
    <d v="2016-06-15T00:00:00"/>
    <x v="2"/>
    <x v="0"/>
    <s v="10828"/>
    <s v="GLNANDA"/>
    <n v="0"/>
    <n v="1296"/>
    <s v="Billed Revenues"/>
    <s v="EXV"/>
    <s v="NONBU"/>
    <s v="G0000110"/>
    <s v="N"/>
    <s v="MACSS Dist Billed Revenue-03"/>
    <s v=""/>
    <x v="0"/>
    <s v="CAD0330622"/>
    <s v="S"/>
    <s v="KY"/>
    <s v="REV"/>
    <s v="974"/>
    <s v="GLBATCH"/>
    <n v="6"/>
    <n v="2016"/>
  </r>
  <r>
    <s v="110"/>
    <d v="2016-06-15T00:00:00"/>
    <x v="2"/>
    <x v="0"/>
    <s v="10828"/>
    <s v="GLNANDA"/>
    <n v="-369628.88"/>
    <n v="-2694071"/>
    <s v="Billed Revenues"/>
    <s v="EXV"/>
    <s v="NONBU"/>
    <s v="G0000110"/>
    <s v="N"/>
    <s v="MACSS Dist Billed Revenue-03"/>
    <s v=""/>
    <x v="0"/>
    <s v="CAD0330622"/>
    <s v="S"/>
    <s v="KY"/>
    <s v="REV"/>
    <s v="974"/>
    <s v="GLBATCH"/>
    <n v="6"/>
    <n v="2016"/>
  </r>
  <r>
    <s v="110"/>
    <d v="2016-06-15T00:00:00"/>
    <x v="0"/>
    <x v="0"/>
    <s v="10828"/>
    <s v="GLNANDA"/>
    <n v="0"/>
    <n v="91"/>
    <s v="Billed Revenues"/>
    <s v="EXV"/>
    <s v="NONBU"/>
    <s v="G0000110"/>
    <s v="N"/>
    <s v="MACSS Dist Billed Revenue-03"/>
    <s v=""/>
    <x v="0"/>
    <s v="CAD0330622"/>
    <s v="S"/>
    <s v="KY"/>
    <s v="REV"/>
    <s v="974"/>
    <s v="GLBATCH"/>
    <n v="6"/>
    <n v="2016"/>
  </r>
  <r>
    <s v="110"/>
    <d v="2016-06-15T00:00:00"/>
    <x v="0"/>
    <x v="0"/>
    <s v="10828"/>
    <s v="GLNANDA"/>
    <n v="-29033.03"/>
    <n v="-220406"/>
    <s v="Billed Revenues"/>
    <s v="EXV"/>
    <s v="NONBU"/>
    <s v="G0000110"/>
    <s v="N"/>
    <s v="MACSS Dist Billed Revenue-03"/>
    <s v=""/>
    <x v="0"/>
    <s v="CAD0330622"/>
    <s v="S"/>
    <s v="KY"/>
    <s v="REV"/>
    <s v="974"/>
    <s v="GLBATCH"/>
    <n v="6"/>
    <n v="2016"/>
  </r>
  <r>
    <s v="110"/>
    <d v="2016-06-15T00:00:00"/>
    <x v="3"/>
    <x v="0"/>
    <s v="10828"/>
    <s v="GLNANDA"/>
    <n v="0"/>
    <n v="10"/>
    <s v="Billed Revenues"/>
    <s v="EXV"/>
    <s v="NONBU"/>
    <s v="G0000110"/>
    <s v="N"/>
    <s v="MACSS Dist Billed Revenue-03"/>
    <s v=""/>
    <x v="0"/>
    <s v="CAD0330623"/>
    <s v="S"/>
    <s v="KY"/>
    <s v="REV"/>
    <s v="974"/>
    <s v="GLBATCH"/>
    <n v="6"/>
    <n v="2016"/>
  </r>
  <r>
    <s v="110"/>
    <d v="2016-06-15T00:00:00"/>
    <x v="0"/>
    <x v="0"/>
    <s v="10828"/>
    <s v="GLNANDA"/>
    <n v="-13469.88"/>
    <n v="-74768"/>
    <s v="Billed Revenues"/>
    <s v="EXV"/>
    <s v="NONBU"/>
    <s v="G0000110"/>
    <s v="N"/>
    <s v="MACSS Dist Billed Revenue-03"/>
    <s v=""/>
    <x v="0"/>
    <s v="CAD0330623"/>
    <s v="S"/>
    <s v="KY"/>
    <s v="REV"/>
    <s v="974"/>
    <s v="GLBATCH"/>
    <n v="6"/>
    <n v="2016"/>
  </r>
  <r>
    <s v="110"/>
    <d v="2016-06-15T00:00:00"/>
    <x v="5"/>
    <x v="0"/>
    <s v="10828"/>
    <s v="GLNANDA"/>
    <n v="0"/>
    <n v="102"/>
    <s v="Billed Revenues"/>
    <s v="EXV"/>
    <s v="NONBU"/>
    <s v="G0000110"/>
    <s v="N"/>
    <s v="MACSS Dist Billed Revenue-03"/>
    <s v=""/>
    <x v="0"/>
    <s v="CAD0330623"/>
    <s v="S"/>
    <s v="KY"/>
    <s v="REV"/>
    <s v="974"/>
    <s v="GLBATCH"/>
    <n v="6"/>
    <n v="2016"/>
  </r>
  <r>
    <s v="110"/>
    <d v="2016-06-15T00:00:00"/>
    <x v="5"/>
    <x v="0"/>
    <s v="10828"/>
    <s v="GLNANDA"/>
    <n v="-39274.559999999998"/>
    <n v="-285735"/>
    <s v="Billed Revenues"/>
    <s v="EXV"/>
    <s v="NONBU"/>
    <s v="G0000110"/>
    <s v="N"/>
    <s v="MACSS Dist Billed Revenue-03"/>
    <s v=""/>
    <x v="0"/>
    <s v="CAD0330623"/>
    <s v="S"/>
    <s v="KY"/>
    <s v="REV"/>
    <s v="974"/>
    <s v="GLBATCH"/>
    <n v="6"/>
    <n v="2016"/>
  </r>
  <r>
    <s v="110"/>
    <d v="2016-06-15T00:00:00"/>
    <x v="7"/>
    <x v="0"/>
    <s v="10828"/>
    <s v="GLNANDA"/>
    <n v="0"/>
    <n v="38"/>
    <s v="Billed Revenues"/>
    <s v="EXV"/>
    <s v="NONBU"/>
    <s v="G0000110"/>
    <s v="N"/>
    <s v="MACSS Dist Billed Revenue-03"/>
    <s v=""/>
    <x v="0"/>
    <s v="CAD0330623"/>
    <s v="S"/>
    <s v="KY"/>
    <s v="REV"/>
    <s v="974"/>
    <s v="GLBATCH"/>
    <n v="6"/>
    <n v="2016"/>
  </r>
  <r>
    <s v="110"/>
    <d v="2016-06-15T00:00:00"/>
    <x v="7"/>
    <x v="0"/>
    <s v="10828"/>
    <s v="GLNANDA"/>
    <n v="-96423.47"/>
    <n v="-751935"/>
    <s v="Billed Revenues"/>
    <s v="EXV"/>
    <s v="NONBU"/>
    <s v="G0000110"/>
    <s v="N"/>
    <s v="MACSS Dist Billed Revenue-03"/>
    <s v=""/>
    <x v="0"/>
    <s v="CAD0330623"/>
    <s v="S"/>
    <s v="KY"/>
    <s v="REV"/>
    <s v="974"/>
    <s v="GLBATCH"/>
    <n v="6"/>
    <n v="2016"/>
  </r>
  <r>
    <s v="110"/>
    <d v="2016-06-15T00:00:00"/>
    <x v="6"/>
    <x v="0"/>
    <s v="10828"/>
    <s v="GLNANDA"/>
    <n v="0"/>
    <n v="9"/>
    <s v="Billed Revenues"/>
    <s v="EXV"/>
    <s v="NONBU"/>
    <s v="G0000110"/>
    <s v="N"/>
    <s v="MACSS Dist Billed Revenue-03"/>
    <s v=""/>
    <x v="0"/>
    <s v="CAD0330623"/>
    <s v="S"/>
    <s v="KY"/>
    <s v="REV"/>
    <s v="974"/>
    <s v="GLBATCH"/>
    <n v="6"/>
    <n v="2016"/>
  </r>
  <r>
    <s v="110"/>
    <d v="2016-06-15T00:00:00"/>
    <x v="6"/>
    <x v="0"/>
    <s v="10828"/>
    <s v="GLNANDA"/>
    <n v="-449.33"/>
    <n v="-1639"/>
    <s v="Billed Revenues"/>
    <s v="EXV"/>
    <s v="NONBU"/>
    <s v="G0000110"/>
    <s v="N"/>
    <s v="MACSS Dist Billed Revenue-03"/>
    <s v=""/>
    <x v="0"/>
    <s v="CAD0330623"/>
    <s v="S"/>
    <s v="KY"/>
    <s v="REV"/>
    <s v="974"/>
    <s v="GLBATCH"/>
    <n v="6"/>
    <n v="2016"/>
  </r>
  <r>
    <s v="110"/>
    <d v="2016-06-15T00:00:00"/>
    <x v="1"/>
    <x v="0"/>
    <s v="10828"/>
    <s v="GLNANDA"/>
    <n v="0"/>
    <n v="1886"/>
    <s v="Billed Revenues"/>
    <s v="EXV"/>
    <s v="NONBU"/>
    <s v="G0000110"/>
    <s v="N"/>
    <s v="MACSS Dist Billed Revenue-03"/>
    <s v=""/>
    <x v="0"/>
    <s v="CAD0330623"/>
    <s v="S"/>
    <s v="KY"/>
    <s v="REV"/>
    <s v="974"/>
    <s v="GLBATCH"/>
    <n v="6"/>
    <n v="2016"/>
  </r>
  <r>
    <s v="110"/>
    <d v="2016-06-15T00:00:00"/>
    <x v="1"/>
    <x v="0"/>
    <s v="10828"/>
    <s v="GLNANDA"/>
    <n v="-243632.48"/>
    <n v="-1919651"/>
    <s v="Billed Revenues"/>
    <s v="EXV"/>
    <s v="NONBU"/>
    <s v="G0000110"/>
    <s v="N"/>
    <s v="MACSS Dist Billed Revenue-03"/>
    <s v=""/>
    <x v="0"/>
    <s v="CAD0330623"/>
    <s v="S"/>
    <s v="KY"/>
    <s v="REV"/>
    <s v="974"/>
    <s v="GLBATCH"/>
    <n v="6"/>
    <n v="2016"/>
  </r>
  <r>
    <s v="110"/>
    <d v="2016-06-15T00:00:00"/>
    <x v="4"/>
    <x v="0"/>
    <s v="10828"/>
    <s v="GLNANDA"/>
    <n v="0"/>
    <n v="3574"/>
    <s v="Billed Revenues"/>
    <s v="EXV"/>
    <s v="NONBU"/>
    <s v="G0000110"/>
    <s v="N"/>
    <s v="MACSS Dist Billed Revenue-03"/>
    <s v=""/>
    <x v="0"/>
    <s v="CAD0330623"/>
    <s v="S"/>
    <s v="KY"/>
    <s v="REV"/>
    <s v="974"/>
    <s v="GLBATCH"/>
    <n v="6"/>
    <n v="2016"/>
  </r>
  <r>
    <s v="110"/>
    <d v="2016-06-15T00:00:00"/>
    <x v="4"/>
    <x v="0"/>
    <s v="10828"/>
    <s v="GLNANDA"/>
    <n v="-507787.57"/>
    <n v="-4067661"/>
    <s v="Billed Revenues"/>
    <s v="EXV"/>
    <s v="NONBU"/>
    <s v="G0000110"/>
    <s v="N"/>
    <s v="MACSS Dist Billed Revenue-03"/>
    <s v=""/>
    <x v="0"/>
    <s v="CAD0330623"/>
    <s v="S"/>
    <s v="KY"/>
    <s v="REV"/>
    <s v="974"/>
    <s v="GLBATCH"/>
    <n v="6"/>
    <n v="2016"/>
  </r>
  <r>
    <s v="110"/>
    <d v="2016-06-15T00:00:00"/>
    <x v="2"/>
    <x v="0"/>
    <s v="10828"/>
    <s v="GLNANDA"/>
    <n v="0"/>
    <n v="915"/>
    <s v="Billed Revenues"/>
    <s v="EXV"/>
    <s v="NONBU"/>
    <s v="G0000110"/>
    <s v="N"/>
    <s v="MACSS Dist Billed Revenue-03"/>
    <s v=""/>
    <x v="0"/>
    <s v="CAD0330623"/>
    <s v="S"/>
    <s v="KY"/>
    <s v="REV"/>
    <s v="974"/>
    <s v="GLBATCH"/>
    <n v="6"/>
    <n v="2016"/>
  </r>
  <r>
    <s v="110"/>
    <d v="2016-06-15T00:00:00"/>
    <x v="2"/>
    <x v="0"/>
    <s v="10828"/>
    <s v="GLNANDA"/>
    <n v="-190363.29"/>
    <n v="-1331161"/>
    <s v="Billed Revenues"/>
    <s v="EXV"/>
    <s v="NONBU"/>
    <s v="G0000110"/>
    <s v="N"/>
    <s v="MACSS Dist Billed Revenue-03"/>
    <s v=""/>
    <x v="0"/>
    <s v="CAD0330623"/>
    <s v="S"/>
    <s v="KY"/>
    <s v="REV"/>
    <s v="974"/>
    <s v="GLBATCH"/>
    <n v="6"/>
    <n v="2016"/>
  </r>
  <r>
    <s v="110"/>
    <d v="2016-06-15T00:00:00"/>
    <x v="0"/>
    <x v="0"/>
    <s v="10828"/>
    <s v="GLNANDA"/>
    <n v="0"/>
    <n v="31"/>
    <s v="Billed Revenues"/>
    <s v="EXV"/>
    <s v="NONBU"/>
    <s v="G0000110"/>
    <s v="N"/>
    <s v="MACSS Dist Billed Revenue-03"/>
    <s v=""/>
    <x v="0"/>
    <s v="CAD0330623"/>
    <s v="S"/>
    <s v="KY"/>
    <s v="REV"/>
    <s v="974"/>
    <s v="GLBATCH"/>
    <n v="6"/>
    <n v="2016"/>
  </r>
  <r>
    <s v="110"/>
    <d v="2016-06-15T00:00:00"/>
    <x v="3"/>
    <x v="0"/>
    <s v="10828"/>
    <s v="GLNANDA"/>
    <n v="-301931.68"/>
    <n v="-3307142"/>
    <s v="Billed Revenues"/>
    <s v="EXV"/>
    <s v="NONBU"/>
    <s v="G0000110"/>
    <s v="N"/>
    <s v="MACSS Dist Billed Revenue-03"/>
    <s v=""/>
    <x v="0"/>
    <s v="CAD0330623"/>
    <s v="S"/>
    <s v="KY"/>
    <s v="REV"/>
    <s v="974"/>
    <s v="GLBATCH"/>
    <n v="6"/>
    <n v="2016"/>
  </r>
  <r>
    <s v="110"/>
    <d v="2016-06-15T00:00:00"/>
    <x v="6"/>
    <x v="0"/>
    <s v="10828"/>
    <s v="GLNANDA"/>
    <n v="0"/>
    <n v="3"/>
    <s v="Billed Revenues"/>
    <s v="EXV"/>
    <s v="NONBU"/>
    <s v="G0000110"/>
    <s v="N"/>
    <s v="MACSS Dist Billed Revenue-03"/>
    <s v=""/>
    <x v="0"/>
    <s v="CAD0330624"/>
    <s v="S"/>
    <s v="KY"/>
    <s v="REV"/>
    <s v="974"/>
    <s v="GLBATCH"/>
    <n v="6"/>
    <n v="2016"/>
  </r>
  <r>
    <s v="110"/>
    <d v="2016-06-15T00:00:00"/>
    <x v="1"/>
    <x v="0"/>
    <s v="10828"/>
    <s v="GLNANDA"/>
    <n v="-261117.82"/>
    <n v="-2029049"/>
    <s v="Billed Revenues"/>
    <s v="EXV"/>
    <s v="NONBU"/>
    <s v="G0000110"/>
    <s v="N"/>
    <s v="MACSS Dist Billed Revenue-03"/>
    <s v=""/>
    <x v="0"/>
    <s v="CAD0330624"/>
    <s v="S"/>
    <s v="KY"/>
    <s v="REV"/>
    <s v="974"/>
    <s v="GLBATCH"/>
    <n v="6"/>
    <n v="2016"/>
  </r>
  <r>
    <s v="110"/>
    <d v="2016-06-15T00:00:00"/>
    <x v="5"/>
    <x v="0"/>
    <s v="10828"/>
    <s v="GLNANDA"/>
    <n v="0"/>
    <n v="143"/>
    <s v="Billed Revenues"/>
    <s v="EXV"/>
    <s v="NONBU"/>
    <s v="G0000110"/>
    <s v="N"/>
    <s v="MACSS Dist Billed Revenue-03"/>
    <s v=""/>
    <x v="0"/>
    <s v="CAD0330624"/>
    <s v="S"/>
    <s v="KY"/>
    <s v="REV"/>
    <s v="974"/>
    <s v="GLBATCH"/>
    <n v="6"/>
    <n v="2016"/>
  </r>
  <r>
    <s v="110"/>
    <d v="2016-06-15T00:00:00"/>
    <x v="5"/>
    <x v="0"/>
    <s v="10828"/>
    <s v="GLNANDA"/>
    <n v="-59783.55"/>
    <n v="-431785"/>
    <s v="Billed Revenues"/>
    <s v="EXV"/>
    <s v="NONBU"/>
    <s v="G0000110"/>
    <s v="N"/>
    <s v="MACSS Dist Billed Revenue-03"/>
    <s v=""/>
    <x v="0"/>
    <s v="CAD0330624"/>
    <s v="S"/>
    <s v="KY"/>
    <s v="REV"/>
    <s v="974"/>
    <s v="GLBATCH"/>
    <n v="6"/>
    <n v="2016"/>
  </r>
  <r>
    <s v="110"/>
    <d v="2016-06-15T00:00:00"/>
    <x v="0"/>
    <x v="0"/>
    <s v="10828"/>
    <s v="GLNANDA"/>
    <n v="0"/>
    <n v="35"/>
    <s v="Billed Revenues"/>
    <s v="EXV"/>
    <s v="NONBU"/>
    <s v="G0000110"/>
    <s v="N"/>
    <s v="MACSS Dist Billed Revenue-03"/>
    <s v=""/>
    <x v="0"/>
    <s v="CAD0330624"/>
    <s v="S"/>
    <s v="KY"/>
    <s v="REV"/>
    <s v="974"/>
    <s v="GLBATCH"/>
    <n v="6"/>
    <n v="2016"/>
  </r>
  <r>
    <s v="110"/>
    <d v="2016-06-15T00:00:00"/>
    <x v="0"/>
    <x v="0"/>
    <s v="10828"/>
    <s v="GLNANDA"/>
    <n v="-628840.76"/>
    <n v="-9257733"/>
    <s v="Billed Revenues"/>
    <s v="EXV"/>
    <s v="NONBU"/>
    <s v="G0000110"/>
    <s v="N"/>
    <s v="MACSS Dist Billed Revenue-03"/>
    <s v=""/>
    <x v="0"/>
    <s v="CAD0330624"/>
    <s v="S"/>
    <s v="KY"/>
    <s v="REV"/>
    <s v="974"/>
    <s v="GLBATCH"/>
    <n v="6"/>
    <n v="2016"/>
  </r>
  <r>
    <s v="110"/>
    <d v="2016-06-15T00:00:00"/>
    <x v="7"/>
    <x v="0"/>
    <s v="10828"/>
    <s v="GLNANDA"/>
    <n v="0"/>
    <n v="38"/>
    <s v="Billed Revenues"/>
    <s v="EXV"/>
    <s v="NONBU"/>
    <s v="G0000110"/>
    <s v="N"/>
    <s v="MACSS Dist Billed Revenue-03"/>
    <s v=""/>
    <x v="0"/>
    <s v="CAD0330624"/>
    <s v="S"/>
    <s v="KY"/>
    <s v="REV"/>
    <s v="974"/>
    <s v="GLBATCH"/>
    <n v="6"/>
    <n v="2016"/>
  </r>
  <r>
    <s v="110"/>
    <d v="2016-06-15T00:00:00"/>
    <x v="7"/>
    <x v="0"/>
    <s v="10828"/>
    <s v="GLNANDA"/>
    <n v="-73429.03"/>
    <n v="-592856"/>
    <s v="Billed Revenues"/>
    <s v="EXV"/>
    <s v="NONBU"/>
    <s v="G0000110"/>
    <s v="N"/>
    <s v="MACSS Dist Billed Revenue-03"/>
    <s v=""/>
    <x v="0"/>
    <s v="CAD0330624"/>
    <s v="S"/>
    <s v="KY"/>
    <s v="REV"/>
    <s v="974"/>
    <s v="GLBATCH"/>
    <n v="6"/>
    <n v="2016"/>
  </r>
  <r>
    <s v="110"/>
    <d v="2016-06-15T00:00:00"/>
    <x v="3"/>
    <x v="0"/>
    <s v="10828"/>
    <s v="GLNANDA"/>
    <n v="0"/>
    <n v="14"/>
    <s v="Billed Revenues"/>
    <s v="EXV"/>
    <s v="NONBU"/>
    <s v="G0000110"/>
    <s v="N"/>
    <s v="MACSS Dist Billed Revenue-03"/>
    <s v=""/>
    <x v="0"/>
    <s v="CAD0330624"/>
    <s v="S"/>
    <s v="KY"/>
    <s v="REV"/>
    <s v="974"/>
    <s v="GLBATCH"/>
    <n v="6"/>
    <n v="2016"/>
  </r>
  <r>
    <s v="110"/>
    <d v="2016-06-15T00:00:00"/>
    <x v="3"/>
    <x v="0"/>
    <s v="10828"/>
    <s v="GLNANDA"/>
    <n v="-261344.78"/>
    <n v="-2996402"/>
    <s v="Billed Revenues"/>
    <s v="EXV"/>
    <s v="NONBU"/>
    <s v="G0000110"/>
    <s v="N"/>
    <s v="MACSS Dist Billed Revenue-03"/>
    <s v=""/>
    <x v="0"/>
    <s v="CAD0330624"/>
    <s v="S"/>
    <s v="KY"/>
    <s v="REV"/>
    <s v="974"/>
    <s v="GLBATCH"/>
    <n v="6"/>
    <n v="2016"/>
  </r>
  <r>
    <s v="110"/>
    <d v="2016-06-15T00:00:00"/>
    <x v="4"/>
    <x v="0"/>
    <s v="10828"/>
    <s v="GLNANDA"/>
    <n v="0"/>
    <n v="3921"/>
    <s v="Billed Revenues"/>
    <s v="EXV"/>
    <s v="NONBU"/>
    <s v="G0000110"/>
    <s v="N"/>
    <s v="MACSS Dist Billed Revenue-03"/>
    <s v=""/>
    <x v="0"/>
    <s v="CAD0330624"/>
    <s v="S"/>
    <s v="KY"/>
    <s v="REV"/>
    <s v="974"/>
    <s v="GLBATCH"/>
    <n v="6"/>
    <n v="2016"/>
  </r>
  <r>
    <s v="110"/>
    <d v="2016-06-15T00:00:00"/>
    <x v="4"/>
    <x v="0"/>
    <s v="10828"/>
    <s v="GLNANDA"/>
    <n v="-556316.54"/>
    <n v="-4446407"/>
    <s v="Billed Revenues"/>
    <s v="EXV"/>
    <s v="NONBU"/>
    <s v="G0000110"/>
    <s v="N"/>
    <s v="MACSS Dist Billed Revenue-03"/>
    <s v=""/>
    <x v="0"/>
    <s v="CAD0330624"/>
    <s v="S"/>
    <s v="KY"/>
    <s v="REV"/>
    <s v="974"/>
    <s v="GLBATCH"/>
    <n v="6"/>
    <n v="2016"/>
  </r>
  <r>
    <s v="110"/>
    <d v="2016-06-15T00:00:00"/>
    <x v="2"/>
    <x v="0"/>
    <s v="10828"/>
    <s v="GLNANDA"/>
    <n v="0"/>
    <n v="1302"/>
    <s v="Billed Revenues"/>
    <s v="EXV"/>
    <s v="NONBU"/>
    <s v="G0000110"/>
    <s v="N"/>
    <s v="MACSS Dist Billed Revenue-03"/>
    <s v=""/>
    <x v="0"/>
    <s v="CAD0330624"/>
    <s v="S"/>
    <s v="KY"/>
    <s v="REV"/>
    <s v="974"/>
    <s v="GLBATCH"/>
    <n v="6"/>
    <n v="2016"/>
  </r>
  <r>
    <s v="110"/>
    <d v="2016-06-15T00:00:00"/>
    <x v="2"/>
    <x v="0"/>
    <s v="10828"/>
    <s v="GLNANDA"/>
    <n v="-348029.57"/>
    <n v="-2630419"/>
    <s v="Billed Revenues"/>
    <s v="EXV"/>
    <s v="NONBU"/>
    <s v="G0000110"/>
    <s v="N"/>
    <s v="MACSS Dist Billed Revenue-03"/>
    <s v=""/>
    <x v="0"/>
    <s v="CAD0330624"/>
    <s v="S"/>
    <s v="KY"/>
    <s v="REV"/>
    <s v="974"/>
    <s v="GLBATCH"/>
    <n v="6"/>
    <n v="2016"/>
  </r>
  <r>
    <s v="110"/>
    <d v="2016-06-15T00:00:00"/>
    <x v="1"/>
    <x v="0"/>
    <s v="10828"/>
    <s v="GLNANDA"/>
    <n v="0"/>
    <n v="2206"/>
    <s v="Billed Revenues"/>
    <s v="EXV"/>
    <s v="NONBU"/>
    <s v="G0000110"/>
    <s v="N"/>
    <s v="MACSS Dist Billed Revenue-03"/>
    <s v=""/>
    <x v="0"/>
    <s v="CAD0330624"/>
    <s v="S"/>
    <s v="KY"/>
    <s v="REV"/>
    <s v="974"/>
    <s v="GLBATCH"/>
    <n v="6"/>
    <n v="2016"/>
  </r>
  <r>
    <s v="110"/>
    <d v="2016-06-15T00:00:00"/>
    <x v="6"/>
    <x v="0"/>
    <s v="10828"/>
    <s v="GLNANDA"/>
    <n v="-941.3"/>
    <n v="-1684"/>
    <s v="Billed Revenues"/>
    <s v="EXV"/>
    <s v="NONBU"/>
    <s v="G0000110"/>
    <s v="N"/>
    <s v="MACSS Dist Billed Revenue-03"/>
    <s v=""/>
    <x v="0"/>
    <s v="CAD0330624"/>
    <s v="S"/>
    <s v="KY"/>
    <s v="REV"/>
    <s v="974"/>
    <s v="GLBATCH"/>
    <n v="6"/>
    <n v="2016"/>
  </r>
  <r>
    <s v="110"/>
    <d v="2016-06-15T00:00:00"/>
    <x v="6"/>
    <x v="0"/>
    <s v="10828"/>
    <s v="GLNANDA"/>
    <n v="0"/>
    <n v="14"/>
    <s v="Billed Revenues"/>
    <s v="EXV"/>
    <s v="NONBU"/>
    <s v="G0000110"/>
    <s v="N"/>
    <s v="MACSS Dist Billed Revenue-03"/>
    <s v=""/>
    <x v="0"/>
    <s v="CAD0330627"/>
    <s v="S"/>
    <s v="KY"/>
    <s v="REV"/>
    <s v="974"/>
    <s v="GLBATCH"/>
    <n v="6"/>
    <n v="2016"/>
  </r>
  <r>
    <s v="110"/>
    <d v="2016-06-15T00:00:00"/>
    <x v="1"/>
    <x v="0"/>
    <s v="10828"/>
    <s v="GLNANDA"/>
    <n v="-303507.81"/>
    <n v="-2430361"/>
    <s v="Billed Revenues"/>
    <s v="EXV"/>
    <s v="NONBU"/>
    <s v="G0000110"/>
    <s v="N"/>
    <s v="MACSS Dist Billed Revenue-03"/>
    <s v=""/>
    <x v="0"/>
    <s v="CAD0330627"/>
    <s v="S"/>
    <s v="KY"/>
    <s v="REV"/>
    <s v="974"/>
    <s v="GLBATCH"/>
    <n v="6"/>
    <n v="2016"/>
  </r>
  <r>
    <s v="110"/>
    <d v="2016-06-15T00:00:00"/>
    <x v="5"/>
    <x v="0"/>
    <s v="10828"/>
    <s v="GLNANDA"/>
    <n v="0"/>
    <n v="111"/>
    <s v="Billed Revenues"/>
    <s v="EXV"/>
    <s v="NONBU"/>
    <s v="G0000110"/>
    <s v="N"/>
    <s v="MACSS Dist Billed Revenue-03"/>
    <s v=""/>
    <x v="0"/>
    <s v="CAD0330627"/>
    <s v="S"/>
    <s v="KY"/>
    <s v="REV"/>
    <s v="974"/>
    <s v="GLBATCH"/>
    <n v="6"/>
    <n v="2016"/>
  </r>
  <r>
    <s v="110"/>
    <d v="2016-06-15T00:00:00"/>
    <x v="5"/>
    <x v="0"/>
    <s v="10828"/>
    <s v="GLNANDA"/>
    <n v="-62544.54"/>
    <n v="-462551"/>
    <s v="Billed Revenues"/>
    <s v="EXV"/>
    <s v="NONBU"/>
    <s v="G0000110"/>
    <s v="N"/>
    <s v="MACSS Dist Billed Revenue-03"/>
    <s v=""/>
    <x v="0"/>
    <s v="CAD0330627"/>
    <s v="S"/>
    <s v="KY"/>
    <s v="REV"/>
    <s v="974"/>
    <s v="GLBATCH"/>
    <n v="6"/>
    <n v="2016"/>
  </r>
  <r>
    <s v="110"/>
    <d v="2016-06-15T00:00:00"/>
    <x v="0"/>
    <x v="0"/>
    <s v="10828"/>
    <s v="GLNANDA"/>
    <n v="0"/>
    <n v="22"/>
    <s v="Billed Revenues"/>
    <s v="EXV"/>
    <s v="NONBU"/>
    <s v="G0000110"/>
    <s v="N"/>
    <s v="MACSS Dist Billed Revenue-03"/>
    <s v=""/>
    <x v="0"/>
    <s v="CAD0330627"/>
    <s v="S"/>
    <s v="KY"/>
    <s v="REV"/>
    <s v="974"/>
    <s v="GLBATCH"/>
    <n v="6"/>
    <n v="2016"/>
  </r>
  <r>
    <s v="110"/>
    <d v="2016-06-15T00:00:00"/>
    <x v="0"/>
    <x v="0"/>
    <s v="10828"/>
    <s v="GLNANDA"/>
    <n v="-31845.16"/>
    <n v="-233530"/>
    <s v="Billed Revenues"/>
    <s v="EXV"/>
    <s v="NONBU"/>
    <s v="G0000110"/>
    <s v="N"/>
    <s v="MACSS Dist Billed Revenue-03"/>
    <s v=""/>
    <x v="0"/>
    <s v="CAD0330627"/>
    <s v="S"/>
    <s v="KY"/>
    <s v="REV"/>
    <s v="974"/>
    <s v="GLBATCH"/>
    <n v="6"/>
    <n v="2016"/>
  </r>
  <r>
    <s v="110"/>
    <d v="2016-06-15T00:00:00"/>
    <x v="3"/>
    <x v="0"/>
    <s v="10828"/>
    <s v="GLNANDA"/>
    <n v="0"/>
    <n v="12"/>
    <s v="Billed Revenues"/>
    <s v="EXV"/>
    <s v="NONBU"/>
    <s v="G0000110"/>
    <s v="N"/>
    <s v="MACSS Dist Billed Revenue-03"/>
    <s v=""/>
    <x v="0"/>
    <s v="CAD0330627"/>
    <s v="S"/>
    <s v="KY"/>
    <s v="REV"/>
    <s v="974"/>
    <s v="GLBATCH"/>
    <n v="6"/>
    <n v="2016"/>
  </r>
  <r>
    <s v="110"/>
    <d v="2016-06-15T00:00:00"/>
    <x v="3"/>
    <x v="0"/>
    <s v="10828"/>
    <s v="GLNANDA"/>
    <n v="-164398.67000000001"/>
    <n v="-2102309"/>
    <s v="Billed Revenues"/>
    <s v="EXV"/>
    <s v="NONBU"/>
    <s v="G0000110"/>
    <s v="N"/>
    <s v="MACSS Dist Billed Revenue-03"/>
    <s v=""/>
    <x v="0"/>
    <s v="CAD0330627"/>
    <s v="S"/>
    <s v="KY"/>
    <s v="REV"/>
    <s v="974"/>
    <s v="GLBATCH"/>
    <n v="6"/>
    <n v="2016"/>
  </r>
  <r>
    <s v="110"/>
    <d v="2016-06-15T00:00:00"/>
    <x v="7"/>
    <x v="0"/>
    <s v="10828"/>
    <s v="GLNANDA"/>
    <n v="0"/>
    <n v="26"/>
    <s v="Billed Revenues"/>
    <s v="EXV"/>
    <s v="NONBU"/>
    <s v="G0000110"/>
    <s v="N"/>
    <s v="MACSS Dist Billed Revenue-03"/>
    <s v=""/>
    <x v="0"/>
    <s v="CAD0330627"/>
    <s v="S"/>
    <s v="KY"/>
    <s v="REV"/>
    <s v="974"/>
    <s v="GLBATCH"/>
    <n v="6"/>
    <n v="2016"/>
  </r>
  <r>
    <s v="110"/>
    <d v="2016-06-15T00:00:00"/>
    <x v="7"/>
    <x v="0"/>
    <s v="10828"/>
    <s v="GLNANDA"/>
    <n v="-31132.86"/>
    <n v="-254549"/>
    <s v="Billed Revenues"/>
    <s v="EXV"/>
    <s v="NONBU"/>
    <s v="G0000110"/>
    <s v="N"/>
    <s v="MACSS Dist Billed Revenue-03"/>
    <s v=""/>
    <x v="0"/>
    <s v="CAD0330627"/>
    <s v="S"/>
    <s v="KY"/>
    <s v="REV"/>
    <s v="974"/>
    <s v="GLBATCH"/>
    <n v="6"/>
    <n v="2016"/>
  </r>
  <r>
    <s v="110"/>
    <d v="2016-06-15T00:00:00"/>
    <x v="4"/>
    <x v="0"/>
    <s v="10828"/>
    <s v="GLNANDA"/>
    <n v="0"/>
    <n v="2628"/>
    <s v="Billed Revenues"/>
    <s v="EXV"/>
    <s v="NONBU"/>
    <s v="G0000110"/>
    <s v="N"/>
    <s v="MACSS Dist Billed Revenue-03"/>
    <s v=""/>
    <x v="0"/>
    <s v="CAD0330627"/>
    <s v="S"/>
    <s v="KY"/>
    <s v="REV"/>
    <s v="974"/>
    <s v="GLBATCH"/>
    <n v="6"/>
    <n v="2016"/>
  </r>
  <r>
    <s v="110"/>
    <d v="2016-06-15T00:00:00"/>
    <x v="4"/>
    <x v="0"/>
    <s v="10828"/>
    <s v="GLNANDA"/>
    <n v="-377243.72"/>
    <n v="-3003418"/>
    <s v="Billed Revenues"/>
    <s v="EXV"/>
    <s v="NONBU"/>
    <s v="G0000110"/>
    <s v="N"/>
    <s v="MACSS Dist Billed Revenue-03"/>
    <s v=""/>
    <x v="0"/>
    <s v="CAD0330627"/>
    <s v="S"/>
    <s v="KY"/>
    <s v="REV"/>
    <s v="974"/>
    <s v="GLBATCH"/>
    <n v="6"/>
    <n v="2016"/>
  </r>
  <r>
    <s v="110"/>
    <d v="2016-06-15T00:00:00"/>
    <x v="2"/>
    <x v="0"/>
    <s v="10828"/>
    <s v="GLNANDA"/>
    <n v="0"/>
    <n v="1131"/>
    <s v="Billed Revenues"/>
    <s v="EXV"/>
    <s v="NONBU"/>
    <s v="G0000110"/>
    <s v="N"/>
    <s v="MACSS Dist Billed Revenue-03"/>
    <s v=""/>
    <x v="0"/>
    <s v="CAD0330627"/>
    <s v="S"/>
    <s v="KY"/>
    <s v="REV"/>
    <s v="974"/>
    <s v="GLBATCH"/>
    <n v="6"/>
    <n v="2016"/>
  </r>
  <r>
    <s v="110"/>
    <d v="2016-06-15T00:00:00"/>
    <x v="2"/>
    <x v="0"/>
    <s v="10828"/>
    <s v="GLNANDA"/>
    <n v="-652317.44999999995"/>
    <n v="-5383989"/>
    <s v="Billed Revenues"/>
    <s v="EXV"/>
    <s v="NONBU"/>
    <s v="G0000110"/>
    <s v="N"/>
    <s v="MACSS Dist Billed Revenue-03"/>
    <s v=""/>
    <x v="0"/>
    <s v="CAD0330627"/>
    <s v="S"/>
    <s v="KY"/>
    <s v="REV"/>
    <s v="974"/>
    <s v="GLBATCH"/>
    <n v="6"/>
    <n v="2016"/>
  </r>
  <r>
    <s v="110"/>
    <d v="2016-06-15T00:00:00"/>
    <x v="1"/>
    <x v="0"/>
    <s v="10828"/>
    <s v="GLNANDA"/>
    <n v="0"/>
    <n v="2097"/>
    <s v="Billed Revenues"/>
    <s v="EXV"/>
    <s v="NONBU"/>
    <s v="G0000110"/>
    <s v="N"/>
    <s v="MACSS Dist Billed Revenue-03"/>
    <s v=""/>
    <x v="0"/>
    <s v="CAD0330627"/>
    <s v="S"/>
    <s v="KY"/>
    <s v="REV"/>
    <s v="974"/>
    <s v="GLBATCH"/>
    <n v="6"/>
    <n v="2016"/>
  </r>
  <r>
    <s v="110"/>
    <d v="2016-06-15T00:00:00"/>
    <x v="6"/>
    <x v="0"/>
    <s v="10828"/>
    <s v="GLNANDA"/>
    <n v="-782.17"/>
    <n v="-3753"/>
    <s v="Billed Revenues"/>
    <s v="EXV"/>
    <s v="NONBU"/>
    <s v="G0000110"/>
    <s v="N"/>
    <s v="MACSS Dist Billed Revenue-03"/>
    <s v=""/>
    <x v="0"/>
    <s v="CAD0330627"/>
    <s v="S"/>
    <s v="KY"/>
    <s v="REV"/>
    <s v="974"/>
    <s v="GLBATCH"/>
    <n v="6"/>
    <n v="2016"/>
  </r>
  <r>
    <s v="110"/>
    <d v="2016-06-15T00:00:00"/>
    <x v="6"/>
    <x v="0"/>
    <s v="10828"/>
    <s v="GLNANDA"/>
    <n v="0"/>
    <n v="21"/>
    <s v="Billed Revenues"/>
    <s v="EXV"/>
    <s v="NONBU"/>
    <s v="G0000110"/>
    <s v="N"/>
    <s v="MACSS Dist Billed Revenue-03"/>
    <s v=""/>
    <x v="0"/>
    <s v="CAD0330628"/>
    <s v="S"/>
    <s v="KY"/>
    <s v="REV"/>
    <s v="974"/>
    <s v="GLBATCH"/>
    <n v="6"/>
    <n v="2016"/>
  </r>
  <r>
    <s v="110"/>
    <d v="2016-06-15T00:00:00"/>
    <x v="0"/>
    <x v="0"/>
    <s v="10828"/>
    <s v="GLNANDA"/>
    <n v="0"/>
    <n v="72"/>
    <s v="Billed Revenues"/>
    <s v="EXV"/>
    <s v="NONBU"/>
    <s v="G0000110"/>
    <s v="N"/>
    <s v="MACSS Dist Billed Revenue-03"/>
    <s v=""/>
    <x v="0"/>
    <s v="CAD0330628"/>
    <s v="S"/>
    <s v="KY"/>
    <s v="REV"/>
    <s v="974"/>
    <s v="GLBATCH"/>
    <n v="6"/>
    <n v="2016"/>
  </r>
  <r>
    <s v="110"/>
    <d v="2016-06-15T00:00:00"/>
    <x v="5"/>
    <x v="0"/>
    <s v="10828"/>
    <s v="GLNANDA"/>
    <n v="0"/>
    <n v="236"/>
    <s v="Billed Revenues"/>
    <s v="EXV"/>
    <s v="NONBU"/>
    <s v="G0000110"/>
    <s v="N"/>
    <s v="MACSS Dist Billed Revenue-03"/>
    <s v=""/>
    <x v="0"/>
    <s v="CAD0330628"/>
    <s v="S"/>
    <s v="KY"/>
    <s v="REV"/>
    <s v="974"/>
    <s v="GLBATCH"/>
    <n v="6"/>
    <n v="2016"/>
  </r>
  <r>
    <s v="110"/>
    <d v="2016-06-15T00:00:00"/>
    <x v="5"/>
    <x v="0"/>
    <s v="10828"/>
    <s v="GLNANDA"/>
    <n v="-132101.51999999999"/>
    <n v="-1122744"/>
    <s v="Billed Revenues"/>
    <s v="EXV"/>
    <s v="NONBU"/>
    <s v="G0000110"/>
    <s v="N"/>
    <s v="MACSS Dist Billed Revenue-03"/>
    <s v=""/>
    <x v="0"/>
    <s v="CAD0330628"/>
    <s v="S"/>
    <s v="KY"/>
    <s v="REV"/>
    <s v="974"/>
    <s v="GLBATCH"/>
    <n v="6"/>
    <n v="2016"/>
  </r>
  <r>
    <s v="110"/>
    <d v="2016-06-15T00:00:00"/>
    <x v="0"/>
    <x v="0"/>
    <s v="10828"/>
    <s v="GLNANDA"/>
    <n v="-256920.46"/>
    <n v="-3399640"/>
    <s v="Billed Revenues"/>
    <s v="EXV"/>
    <s v="NONBU"/>
    <s v="G0000110"/>
    <s v="N"/>
    <s v="MACSS Dist Billed Revenue-03"/>
    <s v=""/>
    <x v="0"/>
    <s v="CAD0330628"/>
    <s v="S"/>
    <s v="KY"/>
    <s v="REV"/>
    <s v="974"/>
    <s v="GLBATCH"/>
    <n v="6"/>
    <n v="2016"/>
  </r>
  <r>
    <s v="110"/>
    <d v="2016-06-15T00:00:00"/>
    <x v="3"/>
    <x v="0"/>
    <s v="10828"/>
    <s v="GLNANDA"/>
    <n v="0"/>
    <n v="36"/>
    <s v="Billed Revenues"/>
    <s v="EXV"/>
    <s v="NONBU"/>
    <s v="G0000110"/>
    <s v="N"/>
    <s v="MACSS Dist Billed Revenue-03"/>
    <s v=""/>
    <x v="0"/>
    <s v="CAD0330628"/>
    <s v="S"/>
    <s v="KY"/>
    <s v="REV"/>
    <s v="974"/>
    <s v="GLBATCH"/>
    <n v="6"/>
    <n v="2016"/>
  </r>
  <r>
    <s v="110"/>
    <d v="2016-06-15T00:00:00"/>
    <x v="3"/>
    <x v="0"/>
    <s v="10828"/>
    <s v="GLNANDA"/>
    <n v="-467330.38"/>
    <n v="-4967629"/>
    <s v="Billed Revenues"/>
    <s v="EXV"/>
    <s v="NONBU"/>
    <s v="G0000110"/>
    <s v="N"/>
    <s v="MACSS Dist Billed Revenue-03"/>
    <s v=""/>
    <x v="0"/>
    <s v="CAD0330628"/>
    <s v="S"/>
    <s v="KY"/>
    <s v="REV"/>
    <s v="974"/>
    <s v="GLBATCH"/>
    <n v="6"/>
    <n v="2016"/>
  </r>
  <r>
    <s v="110"/>
    <d v="2016-06-15T00:00:00"/>
    <x v="7"/>
    <x v="0"/>
    <s v="10828"/>
    <s v="GLNANDA"/>
    <n v="0"/>
    <n v="45"/>
    <s v="Billed Revenues"/>
    <s v="EXV"/>
    <s v="NONBU"/>
    <s v="G0000110"/>
    <s v="N"/>
    <s v="MACSS Dist Billed Revenue-03"/>
    <s v=""/>
    <x v="0"/>
    <s v="CAD0330628"/>
    <s v="S"/>
    <s v="KY"/>
    <s v="REV"/>
    <s v="974"/>
    <s v="GLBATCH"/>
    <n v="6"/>
    <n v="2016"/>
  </r>
  <r>
    <s v="110"/>
    <d v="2016-06-15T00:00:00"/>
    <x v="7"/>
    <x v="0"/>
    <s v="10828"/>
    <s v="GLNANDA"/>
    <n v="-115892.47"/>
    <n v="-966403"/>
    <s v="Billed Revenues"/>
    <s v="EXV"/>
    <s v="NONBU"/>
    <s v="G0000110"/>
    <s v="N"/>
    <s v="MACSS Dist Billed Revenue-03"/>
    <s v=""/>
    <x v="0"/>
    <s v="CAD0330628"/>
    <s v="S"/>
    <s v="KY"/>
    <s v="REV"/>
    <s v="974"/>
    <s v="GLBATCH"/>
    <n v="6"/>
    <n v="2016"/>
  </r>
  <r>
    <s v="110"/>
    <d v="2016-06-15T00:00:00"/>
    <x v="4"/>
    <x v="0"/>
    <s v="10828"/>
    <s v="GLNANDA"/>
    <n v="0"/>
    <n v="4143"/>
    <s v="Billed Revenues"/>
    <s v="EXV"/>
    <s v="NONBU"/>
    <s v="G0000110"/>
    <s v="N"/>
    <s v="MACSS Dist Billed Revenue-03"/>
    <s v=""/>
    <x v="0"/>
    <s v="CAD0330628"/>
    <s v="S"/>
    <s v="KY"/>
    <s v="REV"/>
    <s v="974"/>
    <s v="GLBATCH"/>
    <n v="6"/>
    <n v="2016"/>
  </r>
  <r>
    <s v="110"/>
    <d v="2016-06-15T00:00:00"/>
    <x v="4"/>
    <x v="0"/>
    <s v="10828"/>
    <s v="GLNANDA"/>
    <n v="-631941.1"/>
    <n v="-5128909"/>
    <s v="Billed Revenues"/>
    <s v="EXV"/>
    <s v="NONBU"/>
    <s v="G0000110"/>
    <s v="N"/>
    <s v="MACSS Dist Billed Revenue-03"/>
    <s v=""/>
    <x v="0"/>
    <s v="CAD0330628"/>
    <s v="S"/>
    <s v="KY"/>
    <s v="REV"/>
    <s v="974"/>
    <s v="GLBATCH"/>
    <n v="6"/>
    <n v="2016"/>
  </r>
  <r>
    <s v="110"/>
    <d v="2016-06-15T00:00:00"/>
    <x v="2"/>
    <x v="0"/>
    <s v="10828"/>
    <s v="GLNANDA"/>
    <n v="0"/>
    <n v="1466"/>
    <s v="Billed Revenues"/>
    <s v="EXV"/>
    <s v="NONBU"/>
    <s v="G0000110"/>
    <s v="N"/>
    <s v="MACSS Dist Billed Revenue-03"/>
    <s v=""/>
    <x v="0"/>
    <s v="CAD0330628"/>
    <s v="S"/>
    <s v="KY"/>
    <s v="REV"/>
    <s v="974"/>
    <s v="GLBATCH"/>
    <n v="6"/>
    <n v="2016"/>
  </r>
  <r>
    <s v="110"/>
    <d v="2016-06-15T00:00:00"/>
    <x v="2"/>
    <x v="0"/>
    <s v="10828"/>
    <s v="GLNANDA"/>
    <n v="-947280.66"/>
    <n v="-9033183"/>
    <s v="Billed Revenues"/>
    <s v="EXV"/>
    <s v="NONBU"/>
    <s v="G0000110"/>
    <s v="N"/>
    <s v="MACSS Dist Billed Revenue-03"/>
    <s v=""/>
    <x v="0"/>
    <s v="CAD0330628"/>
    <s v="S"/>
    <s v="KY"/>
    <s v="REV"/>
    <s v="974"/>
    <s v="GLBATCH"/>
    <n v="6"/>
    <n v="2016"/>
  </r>
  <r>
    <s v="110"/>
    <d v="2016-06-15T00:00:00"/>
    <x v="1"/>
    <x v="0"/>
    <s v="10828"/>
    <s v="GLNANDA"/>
    <n v="0"/>
    <n v="3137"/>
    <s v="Billed Revenues"/>
    <s v="EXV"/>
    <s v="NONBU"/>
    <s v="G0000110"/>
    <s v="N"/>
    <s v="MACSS Dist Billed Revenue-03"/>
    <s v=""/>
    <x v="0"/>
    <s v="CAD0330628"/>
    <s v="S"/>
    <s v="KY"/>
    <s v="REV"/>
    <s v="974"/>
    <s v="GLBATCH"/>
    <n v="6"/>
    <n v="2016"/>
  </r>
  <r>
    <s v="110"/>
    <d v="2016-06-15T00:00:00"/>
    <x v="1"/>
    <x v="0"/>
    <s v="10828"/>
    <s v="GLNANDA"/>
    <n v="-463583.36"/>
    <n v="-3756229"/>
    <s v="Billed Revenues"/>
    <s v="EXV"/>
    <s v="NONBU"/>
    <s v="G0000110"/>
    <s v="N"/>
    <s v="MACSS Dist Billed Revenue-03"/>
    <s v=""/>
    <x v="0"/>
    <s v="CAD0330628"/>
    <s v="S"/>
    <s v="KY"/>
    <s v="REV"/>
    <s v="974"/>
    <s v="GLBATCH"/>
    <n v="6"/>
    <n v="2016"/>
  </r>
  <r>
    <s v="110"/>
    <d v="2016-06-15T00:00:00"/>
    <x v="6"/>
    <x v="0"/>
    <s v="10828"/>
    <s v="GLNANDA"/>
    <n v="-3912.32"/>
    <n v="-16642"/>
    <s v="Billed Revenues"/>
    <s v="EXV"/>
    <s v="NONBU"/>
    <s v="G0000110"/>
    <s v="N"/>
    <s v="MACSS Dist Billed Revenue-03"/>
    <s v=""/>
    <x v="0"/>
    <s v="CAD0330628"/>
    <s v="S"/>
    <s v="KY"/>
    <s v="REV"/>
    <s v="974"/>
    <s v="GLBATCH"/>
    <n v="6"/>
    <n v="2016"/>
  </r>
  <r>
    <s v="110"/>
    <d v="2016-07-15T00:00:00"/>
    <x v="0"/>
    <x v="0"/>
    <s v="10828"/>
    <s v="GLNANDA"/>
    <n v="0"/>
    <n v="47"/>
    <s v="Billed Revenues"/>
    <s v="EXV"/>
    <s v="NONBU"/>
    <s v="G0000110"/>
    <s v="N"/>
    <s v="MACSS Dist Billed Revenue-03"/>
    <s v=""/>
    <x v="0"/>
    <s v="CAD0330629"/>
    <s v="S"/>
    <s v="KY"/>
    <s v="REV"/>
    <s v="974"/>
    <s v="GLBATCH"/>
    <n v="7"/>
    <n v="2016"/>
  </r>
  <r>
    <s v="110"/>
    <d v="2016-07-15T00:00:00"/>
    <x v="6"/>
    <x v="0"/>
    <s v="10828"/>
    <s v="GLNANDA"/>
    <n v="0"/>
    <n v="21"/>
    <s v="Billed Revenues"/>
    <s v="EXV"/>
    <s v="NONBU"/>
    <s v="G0000110"/>
    <s v="N"/>
    <s v="MACSS Dist Billed Revenue-03"/>
    <s v=""/>
    <x v="0"/>
    <s v="CAD0330629"/>
    <s v="S"/>
    <s v="KY"/>
    <s v="REV"/>
    <s v="974"/>
    <s v="GLBATCH"/>
    <n v="7"/>
    <n v="2016"/>
  </r>
  <r>
    <s v="110"/>
    <d v="2016-07-15T00:00:00"/>
    <x v="7"/>
    <x v="0"/>
    <s v="10828"/>
    <s v="GLNANDA"/>
    <n v="0"/>
    <n v="16"/>
    <s v="Billed Revenues"/>
    <s v="EXV"/>
    <s v="NONBU"/>
    <s v="G0000110"/>
    <s v="N"/>
    <s v="MACSS Dist Billed Revenue-03"/>
    <s v=""/>
    <x v="0"/>
    <s v="CAD0330629"/>
    <s v="S"/>
    <s v="KY"/>
    <s v="REV"/>
    <s v="974"/>
    <s v="GLBATCH"/>
    <n v="7"/>
    <n v="2016"/>
  </r>
  <r>
    <s v="110"/>
    <d v="2016-07-15T00:00:00"/>
    <x v="5"/>
    <x v="0"/>
    <s v="10828"/>
    <s v="GLNANDA"/>
    <n v="-75042.460000000006"/>
    <n v="-604491"/>
    <s v="Billed Revenues"/>
    <s v="EXV"/>
    <s v="NONBU"/>
    <s v="G0000110"/>
    <s v="N"/>
    <s v="MACSS Dist Billed Revenue-03"/>
    <s v=""/>
    <x v="0"/>
    <s v="CAD0330629"/>
    <s v="S"/>
    <s v="KY"/>
    <s v="REV"/>
    <s v="974"/>
    <s v="GLBATCH"/>
    <n v="7"/>
    <n v="2016"/>
  </r>
  <r>
    <s v="110"/>
    <d v="2016-07-15T00:00:00"/>
    <x v="5"/>
    <x v="0"/>
    <s v="10828"/>
    <s v="GLNANDA"/>
    <n v="0"/>
    <n v="130"/>
    <s v="Billed Revenues"/>
    <s v="EXV"/>
    <s v="NONBU"/>
    <s v="G0000110"/>
    <s v="N"/>
    <s v="MACSS Dist Billed Revenue-03"/>
    <s v=""/>
    <x v="0"/>
    <s v="CAD0330629"/>
    <s v="S"/>
    <s v="KY"/>
    <s v="REV"/>
    <s v="974"/>
    <s v="GLBATCH"/>
    <n v="7"/>
    <n v="2016"/>
  </r>
  <r>
    <s v="110"/>
    <d v="2016-07-15T00:00:00"/>
    <x v="2"/>
    <x v="0"/>
    <s v="10828"/>
    <s v="GLNANDA"/>
    <n v="-795930.97"/>
    <n v="-6548220"/>
    <s v="Billed Revenues"/>
    <s v="EXV"/>
    <s v="NONBU"/>
    <s v="G0000110"/>
    <s v="N"/>
    <s v="MACSS Dist Billed Revenue-03"/>
    <s v=""/>
    <x v="0"/>
    <s v="CAD0330629"/>
    <s v="S"/>
    <s v="KY"/>
    <s v="REV"/>
    <s v="974"/>
    <s v="GLBATCH"/>
    <n v="7"/>
    <n v="2016"/>
  </r>
  <r>
    <s v="110"/>
    <d v="2016-07-15T00:00:00"/>
    <x v="3"/>
    <x v="0"/>
    <s v="10828"/>
    <s v="GLNANDA"/>
    <n v="-10399.08"/>
    <n v="-86305"/>
    <s v="Billed Revenues"/>
    <s v="EXV"/>
    <s v="NONBU"/>
    <s v="G0000110"/>
    <s v="N"/>
    <s v="MACSS Dist Billed Revenue-03"/>
    <s v=""/>
    <x v="0"/>
    <s v="CAD0330629"/>
    <s v="S"/>
    <s v="KY"/>
    <s v="REV"/>
    <s v="974"/>
    <s v="GLBATCH"/>
    <n v="7"/>
    <n v="2016"/>
  </r>
  <r>
    <s v="110"/>
    <d v="2016-07-15T00:00:00"/>
    <x v="3"/>
    <x v="0"/>
    <s v="10828"/>
    <s v="GLNANDA"/>
    <n v="0"/>
    <n v="10"/>
    <s v="Billed Revenues"/>
    <s v="EXV"/>
    <s v="NONBU"/>
    <s v="G0000110"/>
    <s v="N"/>
    <s v="MACSS Dist Billed Revenue-03"/>
    <s v=""/>
    <x v="0"/>
    <s v="CAD0330629"/>
    <s v="S"/>
    <s v="KY"/>
    <s v="REV"/>
    <s v="974"/>
    <s v="GLBATCH"/>
    <n v="7"/>
    <n v="2016"/>
  </r>
  <r>
    <s v="110"/>
    <d v="2016-07-15T00:00:00"/>
    <x v="4"/>
    <x v="0"/>
    <s v="10828"/>
    <s v="GLNANDA"/>
    <n v="-695759.23"/>
    <n v="-5662221"/>
    <s v="Billed Revenues"/>
    <s v="EXV"/>
    <s v="NONBU"/>
    <s v="G0000110"/>
    <s v="N"/>
    <s v="MACSS Dist Billed Revenue-03"/>
    <s v=""/>
    <x v="0"/>
    <s v="CAD0330629"/>
    <s v="S"/>
    <s v="KY"/>
    <s v="REV"/>
    <s v="974"/>
    <s v="GLBATCH"/>
    <n v="7"/>
    <n v="2016"/>
  </r>
  <r>
    <s v="110"/>
    <d v="2016-07-15T00:00:00"/>
    <x v="4"/>
    <x v="0"/>
    <s v="10828"/>
    <s v="GLNANDA"/>
    <n v="0"/>
    <n v="4208"/>
    <s v="Billed Revenues"/>
    <s v="EXV"/>
    <s v="NONBU"/>
    <s v="G0000110"/>
    <s v="N"/>
    <s v="MACSS Dist Billed Revenue-03"/>
    <s v=""/>
    <x v="0"/>
    <s v="CAD0330629"/>
    <s v="S"/>
    <s v="KY"/>
    <s v="REV"/>
    <s v="974"/>
    <s v="GLBATCH"/>
    <n v="7"/>
    <n v="2016"/>
  </r>
  <r>
    <s v="110"/>
    <d v="2016-07-15T00:00:00"/>
    <x v="1"/>
    <x v="0"/>
    <s v="10828"/>
    <s v="GLNANDA"/>
    <n v="-294130.65000000002"/>
    <n v="-2368194"/>
    <s v="Billed Revenues"/>
    <s v="EXV"/>
    <s v="NONBU"/>
    <s v="G0000110"/>
    <s v="N"/>
    <s v="MACSS Dist Billed Revenue-03"/>
    <s v=""/>
    <x v="0"/>
    <s v="CAD0330629"/>
    <s v="S"/>
    <s v="KY"/>
    <s v="REV"/>
    <s v="974"/>
    <s v="GLBATCH"/>
    <n v="7"/>
    <n v="2016"/>
  </r>
  <r>
    <s v="110"/>
    <d v="2016-07-15T00:00:00"/>
    <x v="1"/>
    <x v="0"/>
    <s v="10828"/>
    <s v="GLNANDA"/>
    <n v="0"/>
    <n v="1935"/>
    <s v="Billed Revenues"/>
    <s v="EXV"/>
    <s v="NONBU"/>
    <s v="G0000110"/>
    <s v="N"/>
    <s v="MACSS Dist Billed Revenue-03"/>
    <s v=""/>
    <x v="0"/>
    <s v="CAD0330629"/>
    <s v="S"/>
    <s v="KY"/>
    <s v="REV"/>
    <s v="974"/>
    <s v="GLBATCH"/>
    <n v="7"/>
    <n v="2016"/>
  </r>
  <r>
    <s v="110"/>
    <d v="2016-07-15T00:00:00"/>
    <x v="6"/>
    <x v="0"/>
    <s v="10828"/>
    <s v="GLNANDA"/>
    <n v="-1011.85"/>
    <n v="-4584"/>
    <s v="Billed Revenues"/>
    <s v="EXV"/>
    <s v="NONBU"/>
    <s v="G0000110"/>
    <s v="N"/>
    <s v="MACSS Dist Billed Revenue-03"/>
    <s v=""/>
    <x v="0"/>
    <s v="CAD0330629"/>
    <s v="S"/>
    <s v="KY"/>
    <s v="REV"/>
    <s v="974"/>
    <s v="GLBATCH"/>
    <n v="7"/>
    <n v="2016"/>
  </r>
  <r>
    <s v="110"/>
    <d v="2016-07-15T00:00:00"/>
    <x v="0"/>
    <x v="0"/>
    <s v="10828"/>
    <s v="GLNANDA"/>
    <n v="-143117.73000000001"/>
    <n v="-1510825"/>
    <s v="Billed Revenues"/>
    <s v="EXV"/>
    <s v="NONBU"/>
    <s v="G0000110"/>
    <s v="N"/>
    <s v="MACSS Dist Billed Revenue-03"/>
    <s v=""/>
    <x v="0"/>
    <s v="CAD0330629"/>
    <s v="S"/>
    <s v="KY"/>
    <s v="REV"/>
    <s v="974"/>
    <s v="GLBATCH"/>
    <n v="7"/>
    <n v="2016"/>
  </r>
  <r>
    <s v="110"/>
    <d v="2016-07-15T00:00:00"/>
    <x v="2"/>
    <x v="0"/>
    <s v="10828"/>
    <s v="GLNANDA"/>
    <n v="0"/>
    <n v="1542"/>
    <s v="Billed Revenues"/>
    <s v="EXV"/>
    <s v="NONBU"/>
    <s v="G0000110"/>
    <s v="N"/>
    <s v="MACSS Dist Billed Revenue-03"/>
    <s v=""/>
    <x v="0"/>
    <s v="CAD0330629"/>
    <s v="S"/>
    <s v="KY"/>
    <s v="REV"/>
    <s v="974"/>
    <s v="GLBATCH"/>
    <n v="7"/>
    <n v="2016"/>
  </r>
  <r>
    <s v="110"/>
    <d v="2016-07-15T00:00:00"/>
    <x v="7"/>
    <x v="0"/>
    <s v="10828"/>
    <s v="GLNANDA"/>
    <n v="-44839.69"/>
    <n v="-366475"/>
    <s v="Billed Revenues"/>
    <s v="EXV"/>
    <s v="NONBU"/>
    <s v="G0000110"/>
    <s v="N"/>
    <s v="MACSS Dist Billed Revenue-03"/>
    <s v=""/>
    <x v="0"/>
    <s v="CAD0330629"/>
    <s v="S"/>
    <s v="KY"/>
    <s v="REV"/>
    <s v="974"/>
    <s v="GLBATCH"/>
    <n v="7"/>
    <n v="2016"/>
  </r>
  <r>
    <s v="110"/>
    <d v="2016-06-15T00:00:00"/>
    <x v="1"/>
    <x v="0"/>
    <s v="10828"/>
    <s v="GLNANDA"/>
    <n v="-20673.39"/>
    <n v="-167301"/>
    <s v="Billed Revenues"/>
    <s v="EXV"/>
    <s v="NONBU"/>
    <s v="G0000110"/>
    <s v="N"/>
    <s v="MACSS Dist Billed Revenue-03"/>
    <s v=""/>
    <x v="0"/>
    <s v="CAD0330629"/>
    <s v="S"/>
    <s v="KY"/>
    <s v="REV"/>
    <s v="974"/>
    <s v="GLBATCH"/>
    <n v="6"/>
    <n v="2016"/>
  </r>
  <r>
    <s v="110"/>
    <d v="2016-06-15T00:00:00"/>
    <x v="1"/>
    <x v="0"/>
    <s v="10828"/>
    <s v="GLNANDA"/>
    <n v="0"/>
    <n v="148"/>
    <s v="Billed Revenues"/>
    <s v="EXV"/>
    <s v="NONBU"/>
    <s v="G0000110"/>
    <s v="N"/>
    <s v="MACSS Dist Billed Revenue-03"/>
    <s v=""/>
    <x v="0"/>
    <s v="CAD0330629"/>
    <s v="S"/>
    <s v="KY"/>
    <s v="REV"/>
    <s v="974"/>
    <s v="GLBATCH"/>
    <n v="6"/>
    <n v="2016"/>
  </r>
  <r>
    <s v="110"/>
    <d v="2016-06-15T00:00:00"/>
    <x v="2"/>
    <x v="0"/>
    <s v="10828"/>
    <s v="GLNANDA"/>
    <n v="-14043.97"/>
    <n v="-87938"/>
    <s v="Billed Revenues"/>
    <s v="EXV"/>
    <s v="NONBU"/>
    <s v="G0000110"/>
    <s v="N"/>
    <s v="MACSS Dist Billed Revenue-03"/>
    <s v=""/>
    <x v="0"/>
    <s v="CAD0330629"/>
    <s v="S"/>
    <s v="KY"/>
    <s v="REV"/>
    <s v="974"/>
    <s v="GLBATCH"/>
    <n v="6"/>
    <n v="2016"/>
  </r>
  <r>
    <s v="110"/>
    <d v="2016-06-15T00:00:00"/>
    <x v="2"/>
    <x v="0"/>
    <s v="10828"/>
    <s v="GLNANDA"/>
    <n v="0"/>
    <n v="93"/>
    <s v="Billed Revenues"/>
    <s v="EXV"/>
    <s v="NONBU"/>
    <s v="G0000110"/>
    <s v="N"/>
    <s v="MACSS Dist Billed Revenue-03"/>
    <s v=""/>
    <x v="0"/>
    <s v="CAD0330629"/>
    <s v="S"/>
    <s v="KY"/>
    <s v="REV"/>
    <s v="974"/>
    <s v="GLBATCH"/>
    <n v="6"/>
    <n v="2016"/>
  </r>
  <r>
    <s v="110"/>
    <d v="2016-06-15T00:00:00"/>
    <x v="4"/>
    <x v="0"/>
    <s v="10828"/>
    <s v="GLNANDA"/>
    <n v="-29278.26"/>
    <n v="-236213"/>
    <s v="Billed Revenues"/>
    <s v="EXV"/>
    <s v="NONBU"/>
    <s v="G0000110"/>
    <s v="N"/>
    <s v="MACSS Dist Billed Revenue-03"/>
    <s v=""/>
    <x v="0"/>
    <s v="CAD0330629"/>
    <s v="S"/>
    <s v="KY"/>
    <s v="REV"/>
    <s v="974"/>
    <s v="GLBATCH"/>
    <n v="6"/>
    <n v="2016"/>
  </r>
  <r>
    <s v="110"/>
    <d v="2016-06-15T00:00:00"/>
    <x v="4"/>
    <x v="0"/>
    <s v="10828"/>
    <s v="GLNANDA"/>
    <n v="0"/>
    <n v="222"/>
    <s v="Billed Revenues"/>
    <s v="EXV"/>
    <s v="NONBU"/>
    <s v="G0000110"/>
    <s v="N"/>
    <s v="MACSS Dist Billed Revenue-03"/>
    <s v=""/>
    <x v="0"/>
    <s v="CAD0330629"/>
    <s v="S"/>
    <s v="KY"/>
    <s v="REV"/>
    <s v="974"/>
    <s v="GLBATCH"/>
    <n v="6"/>
    <n v="2016"/>
  </r>
  <r>
    <s v="110"/>
    <d v="2016-06-15T00:00:00"/>
    <x v="7"/>
    <x v="0"/>
    <s v="10828"/>
    <s v="GLNANDA"/>
    <n v="-7371.63"/>
    <n v="-50801"/>
    <s v="Billed Revenues"/>
    <s v="EXV"/>
    <s v="NONBU"/>
    <s v="G0000110"/>
    <s v="N"/>
    <s v="MACSS Dist Billed Revenue-03"/>
    <s v=""/>
    <x v="0"/>
    <s v="CAD0330629"/>
    <s v="S"/>
    <s v="KY"/>
    <s v="REV"/>
    <s v="974"/>
    <s v="GLBATCH"/>
    <n v="6"/>
    <n v="2016"/>
  </r>
  <r>
    <s v="110"/>
    <d v="2016-06-15T00:00:00"/>
    <x v="7"/>
    <x v="0"/>
    <s v="10828"/>
    <s v="GLNANDA"/>
    <n v="0"/>
    <n v="12"/>
    <s v="Billed Revenues"/>
    <s v="EXV"/>
    <s v="NONBU"/>
    <s v="G0000110"/>
    <s v="N"/>
    <s v="MACSS Dist Billed Revenue-03"/>
    <s v=""/>
    <x v="0"/>
    <s v="CAD0330629"/>
    <s v="S"/>
    <s v="KY"/>
    <s v="REV"/>
    <s v="974"/>
    <s v="GLBATCH"/>
    <n v="6"/>
    <n v="2016"/>
  </r>
  <r>
    <s v="110"/>
    <d v="2016-06-15T00:00:00"/>
    <x v="3"/>
    <x v="0"/>
    <s v="10828"/>
    <s v="GLNANDA"/>
    <n v="-230814.19"/>
    <n v="-2093477"/>
    <s v="Billed Revenues"/>
    <s v="EXV"/>
    <s v="NONBU"/>
    <s v="G0000110"/>
    <s v="N"/>
    <s v="MACSS Dist Billed Revenue-03"/>
    <s v=""/>
    <x v="0"/>
    <s v="CAD0330629"/>
    <s v="S"/>
    <s v="KY"/>
    <s v="REV"/>
    <s v="974"/>
    <s v="GLBATCH"/>
    <n v="6"/>
    <n v="2016"/>
  </r>
  <r>
    <s v="110"/>
    <d v="2016-06-15T00:00:00"/>
    <x v="3"/>
    <x v="0"/>
    <s v="10828"/>
    <s v="GLNANDA"/>
    <n v="0"/>
    <n v="15"/>
    <s v="Billed Revenues"/>
    <s v="EXV"/>
    <s v="NONBU"/>
    <s v="G0000110"/>
    <s v="N"/>
    <s v="MACSS Dist Billed Revenue-03"/>
    <s v=""/>
    <x v="0"/>
    <s v="CAD0330629"/>
    <s v="S"/>
    <s v="KY"/>
    <s v="REV"/>
    <s v="974"/>
    <s v="GLBATCH"/>
    <n v="6"/>
    <n v="2016"/>
  </r>
  <r>
    <s v="110"/>
    <d v="2016-06-15T00:00:00"/>
    <x v="0"/>
    <x v="0"/>
    <s v="10828"/>
    <s v="GLNANDA"/>
    <n v="-1546.78"/>
    <n v="-8992"/>
    <s v="Billed Revenues"/>
    <s v="EXV"/>
    <s v="NONBU"/>
    <s v="G0000110"/>
    <s v="N"/>
    <s v="MACSS Dist Billed Revenue-03"/>
    <s v=""/>
    <x v="0"/>
    <s v="CAD0330629"/>
    <s v="S"/>
    <s v="KY"/>
    <s v="REV"/>
    <s v="974"/>
    <s v="GLBATCH"/>
    <n v="6"/>
    <n v="2016"/>
  </r>
  <r>
    <s v="110"/>
    <d v="2016-06-15T00:00:00"/>
    <x v="0"/>
    <x v="0"/>
    <s v="10828"/>
    <s v="GLNANDA"/>
    <n v="0"/>
    <n v="18"/>
    <s v="Billed Revenues"/>
    <s v="EXV"/>
    <s v="NONBU"/>
    <s v="G0000110"/>
    <s v="N"/>
    <s v="MACSS Dist Billed Revenue-03"/>
    <s v=""/>
    <x v="0"/>
    <s v="CAD0330629"/>
    <s v="S"/>
    <s v="KY"/>
    <s v="REV"/>
    <s v="974"/>
    <s v="GLBATCH"/>
    <n v="6"/>
    <n v="2016"/>
  </r>
  <r>
    <s v="110"/>
    <d v="2016-06-15T00:00:00"/>
    <x v="5"/>
    <x v="0"/>
    <s v="10828"/>
    <s v="GLNANDA"/>
    <n v="0"/>
    <n v="7"/>
    <s v="Billed Revenues"/>
    <s v="EXV"/>
    <s v="NONBU"/>
    <s v="G0000110"/>
    <s v="N"/>
    <s v="MACSS Dist Billed Revenue-03"/>
    <s v=""/>
    <x v="0"/>
    <s v="CAD0330629"/>
    <s v="S"/>
    <s v="KY"/>
    <s v="REV"/>
    <s v="974"/>
    <s v="GLBATCH"/>
    <n v="6"/>
    <n v="2016"/>
  </r>
  <r>
    <s v="110"/>
    <d v="2016-06-15T00:00:00"/>
    <x v="5"/>
    <x v="0"/>
    <s v="10828"/>
    <s v="GLNANDA"/>
    <n v="-892.52"/>
    <n v="-6081"/>
    <s v="Billed Revenues"/>
    <s v="EXV"/>
    <s v="NONBU"/>
    <s v="G0000110"/>
    <s v="N"/>
    <s v="MACSS Dist Billed Revenue-03"/>
    <s v=""/>
    <x v="0"/>
    <s v="CAD0330629"/>
    <s v="S"/>
    <s v="KY"/>
    <s v="REV"/>
    <s v="974"/>
    <s v="GLBATCH"/>
    <n v="6"/>
    <n v="2016"/>
  </r>
  <r>
    <s v="110"/>
    <d v="2016-07-15T00:00:00"/>
    <x v="5"/>
    <x v="0"/>
    <s v="10828"/>
    <s v="GLNANDA"/>
    <n v="0"/>
    <n v="75"/>
    <s v="Billed Revenues"/>
    <s v="EXV"/>
    <s v="NONBU"/>
    <s v="G0000110"/>
    <s v="N"/>
    <s v="MACSS Dist Billed Revenue-03"/>
    <s v=""/>
    <x v="0"/>
    <s v="CAD0330630"/>
    <s v="S"/>
    <s v="KY"/>
    <s v="REV"/>
    <s v="974"/>
    <s v="GLBATCH"/>
    <n v="7"/>
    <n v="2016"/>
  </r>
  <r>
    <s v="110"/>
    <d v="2016-07-15T00:00:00"/>
    <x v="2"/>
    <x v="0"/>
    <s v="10828"/>
    <s v="GLNANDA"/>
    <n v="0"/>
    <n v="1075"/>
    <s v="Billed Revenues"/>
    <s v="EXV"/>
    <s v="NONBU"/>
    <s v="G0000110"/>
    <s v="N"/>
    <s v="MACSS Dist Billed Revenue-03"/>
    <s v=""/>
    <x v="0"/>
    <s v="CAD0330630"/>
    <s v="S"/>
    <s v="KY"/>
    <s v="REV"/>
    <s v="974"/>
    <s v="GLBATCH"/>
    <n v="7"/>
    <n v="2016"/>
  </r>
  <r>
    <s v="110"/>
    <d v="2016-07-15T00:00:00"/>
    <x v="4"/>
    <x v="0"/>
    <s v="10828"/>
    <s v="GLNANDA"/>
    <n v="0"/>
    <n v="4704"/>
    <s v="Billed Revenues"/>
    <s v="EXV"/>
    <s v="NONBU"/>
    <s v="G0000110"/>
    <s v="N"/>
    <s v="MACSS Dist Billed Revenue-03"/>
    <s v=""/>
    <x v="0"/>
    <s v="CAD0330630"/>
    <s v="S"/>
    <s v="KY"/>
    <s v="REV"/>
    <s v="974"/>
    <s v="GLBATCH"/>
    <n v="7"/>
    <n v="2016"/>
  </r>
  <r>
    <s v="110"/>
    <d v="2016-07-15T00:00:00"/>
    <x v="6"/>
    <x v="0"/>
    <s v="10828"/>
    <s v="GLNANDA"/>
    <n v="-879.27"/>
    <n v="-5150"/>
    <s v="Billed Revenues"/>
    <s v="EXV"/>
    <s v="NONBU"/>
    <s v="G0000110"/>
    <s v="N"/>
    <s v="MACSS Dist Billed Revenue-03"/>
    <s v=""/>
    <x v="0"/>
    <s v="CAD0330630"/>
    <s v="S"/>
    <s v="KY"/>
    <s v="REV"/>
    <s v="974"/>
    <s v="GLBATCH"/>
    <n v="7"/>
    <n v="2016"/>
  </r>
  <r>
    <s v="110"/>
    <d v="2016-07-15T00:00:00"/>
    <x v="6"/>
    <x v="0"/>
    <s v="10828"/>
    <s v="GLNANDA"/>
    <n v="0"/>
    <n v="9"/>
    <s v="Billed Revenues"/>
    <s v="EXV"/>
    <s v="NONBU"/>
    <s v="G0000110"/>
    <s v="N"/>
    <s v="MACSS Dist Billed Revenue-03"/>
    <s v=""/>
    <x v="0"/>
    <s v="CAD0330630"/>
    <s v="S"/>
    <s v="KY"/>
    <s v="REV"/>
    <s v="974"/>
    <s v="GLBATCH"/>
    <n v="7"/>
    <n v="2016"/>
  </r>
  <r>
    <s v="110"/>
    <d v="2016-07-15T00:00:00"/>
    <x v="7"/>
    <x v="0"/>
    <s v="10828"/>
    <s v="GLNANDA"/>
    <n v="-40157.410000000003"/>
    <n v="-336923"/>
    <s v="Billed Revenues"/>
    <s v="EXV"/>
    <s v="NONBU"/>
    <s v="G0000110"/>
    <s v="N"/>
    <s v="MACSS Dist Billed Revenue-03"/>
    <s v=""/>
    <x v="0"/>
    <s v="CAD0330630"/>
    <s v="S"/>
    <s v="KY"/>
    <s v="REV"/>
    <s v="974"/>
    <s v="GLBATCH"/>
    <n v="7"/>
    <n v="2016"/>
  </r>
  <r>
    <s v="110"/>
    <d v="2016-07-15T00:00:00"/>
    <x v="7"/>
    <x v="0"/>
    <s v="10828"/>
    <s v="GLNANDA"/>
    <n v="0"/>
    <n v="22"/>
    <s v="Billed Revenues"/>
    <s v="EXV"/>
    <s v="NONBU"/>
    <s v="G0000110"/>
    <s v="N"/>
    <s v="MACSS Dist Billed Revenue-03"/>
    <s v=""/>
    <x v="0"/>
    <s v="CAD0330630"/>
    <s v="S"/>
    <s v="KY"/>
    <s v="REV"/>
    <s v="974"/>
    <s v="GLBATCH"/>
    <n v="7"/>
    <n v="2016"/>
  </r>
  <r>
    <s v="110"/>
    <d v="2016-07-15T00:00:00"/>
    <x v="5"/>
    <x v="0"/>
    <s v="10828"/>
    <s v="GLNANDA"/>
    <n v="-32544.02"/>
    <n v="-259938"/>
    <s v="Billed Revenues"/>
    <s v="EXV"/>
    <s v="NONBU"/>
    <s v="G0000110"/>
    <s v="N"/>
    <s v="MACSS Dist Billed Revenue-03"/>
    <s v=""/>
    <x v="0"/>
    <s v="CAD0330630"/>
    <s v="S"/>
    <s v="KY"/>
    <s v="REV"/>
    <s v="974"/>
    <s v="GLBATCH"/>
    <n v="7"/>
    <n v="2016"/>
  </r>
  <r>
    <s v="110"/>
    <d v="2016-07-15T00:00:00"/>
    <x v="0"/>
    <x v="0"/>
    <s v="10828"/>
    <s v="GLNANDA"/>
    <n v="-151936.84"/>
    <n v="-1860643"/>
    <s v="Billed Revenues"/>
    <s v="EXV"/>
    <s v="NONBU"/>
    <s v="G0000110"/>
    <s v="N"/>
    <s v="MACSS Dist Billed Revenue-03"/>
    <s v=""/>
    <x v="0"/>
    <s v="CAD0330630"/>
    <s v="S"/>
    <s v="KY"/>
    <s v="REV"/>
    <s v="974"/>
    <s v="GLBATCH"/>
    <n v="7"/>
    <n v="2016"/>
  </r>
  <r>
    <s v="110"/>
    <d v="2016-07-15T00:00:00"/>
    <x v="3"/>
    <x v="0"/>
    <s v="10828"/>
    <s v="GLNANDA"/>
    <n v="-63939.58"/>
    <n v="-679914"/>
    <s v="Billed Revenues"/>
    <s v="EXV"/>
    <s v="NONBU"/>
    <s v="G0000110"/>
    <s v="N"/>
    <s v="MACSS Dist Billed Revenue-03"/>
    <s v=""/>
    <x v="0"/>
    <s v="CAD0330630"/>
    <s v="S"/>
    <s v="KY"/>
    <s v="REV"/>
    <s v="974"/>
    <s v="GLBATCH"/>
    <n v="7"/>
    <n v="2016"/>
  </r>
  <r>
    <s v="110"/>
    <d v="2016-07-15T00:00:00"/>
    <x v="3"/>
    <x v="0"/>
    <s v="10828"/>
    <s v="GLNANDA"/>
    <n v="0"/>
    <n v="10"/>
    <s v="Billed Revenues"/>
    <s v="EXV"/>
    <s v="NONBU"/>
    <s v="G0000110"/>
    <s v="N"/>
    <s v="MACSS Dist Billed Revenue-03"/>
    <s v=""/>
    <x v="0"/>
    <s v="CAD0330630"/>
    <s v="S"/>
    <s v="KY"/>
    <s v="REV"/>
    <s v="974"/>
    <s v="GLBATCH"/>
    <n v="7"/>
    <n v="2016"/>
  </r>
  <r>
    <s v="110"/>
    <d v="2016-07-15T00:00:00"/>
    <x v="0"/>
    <x v="0"/>
    <s v="10828"/>
    <s v="GLNANDA"/>
    <n v="0"/>
    <n v="76"/>
    <s v="Billed Revenues"/>
    <s v="EXV"/>
    <s v="NONBU"/>
    <s v="G0000110"/>
    <s v="N"/>
    <s v="MACSS Dist Billed Revenue-03"/>
    <s v=""/>
    <x v="0"/>
    <s v="CAD0330630"/>
    <s v="S"/>
    <s v="KY"/>
    <s v="REV"/>
    <s v="974"/>
    <s v="GLBATCH"/>
    <n v="7"/>
    <n v="2016"/>
  </r>
  <r>
    <s v="110"/>
    <d v="2016-07-15T00:00:00"/>
    <x v="1"/>
    <x v="0"/>
    <s v="10828"/>
    <s v="GLNANDA"/>
    <n v="-413827.81"/>
    <n v="-3313109"/>
    <s v="Billed Revenues"/>
    <s v="EXV"/>
    <s v="NONBU"/>
    <s v="G0000110"/>
    <s v="N"/>
    <s v="MACSS Dist Billed Revenue-03"/>
    <s v=""/>
    <x v="0"/>
    <s v="CAD0330630"/>
    <s v="S"/>
    <s v="KY"/>
    <s v="REV"/>
    <s v="974"/>
    <s v="GLBATCH"/>
    <n v="7"/>
    <n v="2016"/>
  </r>
  <r>
    <s v="110"/>
    <d v="2016-07-15T00:00:00"/>
    <x v="1"/>
    <x v="0"/>
    <s v="10828"/>
    <s v="GLNANDA"/>
    <n v="0"/>
    <n v="2916"/>
    <s v="Billed Revenues"/>
    <s v="EXV"/>
    <s v="NONBU"/>
    <s v="G0000110"/>
    <s v="N"/>
    <s v="MACSS Dist Billed Revenue-03"/>
    <s v=""/>
    <x v="0"/>
    <s v="CAD0330630"/>
    <s v="S"/>
    <s v="KY"/>
    <s v="REV"/>
    <s v="974"/>
    <s v="GLBATCH"/>
    <n v="7"/>
    <n v="2016"/>
  </r>
  <r>
    <s v="110"/>
    <d v="2016-07-15T00:00:00"/>
    <x v="2"/>
    <x v="0"/>
    <s v="10828"/>
    <s v="GLNANDA"/>
    <n v="-186436.3"/>
    <n v="-1302052"/>
    <s v="Billed Revenues"/>
    <s v="EXV"/>
    <s v="NONBU"/>
    <s v="G0000110"/>
    <s v="N"/>
    <s v="MACSS Dist Billed Revenue-03"/>
    <s v=""/>
    <x v="0"/>
    <s v="CAD0330630"/>
    <s v="S"/>
    <s v="KY"/>
    <s v="REV"/>
    <s v="974"/>
    <s v="GLBATCH"/>
    <n v="7"/>
    <n v="2016"/>
  </r>
  <r>
    <s v="110"/>
    <d v="2016-07-15T00:00:00"/>
    <x v="4"/>
    <x v="0"/>
    <s v="10828"/>
    <s v="GLNANDA"/>
    <n v="-697776.53"/>
    <n v="-5624802"/>
    <s v="Billed Revenues"/>
    <s v="EXV"/>
    <s v="NONBU"/>
    <s v="G0000110"/>
    <s v="N"/>
    <s v="MACSS Dist Billed Revenue-03"/>
    <s v=""/>
    <x v="0"/>
    <s v="CAD0330630"/>
    <s v="S"/>
    <s v="KY"/>
    <s v="REV"/>
    <s v="974"/>
    <s v="GLBATCH"/>
    <n v="7"/>
    <n v="2016"/>
  </r>
  <r>
    <s v="110"/>
    <d v="2016-06-15T00:00:00"/>
    <x v="6"/>
    <x v="0"/>
    <s v="10828"/>
    <s v="GLNANDA"/>
    <n v="-142862.10999999999"/>
    <n v="-497503"/>
    <s v="Billed Revenues"/>
    <s v="EXV"/>
    <s v="NONBU"/>
    <s v="G0000110"/>
    <s v="N"/>
    <s v="MACSS Dist Billed Revenue-03"/>
    <s v=""/>
    <x v="0"/>
    <s v="CAD0330630"/>
    <s v="S"/>
    <s v="KY"/>
    <s v="REV"/>
    <s v="974"/>
    <s v="GLBATCH"/>
    <n v="6"/>
    <n v="2016"/>
  </r>
  <r>
    <s v="110"/>
    <d v="2016-06-15T00:00:00"/>
    <x v="6"/>
    <x v="0"/>
    <s v="10828"/>
    <s v="GLNANDA"/>
    <n v="0"/>
    <n v="52"/>
    <s v="Billed Revenues"/>
    <s v="EXV"/>
    <s v="NONBU"/>
    <s v="G0000110"/>
    <s v="N"/>
    <s v="MACSS Dist Billed Revenue-03"/>
    <s v=""/>
    <x v="0"/>
    <s v="CAD0330630"/>
    <s v="S"/>
    <s v="KY"/>
    <s v="REV"/>
    <s v="974"/>
    <s v="GLBATCH"/>
    <n v="6"/>
    <n v="2016"/>
  </r>
  <r>
    <s v="110"/>
    <d v="2016-06-15T00:00:00"/>
    <x v="5"/>
    <x v="0"/>
    <s v="10828"/>
    <s v="GLNANDA"/>
    <n v="-125.11"/>
    <n v="-800"/>
    <s v="Billed Revenues"/>
    <s v="EXV"/>
    <s v="NONBU"/>
    <s v="G0000110"/>
    <s v="N"/>
    <s v="MACSS Dist Billed Revenue-03"/>
    <s v=""/>
    <x v="0"/>
    <s v="CAD0330630"/>
    <s v="S"/>
    <s v="KY"/>
    <s v="REV"/>
    <s v="974"/>
    <s v="GLBATCH"/>
    <n v="6"/>
    <n v="2016"/>
  </r>
  <r>
    <s v="110"/>
    <d v="2016-06-15T00:00:00"/>
    <x v="5"/>
    <x v="0"/>
    <s v="10828"/>
    <s v="GLNANDA"/>
    <n v="0"/>
    <n v="1"/>
    <s v="Billed Revenues"/>
    <s v="EXV"/>
    <s v="NONBU"/>
    <s v="G0000110"/>
    <s v="N"/>
    <s v="MACSS Dist Billed Revenue-03"/>
    <s v=""/>
    <x v="0"/>
    <s v="CAD0330630"/>
    <s v="S"/>
    <s v="KY"/>
    <s v="REV"/>
    <s v="974"/>
    <s v="GLBATCH"/>
    <n v="6"/>
    <n v="2016"/>
  </r>
  <r>
    <s v="110"/>
    <d v="2016-06-15T00:00:00"/>
    <x v="3"/>
    <x v="0"/>
    <s v="10828"/>
    <s v="GLNANDA"/>
    <n v="8585.73"/>
    <n v="-6125"/>
    <s v="Billed Revenues"/>
    <s v="EXV"/>
    <s v="NONBU"/>
    <s v="G0000110"/>
    <s v="N"/>
    <s v="MACSS Dist Billed Revenue-03"/>
    <s v=""/>
    <x v="0"/>
    <s v="CAD0330630"/>
    <s v="S"/>
    <s v="KY"/>
    <s v="REV"/>
    <s v="974"/>
    <s v="GLBATCH"/>
    <n v="6"/>
    <n v="2016"/>
  </r>
  <r>
    <s v="110"/>
    <d v="2016-06-15T00:00:00"/>
    <x v="3"/>
    <x v="0"/>
    <s v="10828"/>
    <s v="GLNANDA"/>
    <n v="0"/>
    <n v="3"/>
    <s v="Billed Revenues"/>
    <s v="EXV"/>
    <s v="NONBU"/>
    <s v="G0000110"/>
    <s v="N"/>
    <s v="MACSS Dist Billed Revenue-03"/>
    <s v=""/>
    <x v="0"/>
    <s v="CAD0330630"/>
    <s v="S"/>
    <s v="KY"/>
    <s v="REV"/>
    <s v="974"/>
    <s v="GLBATCH"/>
    <n v="6"/>
    <n v="2016"/>
  </r>
  <r>
    <s v="110"/>
    <d v="2016-06-15T00:00:00"/>
    <x v="7"/>
    <x v="0"/>
    <s v="10828"/>
    <s v="GLNANDA"/>
    <n v="-32.270000000000003"/>
    <n v="-80"/>
    <s v="Billed Revenues"/>
    <s v="EXV"/>
    <s v="NONBU"/>
    <s v="G0000110"/>
    <s v="N"/>
    <s v="MACSS Dist Billed Revenue-03"/>
    <s v=""/>
    <x v="0"/>
    <s v="CAD0330630"/>
    <s v="S"/>
    <s v="KY"/>
    <s v="REV"/>
    <s v="974"/>
    <s v="GLBATCH"/>
    <n v="6"/>
    <n v="2016"/>
  </r>
  <r>
    <s v="110"/>
    <d v="2016-06-15T00:00:00"/>
    <x v="7"/>
    <x v="0"/>
    <s v="10828"/>
    <s v="GLNANDA"/>
    <n v="0"/>
    <n v="1"/>
    <s v="Billed Revenues"/>
    <s v="EXV"/>
    <s v="NONBU"/>
    <s v="G0000110"/>
    <s v="N"/>
    <s v="MACSS Dist Billed Revenue-03"/>
    <s v=""/>
    <x v="0"/>
    <s v="CAD0330630"/>
    <s v="S"/>
    <s v="KY"/>
    <s v="REV"/>
    <s v="974"/>
    <s v="GLBATCH"/>
    <n v="6"/>
    <n v="2016"/>
  </r>
  <r>
    <s v="110"/>
    <d v="2016-06-15T00:00:00"/>
    <x v="2"/>
    <x v="0"/>
    <s v="10828"/>
    <s v="GLNANDA"/>
    <n v="-6126.79"/>
    <n v="-44334"/>
    <s v="Billed Revenues"/>
    <s v="EXV"/>
    <s v="NONBU"/>
    <s v="G0000110"/>
    <s v="N"/>
    <s v="MACSS Dist Billed Revenue-03"/>
    <s v=""/>
    <x v="0"/>
    <s v="CAD0330630"/>
    <s v="S"/>
    <s v="KY"/>
    <s v="REV"/>
    <s v="974"/>
    <s v="GLBATCH"/>
    <n v="6"/>
    <n v="2016"/>
  </r>
  <r>
    <s v="110"/>
    <d v="2016-06-15T00:00:00"/>
    <x v="2"/>
    <x v="0"/>
    <s v="10828"/>
    <s v="GLNANDA"/>
    <n v="0"/>
    <n v="23"/>
    <s v="Billed Revenues"/>
    <s v="EXV"/>
    <s v="NONBU"/>
    <s v="G0000110"/>
    <s v="N"/>
    <s v="MACSS Dist Billed Revenue-03"/>
    <s v=""/>
    <x v="0"/>
    <s v="CAD0330630"/>
    <s v="S"/>
    <s v="KY"/>
    <s v="REV"/>
    <s v="974"/>
    <s v="GLBATCH"/>
    <n v="6"/>
    <n v="2016"/>
  </r>
  <r>
    <s v="110"/>
    <d v="2016-06-15T00:00:00"/>
    <x v="0"/>
    <x v="0"/>
    <s v="10828"/>
    <s v="GLNANDA"/>
    <n v="-979861.99"/>
    <n v="-15979850"/>
    <s v="Billed Revenues"/>
    <s v="EXV"/>
    <s v="NONBU"/>
    <s v="G0000110"/>
    <s v="N"/>
    <s v="MACSS Dist Billed Revenue-03"/>
    <s v=""/>
    <x v="0"/>
    <s v="CAD0330630"/>
    <s v="S"/>
    <s v="KY"/>
    <s v="REV"/>
    <s v="974"/>
    <s v="GLBATCH"/>
    <n v="6"/>
    <n v="2016"/>
  </r>
  <r>
    <s v="110"/>
    <d v="2016-06-15T00:00:00"/>
    <x v="0"/>
    <x v="0"/>
    <s v="10828"/>
    <s v="GLNANDA"/>
    <n v="0"/>
    <n v="3"/>
    <s v="Billed Revenues"/>
    <s v="EXV"/>
    <s v="NONBU"/>
    <s v="G0000110"/>
    <s v="N"/>
    <s v="MACSS Dist Billed Revenue-03"/>
    <s v=""/>
    <x v="0"/>
    <s v="CAD0330630"/>
    <s v="S"/>
    <s v="KY"/>
    <s v="REV"/>
    <s v="974"/>
    <s v="GLBATCH"/>
    <n v="6"/>
    <n v="2016"/>
  </r>
  <r>
    <s v="110"/>
    <d v="2016-06-15T00:00:00"/>
    <x v="1"/>
    <x v="0"/>
    <s v="10828"/>
    <s v="GLNANDA"/>
    <n v="-1274.05"/>
    <n v="-11376"/>
    <s v="Billed Revenues"/>
    <s v="EXV"/>
    <s v="NONBU"/>
    <s v="G0000110"/>
    <s v="N"/>
    <s v="MACSS Dist Billed Revenue-03"/>
    <s v=""/>
    <x v="0"/>
    <s v="CAD0330630"/>
    <s v="S"/>
    <s v="KY"/>
    <s v="REV"/>
    <s v="974"/>
    <s v="GLBATCH"/>
    <n v="6"/>
    <n v="2016"/>
  </r>
  <r>
    <s v="110"/>
    <d v="2016-06-15T00:00:00"/>
    <x v="1"/>
    <x v="0"/>
    <s v="10828"/>
    <s v="GLNANDA"/>
    <n v="0"/>
    <n v="3"/>
    <s v="Billed Revenues"/>
    <s v="EXV"/>
    <s v="NONBU"/>
    <s v="G0000110"/>
    <s v="N"/>
    <s v="MACSS Dist Billed Revenue-03"/>
    <s v=""/>
    <x v="0"/>
    <s v="CAD0330630"/>
    <s v="S"/>
    <s v="KY"/>
    <s v="REV"/>
    <s v="974"/>
    <s v="GLBATCH"/>
    <n v="6"/>
    <n v="2016"/>
  </r>
  <r>
    <s v="110"/>
    <d v="2016-06-15T00:00:00"/>
    <x v="4"/>
    <x v="0"/>
    <s v="10828"/>
    <s v="GLNANDA"/>
    <n v="0"/>
    <n v="14"/>
    <s v="Billed Revenues"/>
    <s v="EXV"/>
    <s v="NONBU"/>
    <s v="G0000110"/>
    <s v="N"/>
    <s v="MACSS Dist Billed Revenue-03"/>
    <s v=""/>
    <x v="0"/>
    <s v="CAD0330630"/>
    <s v="S"/>
    <s v="KY"/>
    <s v="REV"/>
    <s v="974"/>
    <s v="GLBATCH"/>
    <n v="6"/>
    <n v="2016"/>
  </r>
  <r>
    <s v="110"/>
    <d v="2016-06-15T00:00:00"/>
    <x v="4"/>
    <x v="0"/>
    <s v="10828"/>
    <s v="GLNANDA"/>
    <n v="-1558.02"/>
    <n v="-11829"/>
    <s v="Billed Revenues"/>
    <s v="EXV"/>
    <s v="NONBU"/>
    <s v="G0000110"/>
    <s v="N"/>
    <s v="MACSS Dist Billed Revenue-03"/>
    <s v=""/>
    <x v="0"/>
    <s v="CAD0330630"/>
    <s v="S"/>
    <s v="KY"/>
    <s v="REV"/>
    <s v="974"/>
    <s v="GLBATCH"/>
    <n v="6"/>
    <n v="2016"/>
  </r>
  <r>
    <s v="110"/>
    <d v="2016-07-15T00:00:00"/>
    <x v="1"/>
    <x v="0"/>
    <s v="10828"/>
    <s v="GLNANDA"/>
    <n v="0"/>
    <n v="2853"/>
    <s v="Billed Revenues"/>
    <s v="EXV"/>
    <s v="NONBU"/>
    <s v="G0000110"/>
    <s v="N"/>
    <s v="MACSS Dist Billed Revenue-03"/>
    <s v=""/>
    <x v="0"/>
    <s v="CAD0330701"/>
    <s v="S"/>
    <s v="KY"/>
    <s v="REV"/>
    <s v="974"/>
    <s v="GLBATCH"/>
    <n v="7"/>
    <n v="2016"/>
  </r>
  <r>
    <s v="110"/>
    <d v="2016-07-15T00:00:00"/>
    <x v="4"/>
    <x v="0"/>
    <s v="10828"/>
    <s v="GLNANDA"/>
    <n v="-620063.78"/>
    <n v="-4989265"/>
    <s v="Billed Revenues"/>
    <s v="EXV"/>
    <s v="NONBU"/>
    <s v="G0000110"/>
    <s v="N"/>
    <s v="MACSS Dist Billed Revenue-03"/>
    <s v=""/>
    <x v="0"/>
    <s v="CAD0330701"/>
    <s v="S"/>
    <s v="KY"/>
    <s v="REV"/>
    <s v="974"/>
    <s v="GLBATCH"/>
    <n v="7"/>
    <n v="2016"/>
  </r>
  <r>
    <s v="110"/>
    <d v="2016-07-15T00:00:00"/>
    <x v="5"/>
    <x v="0"/>
    <s v="10828"/>
    <s v="GLNANDA"/>
    <n v="-28684.06"/>
    <n v="-226613"/>
    <s v="Billed Revenues"/>
    <s v="EXV"/>
    <s v="NONBU"/>
    <s v="G0000110"/>
    <s v="N"/>
    <s v="MACSS Dist Billed Revenue-03"/>
    <s v=""/>
    <x v="0"/>
    <s v="CAD0330701"/>
    <s v="S"/>
    <s v="KY"/>
    <s v="REV"/>
    <s v="974"/>
    <s v="GLBATCH"/>
    <n v="7"/>
    <n v="2016"/>
  </r>
  <r>
    <s v="110"/>
    <d v="2016-07-15T00:00:00"/>
    <x v="1"/>
    <x v="0"/>
    <s v="10828"/>
    <s v="GLNANDA"/>
    <n v="-380137.37"/>
    <n v="-3015987"/>
    <s v="Billed Revenues"/>
    <s v="EXV"/>
    <s v="NONBU"/>
    <s v="G0000110"/>
    <s v="N"/>
    <s v="MACSS Dist Billed Revenue-03"/>
    <s v=""/>
    <x v="0"/>
    <s v="CAD0330701"/>
    <s v="S"/>
    <s v="KY"/>
    <s v="REV"/>
    <s v="974"/>
    <s v="GLBATCH"/>
    <n v="7"/>
    <n v="2016"/>
  </r>
  <r>
    <s v="110"/>
    <d v="2016-07-15T00:00:00"/>
    <x v="4"/>
    <x v="0"/>
    <s v="10828"/>
    <s v="GLNANDA"/>
    <n v="0"/>
    <n v="4276"/>
    <s v="Billed Revenues"/>
    <s v="EXV"/>
    <s v="NONBU"/>
    <s v="G0000110"/>
    <s v="N"/>
    <s v="MACSS Dist Billed Revenue-03"/>
    <s v=""/>
    <x v="0"/>
    <s v="CAD0330701"/>
    <s v="S"/>
    <s v="KY"/>
    <s v="REV"/>
    <s v="974"/>
    <s v="GLBATCH"/>
    <n v="7"/>
    <n v="2016"/>
  </r>
  <r>
    <s v="110"/>
    <d v="2016-07-15T00:00:00"/>
    <x v="0"/>
    <x v="0"/>
    <s v="10828"/>
    <s v="GLNANDA"/>
    <n v="-208872.79"/>
    <n v="-2191382"/>
    <s v="Billed Revenues"/>
    <s v="EXV"/>
    <s v="NONBU"/>
    <s v="G0000110"/>
    <s v="N"/>
    <s v="MACSS Dist Billed Revenue-03"/>
    <s v=""/>
    <x v="0"/>
    <s v="CAD0330701"/>
    <s v="S"/>
    <s v="KY"/>
    <s v="REV"/>
    <s v="974"/>
    <s v="GLBATCH"/>
    <n v="7"/>
    <n v="2016"/>
  </r>
  <r>
    <s v="110"/>
    <d v="2016-07-15T00:00:00"/>
    <x v="5"/>
    <x v="0"/>
    <s v="10828"/>
    <s v="GLNANDA"/>
    <n v="0"/>
    <n v="63"/>
    <s v="Billed Revenues"/>
    <s v="EXV"/>
    <s v="NONBU"/>
    <s v="G0000110"/>
    <s v="N"/>
    <s v="MACSS Dist Billed Revenue-03"/>
    <s v=""/>
    <x v="0"/>
    <s v="CAD0330701"/>
    <s v="S"/>
    <s v="KY"/>
    <s v="REV"/>
    <s v="974"/>
    <s v="GLBATCH"/>
    <n v="7"/>
    <n v="2016"/>
  </r>
  <r>
    <s v="110"/>
    <d v="2016-07-15T00:00:00"/>
    <x v="3"/>
    <x v="0"/>
    <s v="10828"/>
    <s v="GLNANDA"/>
    <n v="0"/>
    <n v="13"/>
    <s v="Billed Revenues"/>
    <s v="EXV"/>
    <s v="NONBU"/>
    <s v="G0000110"/>
    <s v="N"/>
    <s v="MACSS Dist Billed Revenue-03"/>
    <s v=""/>
    <x v="0"/>
    <s v="CAD0330701"/>
    <s v="S"/>
    <s v="KY"/>
    <s v="REV"/>
    <s v="974"/>
    <s v="GLBATCH"/>
    <n v="7"/>
    <n v="2016"/>
  </r>
  <r>
    <s v="110"/>
    <d v="2016-07-15T00:00:00"/>
    <x v="3"/>
    <x v="0"/>
    <s v="10828"/>
    <s v="GLNANDA"/>
    <n v="-28442.07"/>
    <n v="-237181"/>
    <s v="Billed Revenues"/>
    <s v="EXV"/>
    <s v="NONBU"/>
    <s v="G0000110"/>
    <s v="N"/>
    <s v="MACSS Dist Billed Revenue-03"/>
    <s v=""/>
    <x v="0"/>
    <s v="CAD0330701"/>
    <s v="S"/>
    <s v="KY"/>
    <s v="REV"/>
    <s v="974"/>
    <s v="GLBATCH"/>
    <n v="7"/>
    <n v="2016"/>
  </r>
  <r>
    <s v="110"/>
    <d v="2016-07-15T00:00:00"/>
    <x v="6"/>
    <x v="0"/>
    <s v="10828"/>
    <s v="GLNANDA"/>
    <n v="-1741.59"/>
    <n v="-10549"/>
    <s v="Billed Revenues"/>
    <s v="EXV"/>
    <s v="NONBU"/>
    <s v="G0000110"/>
    <s v="N"/>
    <s v="MACSS Dist Billed Revenue-03"/>
    <s v=""/>
    <x v="0"/>
    <s v="CAD0330701"/>
    <s v="S"/>
    <s v="KY"/>
    <s v="REV"/>
    <s v="974"/>
    <s v="GLBATCH"/>
    <n v="7"/>
    <n v="2016"/>
  </r>
  <r>
    <s v="110"/>
    <d v="2016-07-15T00:00:00"/>
    <x v="2"/>
    <x v="0"/>
    <s v="10828"/>
    <s v="GLNANDA"/>
    <n v="-303170.32"/>
    <n v="-2525144"/>
    <s v="Billed Revenues"/>
    <s v="EXV"/>
    <s v="NONBU"/>
    <s v="G0000110"/>
    <s v="N"/>
    <s v="MACSS Dist Billed Revenue-03"/>
    <s v=""/>
    <x v="0"/>
    <s v="CAD0330701"/>
    <s v="S"/>
    <s v="KY"/>
    <s v="REV"/>
    <s v="974"/>
    <s v="GLBATCH"/>
    <n v="7"/>
    <n v="2016"/>
  </r>
  <r>
    <s v="110"/>
    <d v="2016-07-15T00:00:00"/>
    <x v="2"/>
    <x v="0"/>
    <s v="10828"/>
    <s v="GLNANDA"/>
    <n v="0"/>
    <n v="1159"/>
    <s v="Billed Revenues"/>
    <s v="EXV"/>
    <s v="NONBU"/>
    <s v="G0000110"/>
    <s v="N"/>
    <s v="MACSS Dist Billed Revenue-03"/>
    <s v=""/>
    <x v="0"/>
    <s v="CAD0330701"/>
    <s v="S"/>
    <s v="KY"/>
    <s v="REV"/>
    <s v="974"/>
    <s v="GLBATCH"/>
    <n v="7"/>
    <n v="2016"/>
  </r>
  <r>
    <s v="110"/>
    <d v="2016-07-15T00:00:00"/>
    <x v="7"/>
    <x v="0"/>
    <s v="10828"/>
    <s v="GLNANDA"/>
    <n v="0"/>
    <n v="40"/>
    <s v="Billed Revenues"/>
    <s v="EXV"/>
    <s v="NONBU"/>
    <s v="G0000110"/>
    <s v="N"/>
    <s v="MACSS Dist Billed Revenue-03"/>
    <s v=""/>
    <x v="0"/>
    <s v="CAD0330701"/>
    <s v="S"/>
    <s v="KY"/>
    <s v="REV"/>
    <s v="974"/>
    <s v="GLBATCH"/>
    <n v="7"/>
    <n v="2016"/>
  </r>
  <r>
    <s v="110"/>
    <d v="2016-07-15T00:00:00"/>
    <x v="7"/>
    <x v="0"/>
    <s v="10828"/>
    <s v="GLNANDA"/>
    <n v="-58883.94"/>
    <n v="-460876"/>
    <s v="Billed Revenues"/>
    <s v="EXV"/>
    <s v="NONBU"/>
    <s v="G0000110"/>
    <s v="N"/>
    <s v="MACSS Dist Billed Revenue-03"/>
    <s v=""/>
    <x v="0"/>
    <s v="CAD0330701"/>
    <s v="S"/>
    <s v="KY"/>
    <s v="REV"/>
    <s v="974"/>
    <s v="GLBATCH"/>
    <n v="7"/>
    <n v="2016"/>
  </r>
  <r>
    <s v="110"/>
    <d v="2016-07-15T00:00:00"/>
    <x v="0"/>
    <x v="0"/>
    <s v="10828"/>
    <s v="GLNANDA"/>
    <n v="0"/>
    <n v="34"/>
    <s v="Billed Revenues"/>
    <s v="EXV"/>
    <s v="NONBU"/>
    <s v="G0000110"/>
    <s v="N"/>
    <s v="MACSS Dist Billed Revenue-03"/>
    <s v=""/>
    <x v="0"/>
    <s v="CAD0330701"/>
    <s v="S"/>
    <s v="KY"/>
    <s v="REV"/>
    <s v="974"/>
    <s v="GLBATCH"/>
    <n v="7"/>
    <n v="2016"/>
  </r>
  <r>
    <s v="110"/>
    <d v="2016-07-15T00:00:00"/>
    <x v="6"/>
    <x v="0"/>
    <s v="10828"/>
    <s v="GLNANDA"/>
    <n v="0"/>
    <n v="18"/>
    <s v="Billed Revenues"/>
    <s v="EXV"/>
    <s v="NONBU"/>
    <s v="G0000110"/>
    <s v="N"/>
    <s v="MACSS Dist Billed Revenue-03"/>
    <s v=""/>
    <x v="0"/>
    <s v="CAD0330701"/>
    <s v="S"/>
    <s v="KY"/>
    <s v="REV"/>
    <s v="974"/>
    <s v="GLBATCH"/>
    <n v="7"/>
    <n v="2016"/>
  </r>
  <r>
    <s v="110"/>
    <d v="2016-06-15T00:00:00"/>
    <x v="1"/>
    <x v="0"/>
    <s v="10828"/>
    <s v="GLNANDA"/>
    <n v="-1563.26"/>
    <n v="-13069"/>
    <s v="Billed Revenues"/>
    <s v="EXV"/>
    <s v="NONBU"/>
    <s v="G0000110"/>
    <s v="N"/>
    <s v="MACSS Dist Billed Revenue-03"/>
    <s v=""/>
    <x v="0"/>
    <s v="CAD0330701"/>
    <s v="S"/>
    <s v="KY"/>
    <s v="REV"/>
    <s v="974"/>
    <s v="GLBATCH"/>
    <n v="6"/>
    <n v="2016"/>
  </r>
  <r>
    <s v="110"/>
    <d v="2016-06-15T00:00:00"/>
    <x v="2"/>
    <x v="0"/>
    <s v="10828"/>
    <s v="GLNANDA"/>
    <n v="-4882.87"/>
    <n v="-38402"/>
    <s v="Billed Revenues"/>
    <s v="EXV"/>
    <s v="NONBU"/>
    <s v="G0000110"/>
    <s v="N"/>
    <s v="MACSS Dist Billed Revenue-03"/>
    <s v=""/>
    <x v="0"/>
    <s v="CAD0330701"/>
    <s v="S"/>
    <s v="KY"/>
    <s v="REV"/>
    <s v="974"/>
    <s v="GLBATCH"/>
    <n v="6"/>
    <n v="2016"/>
  </r>
  <r>
    <s v="110"/>
    <d v="2016-06-15T00:00:00"/>
    <x v="2"/>
    <x v="0"/>
    <s v="10828"/>
    <s v="GLNANDA"/>
    <n v="0"/>
    <n v="6"/>
    <s v="Billed Revenues"/>
    <s v="EXV"/>
    <s v="NONBU"/>
    <s v="G0000110"/>
    <s v="N"/>
    <s v="MACSS Dist Billed Revenue-03"/>
    <s v=""/>
    <x v="0"/>
    <s v="CAD0330701"/>
    <s v="S"/>
    <s v="KY"/>
    <s v="REV"/>
    <s v="974"/>
    <s v="GLBATCH"/>
    <n v="6"/>
    <n v="2016"/>
  </r>
  <r>
    <s v="110"/>
    <d v="2016-06-15T00:00:00"/>
    <x v="4"/>
    <x v="0"/>
    <s v="10828"/>
    <s v="GLNANDA"/>
    <n v="-201.15"/>
    <n v="-1493"/>
    <s v="Billed Revenues"/>
    <s v="EXV"/>
    <s v="NONBU"/>
    <s v="G0000110"/>
    <s v="N"/>
    <s v="MACSS Dist Billed Revenue-03"/>
    <s v=""/>
    <x v="0"/>
    <s v="CAD0330701"/>
    <s v="S"/>
    <s v="KY"/>
    <s v="REV"/>
    <s v="974"/>
    <s v="GLBATCH"/>
    <n v="6"/>
    <n v="2016"/>
  </r>
  <r>
    <s v="110"/>
    <d v="2016-06-15T00:00:00"/>
    <x v="4"/>
    <x v="0"/>
    <s v="10828"/>
    <s v="GLNANDA"/>
    <n v="0"/>
    <n v="4"/>
    <s v="Billed Revenues"/>
    <s v="EXV"/>
    <s v="NONBU"/>
    <s v="G0000110"/>
    <s v="N"/>
    <s v="MACSS Dist Billed Revenue-03"/>
    <s v=""/>
    <x v="0"/>
    <s v="CAD0330701"/>
    <s v="S"/>
    <s v="KY"/>
    <s v="REV"/>
    <s v="974"/>
    <s v="GLBATCH"/>
    <n v="6"/>
    <n v="2016"/>
  </r>
  <r>
    <s v="110"/>
    <d v="2016-06-15T00:00:00"/>
    <x v="5"/>
    <x v="0"/>
    <s v="10828"/>
    <s v="GLNANDA"/>
    <n v="-512.38"/>
    <n v="-3364"/>
    <s v="Billed Revenues"/>
    <s v="EXV"/>
    <s v="NONBU"/>
    <s v="G0000110"/>
    <s v="N"/>
    <s v="MACSS Dist Billed Revenue-03"/>
    <s v=""/>
    <x v="0"/>
    <s v="CAD0330701"/>
    <s v="S"/>
    <s v="KY"/>
    <s v="REV"/>
    <s v="974"/>
    <s v="GLBATCH"/>
    <n v="6"/>
    <n v="2016"/>
  </r>
  <r>
    <s v="110"/>
    <d v="2016-06-15T00:00:00"/>
    <x v="5"/>
    <x v="0"/>
    <s v="10828"/>
    <s v="GLNANDA"/>
    <n v="0"/>
    <n v="2"/>
    <s v="Billed Revenues"/>
    <s v="EXV"/>
    <s v="NONBU"/>
    <s v="G0000110"/>
    <s v="N"/>
    <s v="MACSS Dist Billed Revenue-03"/>
    <s v=""/>
    <x v="0"/>
    <s v="CAD0330701"/>
    <s v="S"/>
    <s v="KY"/>
    <s v="REV"/>
    <s v="974"/>
    <s v="GLBATCH"/>
    <n v="6"/>
    <n v="2016"/>
  </r>
  <r>
    <s v="110"/>
    <d v="2016-06-15T00:00:00"/>
    <x v="7"/>
    <x v="0"/>
    <s v="10828"/>
    <s v="GLNANDA"/>
    <n v="-2265.52"/>
    <n v="-17400"/>
    <s v="Billed Revenues"/>
    <s v="EXV"/>
    <s v="NONBU"/>
    <s v="G0000110"/>
    <s v="N"/>
    <s v="MACSS Dist Billed Revenue-03"/>
    <s v=""/>
    <x v="0"/>
    <s v="CAD0330701"/>
    <s v="S"/>
    <s v="KY"/>
    <s v="REV"/>
    <s v="974"/>
    <s v="GLBATCH"/>
    <n v="6"/>
    <n v="2016"/>
  </r>
  <r>
    <s v="110"/>
    <d v="2016-06-15T00:00:00"/>
    <x v="7"/>
    <x v="0"/>
    <s v="10828"/>
    <s v="GLNANDA"/>
    <n v="0"/>
    <n v="1"/>
    <s v="Billed Revenues"/>
    <s v="EXV"/>
    <s v="NONBU"/>
    <s v="G0000110"/>
    <s v="N"/>
    <s v="MACSS Dist Billed Revenue-03"/>
    <s v=""/>
    <x v="0"/>
    <s v="CAD0330701"/>
    <s v="S"/>
    <s v="KY"/>
    <s v="REV"/>
    <s v="974"/>
    <s v="GLBATCH"/>
    <n v="6"/>
    <n v="2016"/>
  </r>
  <r>
    <s v="110"/>
    <d v="2016-06-15T00:00:00"/>
    <x v="1"/>
    <x v="0"/>
    <s v="10828"/>
    <s v="GLNANDA"/>
    <n v="0"/>
    <n v="5"/>
    <s v="Billed Revenues"/>
    <s v="EXV"/>
    <s v="NONBU"/>
    <s v="G0000110"/>
    <s v="N"/>
    <s v="MACSS Dist Billed Revenue-03"/>
    <s v=""/>
    <x v="0"/>
    <s v="CAD0330701"/>
    <s v="S"/>
    <s v="KY"/>
    <s v="REV"/>
    <s v="974"/>
    <s v="GLBATCH"/>
    <n v="6"/>
    <n v="2016"/>
  </r>
  <r>
    <s v="110"/>
    <d v="2016-06-15T00:00:00"/>
    <x v="3"/>
    <x v="0"/>
    <s v="10828"/>
    <s v="GLNANDA"/>
    <n v="-3173.01"/>
    <n v="-60600"/>
    <s v="Billed Revenues"/>
    <s v="EXV"/>
    <s v="NONBU"/>
    <s v="G0000110"/>
    <s v="N"/>
    <s v="MACSS Dist Billed Revenue-03"/>
    <s v=""/>
    <x v="0"/>
    <s v="CAD0330701"/>
    <s v="S"/>
    <s v="KY"/>
    <s v="REV"/>
    <s v="974"/>
    <s v="GLBATCH"/>
    <n v="6"/>
    <n v="2016"/>
  </r>
  <r>
    <s v="110"/>
    <d v="2016-06-15T00:00:00"/>
    <x v="3"/>
    <x v="0"/>
    <s v="10828"/>
    <s v="GLNANDA"/>
    <n v="0"/>
    <n v="2"/>
    <s v="Billed Revenues"/>
    <s v="EXV"/>
    <s v="NONBU"/>
    <s v="G0000110"/>
    <s v="N"/>
    <s v="MACSS Dist Billed Revenue-03"/>
    <s v=""/>
    <x v="0"/>
    <s v="CAD0330701"/>
    <s v="S"/>
    <s v="KY"/>
    <s v="REV"/>
    <s v="974"/>
    <s v="GLBATCH"/>
    <n v="6"/>
    <n v="2016"/>
  </r>
  <r>
    <s v="110"/>
    <d v="2016-06-15T00:00:00"/>
    <x v="0"/>
    <x v="0"/>
    <s v="10828"/>
    <s v="GLNANDA"/>
    <n v="-914318.96"/>
    <n v="-12633440"/>
    <s v="Billed Revenues"/>
    <s v="EXV"/>
    <s v="NONBU"/>
    <s v="G0000110"/>
    <s v="N"/>
    <s v="MACSS Dist Billed Revenue-03"/>
    <s v=""/>
    <x v="0"/>
    <s v="CAD0330701"/>
    <s v="S"/>
    <s v="KY"/>
    <s v="REV"/>
    <s v="974"/>
    <s v="GLBATCH"/>
    <n v="6"/>
    <n v="2016"/>
  </r>
  <r>
    <s v="110"/>
    <d v="2016-06-15T00:00:00"/>
    <x v="0"/>
    <x v="0"/>
    <s v="10828"/>
    <s v="GLNANDA"/>
    <n v="0"/>
    <n v="4"/>
    <s v="Billed Revenues"/>
    <s v="EXV"/>
    <s v="NONBU"/>
    <s v="G0000110"/>
    <s v="N"/>
    <s v="MACSS Dist Billed Revenue-03"/>
    <s v=""/>
    <x v="0"/>
    <s v="CAD0330701"/>
    <s v="S"/>
    <s v="KY"/>
    <s v="REV"/>
    <s v="974"/>
    <s v="GLBATCH"/>
    <n v="6"/>
    <n v="2016"/>
  </r>
  <r>
    <s v="110"/>
    <d v="2016-07-15T00:00:00"/>
    <x v="4"/>
    <x v="0"/>
    <s v="10828"/>
    <s v="GLNANDA"/>
    <n v="0"/>
    <n v="3374"/>
    <s v="Billed Revenues"/>
    <s v="EXV"/>
    <s v="NONBU"/>
    <s v="G0000110"/>
    <s v="N"/>
    <s v="MACSS Dist Billed Revenue-03"/>
    <s v=""/>
    <x v="0"/>
    <s v="CAD0330705"/>
    <s v="S"/>
    <s v="KY"/>
    <s v="REV"/>
    <s v="974"/>
    <s v="GLBATCH"/>
    <n v="7"/>
    <n v="2016"/>
  </r>
  <r>
    <s v="110"/>
    <d v="2016-07-15T00:00:00"/>
    <x v="1"/>
    <x v="0"/>
    <s v="10828"/>
    <s v="GLNANDA"/>
    <n v="-485590.92"/>
    <n v="-3941706"/>
    <s v="Billed Revenues"/>
    <s v="EXV"/>
    <s v="NONBU"/>
    <s v="G0000110"/>
    <s v="N"/>
    <s v="MACSS Dist Billed Revenue-03"/>
    <s v=""/>
    <x v="0"/>
    <s v="CAD0330705"/>
    <s v="S"/>
    <s v="KY"/>
    <s v="REV"/>
    <s v="974"/>
    <s v="GLBATCH"/>
    <n v="7"/>
    <n v="2016"/>
  </r>
  <r>
    <s v="110"/>
    <d v="2016-07-15T00:00:00"/>
    <x v="6"/>
    <x v="0"/>
    <s v="10828"/>
    <s v="GLNANDA"/>
    <n v="0"/>
    <n v="20"/>
    <s v="Billed Revenues"/>
    <s v="EXV"/>
    <s v="NONBU"/>
    <s v="G0000110"/>
    <s v="N"/>
    <s v="MACSS Dist Billed Revenue-03"/>
    <s v=""/>
    <x v="0"/>
    <s v="CAD0330705"/>
    <s v="S"/>
    <s v="KY"/>
    <s v="REV"/>
    <s v="974"/>
    <s v="GLBATCH"/>
    <n v="7"/>
    <n v="2016"/>
  </r>
  <r>
    <s v="110"/>
    <d v="2016-07-15T00:00:00"/>
    <x v="2"/>
    <x v="0"/>
    <s v="10828"/>
    <s v="GLNANDA"/>
    <n v="0"/>
    <n v="1295"/>
    <s v="Billed Revenues"/>
    <s v="EXV"/>
    <s v="NONBU"/>
    <s v="G0000110"/>
    <s v="N"/>
    <s v="MACSS Dist Billed Revenue-03"/>
    <s v=""/>
    <x v="0"/>
    <s v="CAD0330705"/>
    <s v="S"/>
    <s v="KY"/>
    <s v="REV"/>
    <s v="974"/>
    <s v="GLBATCH"/>
    <n v="7"/>
    <n v="2016"/>
  </r>
  <r>
    <s v="110"/>
    <d v="2016-07-15T00:00:00"/>
    <x v="2"/>
    <x v="0"/>
    <s v="10828"/>
    <s v="GLNANDA"/>
    <n v="-661078.31000000006"/>
    <n v="-5809693"/>
    <s v="Billed Revenues"/>
    <s v="EXV"/>
    <s v="NONBU"/>
    <s v="G0000110"/>
    <s v="N"/>
    <s v="MACSS Dist Billed Revenue-03"/>
    <s v=""/>
    <x v="0"/>
    <s v="CAD0330705"/>
    <s v="S"/>
    <s v="KY"/>
    <s v="REV"/>
    <s v="974"/>
    <s v="GLBATCH"/>
    <n v="7"/>
    <n v="2016"/>
  </r>
  <r>
    <s v="110"/>
    <d v="2016-07-15T00:00:00"/>
    <x v="7"/>
    <x v="0"/>
    <s v="10828"/>
    <s v="GLNANDA"/>
    <n v="-64093.56"/>
    <n v="-503045"/>
    <s v="Billed Revenues"/>
    <s v="EXV"/>
    <s v="NONBU"/>
    <s v="G0000110"/>
    <s v="N"/>
    <s v="MACSS Dist Billed Revenue-03"/>
    <s v=""/>
    <x v="0"/>
    <s v="CAD0330705"/>
    <s v="S"/>
    <s v="KY"/>
    <s v="REV"/>
    <s v="974"/>
    <s v="GLBATCH"/>
    <n v="7"/>
    <n v="2016"/>
  </r>
  <r>
    <s v="110"/>
    <d v="2016-07-15T00:00:00"/>
    <x v="7"/>
    <x v="0"/>
    <s v="10828"/>
    <s v="GLNANDA"/>
    <n v="0"/>
    <n v="43"/>
    <s v="Billed Revenues"/>
    <s v="EXV"/>
    <s v="NONBU"/>
    <s v="G0000110"/>
    <s v="N"/>
    <s v="MACSS Dist Billed Revenue-03"/>
    <s v=""/>
    <x v="0"/>
    <s v="CAD0330705"/>
    <s v="S"/>
    <s v="KY"/>
    <s v="REV"/>
    <s v="974"/>
    <s v="GLBATCH"/>
    <n v="7"/>
    <n v="2016"/>
  </r>
  <r>
    <s v="110"/>
    <d v="2016-07-15T00:00:00"/>
    <x v="3"/>
    <x v="0"/>
    <s v="10828"/>
    <s v="GLNANDA"/>
    <n v="0"/>
    <n v="17"/>
    <s v="Billed Revenues"/>
    <s v="EXV"/>
    <s v="NONBU"/>
    <s v="G0000110"/>
    <s v="N"/>
    <s v="MACSS Dist Billed Revenue-03"/>
    <s v=""/>
    <x v="0"/>
    <s v="CAD0330705"/>
    <s v="S"/>
    <s v="KY"/>
    <s v="REV"/>
    <s v="974"/>
    <s v="GLBATCH"/>
    <n v="7"/>
    <n v="2016"/>
  </r>
  <r>
    <s v="110"/>
    <d v="2016-07-15T00:00:00"/>
    <x v="3"/>
    <x v="0"/>
    <s v="10828"/>
    <s v="GLNANDA"/>
    <n v="-43633.84"/>
    <n v="-338395"/>
    <s v="Billed Revenues"/>
    <s v="EXV"/>
    <s v="NONBU"/>
    <s v="G0000110"/>
    <s v="N"/>
    <s v="MACSS Dist Billed Revenue-03"/>
    <s v=""/>
    <x v="0"/>
    <s v="CAD0330705"/>
    <s v="S"/>
    <s v="KY"/>
    <s v="REV"/>
    <s v="974"/>
    <s v="GLBATCH"/>
    <n v="7"/>
    <n v="2016"/>
  </r>
  <r>
    <s v="110"/>
    <d v="2016-07-15T00:00:00"/>
    <x v="0"/>
    <x v="0"/>
    <s v="10828"/>
    <s v="GLNANDA"/>
    <n v="-101212.74"/>
    <n v="-1030731"/>
    <s v="Billed Revenues"/>
    <s v="EXV"/>
    <s v="NONBU"/>
    <s v="G0000110"/>
    <s v="N"/>
    <s v="MACSS Dist Billed Revenue-03"/>
    <s v=""/>
    <x v="0"/>
    <s v="CAD0330705"/>
    <s v="S"/>
    <s v="KY"/>
    <s v="REV"/>
    <s v="974"/>
    <s v="GLBATCH"/>
    <n v="7"/>
    <n v="2016"/>
  </r>
  <r>
    <s v="110"/>
    <d v="2016-07-15T00:00:00"/>
    <x v="5"/>
    <x v="0"/>
    <s v="10828"/>
    <s v="GLNANDA"/>
    <n v="0"/>
    <n v="160"/>
    <s v="Billed Revenues"/>
    <s v="EXV"/>
    <s v="NONBU"/>
    <s v="G0000110"/>
    <s v="N"/>
    <s v="MACSS Dist Billed Revenue-03"/>
    <s v=""/>
    <x v="0"/>
    <s v="CAD0330705"/>
    <s v="S"/>
    <s v="KY"/>
    <s v="REV"/>
    <s v="974"/>
    <s v="GLBATCH"/>
    <n v="7"/>
    <n v="2016"/>
  </r>
  <r>
    <s v="110"/>
    <d v="2016-07-15T00:00:00"/>
    <x v="0"/>
    <x v="0"/>
    <s v="10828"/>
    <s v="GLNANDA"/>
    <n v="0"/>
    <n v="31"/>
    <s v="Billed Revenues"/>
    <s v="EXV"/>
    <s v="NONBU"/>
    <s v="G0000110"/>
    <s v="N"/>
    <s v="MACSS Dist Billed Revenue-03"/>
    <s v=""/>
    <x v="0"/>
    <s v="CAD0330705"/>
    <s v="S"/>
    <s v="KY"/>
    <s v="REV"/>
    <s v="974"/>
    <s v="GLBATCH"/>
    <n v="7"/>
    <n v="2016"/>
  </r>
  <r>
    <s v="110"/>
    <d v="2016-07-15T00:00:00"/>
    <x v="5"/>
    <x v="0"/>
    <s v="10828"/>
    <s v="GLNANDA"/>
    <n v="-214548.59"/>
    <n v="-2226814"/>
    <s v="Billed Revenues"/>
    <s v="EXV"/>
    <s v="NONBU"/>
    <s v="G0000110"/>
    <s v="N"/>
    <s v="MACSS Dist Billed Revenue-03"/>
    <s v=""/>
    <x v="0"/>
    <s v="CAD0330705"/>
    <s v="S"/>
    <s v="KY"/>
    <s v="REV"/>
    <s v="974"/>
    <s v="GLBATCH"/>
    <n v="7"/>
    <n v="2016"/>
  </r>
  <r>
    <s v="110"/>
    <d v="2016-07-15T00:00:00"/>
    <x v="4"/>
    <x v="0"/>
    <s v="10828"/>
    <s v="GLNANDA"/>
    <n v="-500518.03"/>
    <n v="-4042748"/>
    <s v="Billed Revenues"/>
    <s v="EXV"/>
    <s v="NONBU"/>
    <s v="G0000110"/>
    <s v="N"/>
    <s v="MACSS Dist Billed Revenue-03"/>
    <s v=""/>
    <x v="0"/>
    <s v="CAD0330705"/>
    <s v="S"/>
    <s v="KY"/>
    <s v="REV"/>
    <s v="974"/>
    <s v="GLBATCH"/>
    <n v="7"/>
    <n v="2016"/>
  </r>
  <r>
    <s v="110"/>
    <d v="2016-07-15T00:00:00"/>
    <x v="1"/>
    <x v="0"/>
    <s v="10828"/>
    <s v="GLNANDA"/>
    <n v="0"/>
    <n v="3240"/>
    <s v="Billed Revenues"/>
    <s v="EXV"/>
    <s v="NONBU"/>
    <s v="G0000110"/>
    <s v="N"/>
    <s v="MACSS Dist Billed Revenue-03"/>
    <s v=""/>
    <x v="0"/>
    <s v="CAD0330705"/>
    <s v="S"/>
    <s v="KY"/>
    <s v="REV"/>
    <s v="974"/>
    <s v="GLBATCH"/>
    <n v="7"/>
    <n v="2016"/>
  </r>
  <r>
    <s v="110"/>
    <d v="2016-07-15T00:00:00"/>
    <x v="6"/>
    <x v="0"/>
    <s v="10828"/>
    <s v="GLNANDA"/>
    <n v="-814.91"/>
    <n v="-1907"/>
    <s v="Billed Revenues"/>
    <s v="EXV"/>
    <s v="NONBU"/>
    <s v="G0000110"/>
    <s v="N"/>
    <s v="MACSS Dist Billed Revenue-03"/>
    <s v=""/>
    <x v="0"/>
    <s v="CAD0330705"/>
    <s v="S"/>
    <s v="KY"/>
    <s v="REV"/>
    <s v="974"/>
    <s v="GLBATCH"/>
    <n v="7"/>
    <n v="2016"/>
  </r>
  <r>
    <s v="110"/>
    <d v="2016-07-15T00:00:00"/>
    <x v="7"/>
    <x v="0"/>
    <s v="10828"/>
    <s v="GLNANDA"/>
    <n v="0"/>
    <n v="47"/>
    <s v="Billed Revenues"/>
    <s v="EXV"/>
    <s v="NONBU"/>
    <s v="G0000110"/>
    <s v="N"/>
    <s v="MACSS Dist Billed Revenue-03"/>
    <s v=""/>
    <x v="0"/>
    <s v="CAD0330706"/>
    <s v="S"/>
    <s v="KY"/>
    <s v="REV"/>
    <s v="974"/>
    <s v="GLBATCH"/>
    <n v="7"/>
    <n v="2016"/>
  </r>
  <r>
    <s v="110"/>
    <d v="2016-07-15T00:00:00"/>
    <x v="7"/>
    <x v="0"/>
    <s v="10828"/>
    <s v="GLNANDA"/>
    <n v="-106728.11"/>
    <n v="-895710"/>
    <s v="Billed Revenues"/>
    <s v="EXV"/>
    <s v="NONBU"/>
    <s v="G0000110"/>
    <s v="N"/>
    <s v="MACSS Dist Billed Revenue-03"/>
    <s v=""/>
    <x v="0"/>
    <s v="CAD0330706"/>
    <s v="S"/>
    <s v="KY"/>
    <s v="REV"/>
    <s v="974"/>
    <s v="GLBATCH"/>
    <n v="7"/>
    <n v="2016"/>
  </r>
  <r>
    <s v="110"/>
    <d v="2016-07-15T00:00:00"/>
    <x v="6"/>
    <x v="0"/>
    <s v="10828"/>
    <s v="GLNANDA"/>
    <n v="0"/>
    <n v="19"/>
    <s v="Billed Revenues"/>
    <s v="EXV"/>
    <s v="NONBU"/>
    <s v="G0000110"/>
    <s v="N"/>
    <s v="MACSS Dist Billed Revenue-03"/>
    <s v=""/>
    <x v="0"/>
    <s v="CAD0330706"/>
    <s v="S"/>
    <s v="KY"/>
    <s v="REV"/>
    <s v="974"/>
    <s v="GLBATCH"/>
    <n v="7"/>
    <n v="2016"/>
  </r>
  <r>
    <s v="110"/>
    <d v="2016-07-15T00:00:00"/>
    <x v="6"/>
    <x v="0"/>
    <s v="10828"/>
    <s v="GLNANDA"/>
    <n v="-2081.23"/>
    <n v="-13810"/>
    <s v="Billed Revenues"/>
    <s v="EXV"/>
    <s v="NONBU"/>
    <s v="G0000110"/>
    <s v="N"/>
    <s v="MACSS Dist Billed Revenue-03"/>
    <s v=""/>
    <x v="0"/>
    <s v="CAD0330706"/>
    <s v="S"/>
    <s v="KY"/>
    <s v="REV"/>
    <s v="974"/>
    <s v="GLBATCH"/>
    <n v="7"/>
    <n v="2016"/>
  </r>
  <r>
    <s v="110"/>
    <d v="2016-07-15T00:00:00"/>
    <x v="5"/>
    <x v="0"/>
    <s v="10828"/>
    <s v="GLNANDA"/>
    <n v="0"/>
    <n v="228"/>
    <s v="Billed Revenues"/>
    <s v="EXV"/>
    <s v="NONBU"/>
    <s v="G0000110"/>
    <s v="N"/>
    <s v="MACSS Dist Billed Revenue-03"/>
    <s v=""/>
    <x v="0"/>
    <s v="CAD0330706"/>
    <s v="S"/>
    <s v="KY"/>
    <s v="REV"/>
    <s v="974"/>
    <s v="GLBATCH"/>
    <n v="7"/>
    <n v="2016"/>
  </r>
  <r>
    <s v="110"/>
    <d v="2016-07-15T00:00:00"/>
    <x v="5"/>
    <x v="0"/>
    <s v="10828"/>
    <s v="GLNANDA"/>
    <n v="-104207.14"/>
    <n v="-836110"/>
    <s v="Billed Revenues"/>
    <s v="EXV"/>
    <s v="NONBU"/>
    <s v="G0000110"/>
    <s v="N"/>
    <s v="MACSS Dist Billed Revenue-03"/>
    <s v=""/>
    <x v="0"/>
    <s v="CAD0330706"/>
    <s v="S"/>
    <s v="KY"/>
    <s v="REV"/>
    <s v="974"/>
    <s v="GLBATCH"/>
    <n v="7"/>
    <n v="2016"/>
  </r>
  <r>
    <s v="110"/>
    <d v="2016-07-15T00:00:00"/>
    <x v="4"/>
    <x v="0"/>
    <s v="10828"/>
    <s v="GLNANDA"/>
    <n v="0"/>
    <n v="3950"/>
    <s v="Billed Revenues"/>
    <s v="EXV"/>
    <s v="NONBU"/>
    <s v="G0000110"/>
    <s v="N"/>
    <s v="MACSS Dist Billed Revenue-03"/>
    <s v=""/>
    <x v="0"/>
    <s v="CAD0330706"/>
    <s v="S"/>
    <s v="KY"/>
    <s v="REV"/>
    <s v="974"/>
    <s v="GLBATCH"/>
    <n v="7"/>
    <n v="2016"/>
  </r>
  <r>
    <s v="110"/>
    <d v="2016-07-15T00:00:00"/>
    <x v="4"/>
    <x v="0"/>
    <s v="10828"/>
    <s v="GLNANDA"/>
    <n v="-641396.05000000005"/>
    <n v="-5230222"/>
    <s v="Billed Revenues"/>
    <s v="EXV"/>
    <s v="NONBU"/>
    <s v="G0000110"/>
    <s v="N"/>
    <s v="MACSS Dist Billed Revenue-03"/>
    <s v=""/>
    <x v="0"/>
    <s v="CAD0330706"/>
    <s v="S"/>
    <s v="KY"/>
    <s v="REV"/>
    <s v="974"/>
    <s v="GLBATCH"/>
    <n v="7"/>
    <n v="2016"/>
  </r>
  <r>
    <s v="110"/>
    <d v="2016-07-15T00:00:00"/>
    <x v="1"/>
    <x v="0"/>
    <s v="10828"/>
    <s v="GLNANDA"/>
    <n v="0"/>
    <n v="3297"/>
    <s v="Billed Revenues"/>
    <s v="EXV"/>
    <s v="NONBU"/>
    <s v="G0000110"/>
    <s v="N"/>
    <s v="MACSS Dist Billed Revenue-03"/>
    <s v=""/>
    <x v="0"/>
    <s v="CAD0330706"/>
    <s v="S"/>
    <s v="KY"/>
    <s v="REV"/>
    <s v="974"/>
    <s v="GLBATCH"/>
    <n v="7"/>
    <n v="2016"/>
  </r>
  <r>
    <s v="110"/>
    <d v="2016-07-15T00:00:00"/>
    <x v="1"/>
    <x v="0"/>
    <s v="10828"/>
    <s v="GLNANDA"/>
    <n v="-524433.91"/>
    <n v="-4283316"/>
    <s v="Billed Revenues"/>
    <s v="EXV"/>
    <s v="NONBU"/>
    <s v="G0000110"/>
    <s v="N"/>
    <s v="MACSS Dist Billed Revenue-03"/>
    <s v=""/>
    <x v="0"/>
    <s v="CAD0330706"/>
    <s v="S"/>
    <s v="KY"/>
    <s v="REV"/>
    <s v="974"/>
    <s v="GLBATCH"/>
    <n v="7"/>
    <n v="2016"/>
  </r>
  <r>
    <s v="110"/>
    <d v="2016-07-15T00:00:00"/>
    <x v="0"/>
    <x v="0"/>
    <s v="10828"/>
    <s v="GLNANDA"/>
    <n v="0"/>
    <n v="23"/>
    <s v="Billed Revenues"/>
    <s v="EXV"/>
    <s v="NONBU"/>
    <s v="G0000110"/>
    <s v="N"/>
    <s v="MACSS Dist Billed Revenue-03"/>
    <s v=""/>
    <x v="0"/>
    <s v="CAD0330706"/>
    <s v="S"/>
    <s v="KY"/>
    <s v="REV"/>
    <s v="974"/>
    <s v="GLBATCH"/>
    <n v="7"/>
    <n v="2016"/>
  </r>
  <r>
    <s v="110"/>
    <d v="2016-07-15T00:00:00"/>
    <x v="0"/>
    <x v="0"/>
    <s v="10828"/>
    <s v="GLNANDA"/>
    <n v="-143411.4"/>
    <n v="-1212329"/>
    <s v="Billed Revenues"/>
    <s v="EXV"/>
    <s v="NONBU"/>
    <s v="G0000110"/>
    <s v="N"/>
    <s v="MACSS Dist Billed Revenue-03"/>
    <s v=""/>
    <x v="0"/>
    <s v="CAD0330706"/>
    <s v="S"/>
    <s v="KY"/>
    <s v="REV"/>
    <s v="974"/>
    <s v="GLBATCH"/>
    <n v="7"/>
    <n v="2016"/>
  </r>
  <r>
    <s v="110"/>
    <d v="2016-07-15T00:00:00"/>
    <x v="2"/>
    <x v="0"/>
    <s v="10828"/>
    <s v="GLNANDA"/>
    <n v="0"/>
    <n v="1237"/>
    <s v="Billed Revenues"/>
    <s v="EXV"/>
    <s v="NONBU"/>
    <s v="G0000110"/>
    <s v="N"/>
    <s v="MACSS Dist Billed Revenue-03"/>
    <s v=""/>
    <x v="0"/>
    <s v="CAD0330706"/>
    <s v="S"/>
    <s v="KY"/>
    <s v="REV"/>
    <s v="974"/>
    <s v="GLBATCH"/>
    <n v="7"/>
    <n v="2016"/>
  </r>
  <r>
    <s v="110"/>
    <d v="2016-07-15T00:00:00"/>
    <x v="2"/>
    <x v="0"/>
    <s v="10828"/>
    <s v="GLNANDA"/>
    <n v="-418051.82"/>
    <n v="-3302713"/>
    <s v="Billed Revenues"/>
    <s v="EXV"/>
    <s v="NONBU"/>
    <s v="G0000110"/>
    <s v="N"/>
    <s v="MACSS Dist Billed Revenue-03"/>
    <s v=""/>
    <x v="0"/>
    <s v="CAD0330706"/>
    <s v="S"/>
    <s v="KY"/>
    <s v="REV"/>
    <s v="974"/>
    <s v="GLBATCH"/>
    <n v="7"/>
    <n v="2016"/>
  </r>
  <r>
    <s v="110"/>
    <d v="2016-07-15T00:00:00"/>
    <x v="3"/>
    <x v="0"/>
    <s v="10828"/>
    <s v="GLNANDA"/>
    <n v="0"/>
    <n v="5"/>
    <s v="Billed Revenues"/>
    <s v="EXV"/>
    <s v="NONBU"/>
    <s v="G0000110"/>
    <s v="N"/>
    <s v="MACSS Dist Billed Revenue-03"/>
    <s v=""/>
    <x v="0"/>
    <s v="CAD0330706"/>
    <s v="S"/>
    <s v="KY"/>
    <s v="REV"/>
    <s v="974"/>
    <s v="GLBATCH"/>
    <n v="7"/>
    <n v="2016"/>
  </r>
  <r>
    <s v="110"/>
    <d v="2016-07-15T00:00:00"/>
    <x v="3"/>
    <x v="0"/>
    <s v="10828"/>
    <s v="GLNANDA"/>
    <n v="-8055.06"/>
    <n v="-64997"/>
    <s v="Billed Revenues"/>
    <s v="EXV"/>
    <s v="NONBU"/>
    <s v="G0000110"/>
    <s v="N"/>
    <s v="MACSS Dist Billed Revenue-03"/>
    <s v=""/>
    <x v="0"/>
    <s v="CAD0330706"/>
    <s v="S"/>
    <s v="KY"/>
    <s v="REV"/>
    <s v="974"/>
    <s v="GLBATCH"/>
    <n v="7"/>
    <n v="2016"/>
  </r>
  <r>
    <s v="110"/>
    <d v="2016-07-15T00:00:00"/>
    <x v="2"/>
    <x v="0"/>
    <s v="10828"/>
    <s v="GLNANDA"/>
    <n v="0"/>
    <n v="1284"/>
    <s v="Billed Revenues"/>
    <s v="EXV"/>
    <s v="NONBU"/>
    <s v="G0000110"/>
    <s v="N"/>
    <s v="MACSS Dist Billed Revenue-03"/>
    <s v=""/>
    <x v="0"/>
    <s v="CAD0330707"/>
    <s v="S"/>
    <s v="KY"/>
    <s v="REV"/>
    <s v="974"/>
    <s v="GLBATCH"/>
    <n v="7"/>
    <n v="2016"/>
  </r>
  <r>
    <s v="110"/>
    <d v="2016-07-15T00:00:00"/>
    <x v="2"/>
    <x v="0"/>
    <s v="10828"/>
    <s v="GLNANDA"/>
    <n v="-527232.21"/>
    <n v="-4207029"/>
    <s v="Billed Revenues"/>
    <s v="EXV"/>
    <s v="NONBU"/>
    <s v="G0000110"/>
    <s v="N"/>
    <s v="MACSS Dist Billed Revenue-03"/>
    <s v=""/>
    <x v="0"/>
    <s v="CAD0330707"/>
    <s v="S"/>
    <s v="KY"/>
    <s v="REV"/>
    <s v="974"/>
    <s v="GLBATCH"/>
    <n v="7"/>
    <n v="2016"/>
  </r>
  <r>
    <s v="110"/>
    <d v="2016-07-15T00:00:00"/>
    <x v="4"/>
    <x v="0"/>
    <s v="10828"/>
    <s v="GLNANDA"/>
    <n v="0"/>
    <n v="3986"/>
    <s v="Billed Revenues"/>
    <s v="EXV"/>
    <s v="NONBU"/>
    <s v="G0000110"/>
    <s v="N"/>
    <s v="MACSS Dist Billed Revenue-03"/>
    <s v=""/>
    <x v="0"/>
    <s v="CAD0330707"/>
    <s v="S"/>
    <s v="KY"/>
    <s v="REV"/>
    <s v="974"/>
    <s v="GLBATCH"/>
    <n v="7"/>
    <n v="2016"/>
  </r>
  <r>
    <s v="110"/>
    <d v="2016-07-15T00:00:00"/>
    <x v="7"/>
    <x v="0"/>
    <s v="10828"/>
    <s v="GLNANDA"/>
    <n v="-84773.7"/>
    <n v="-716768"/>
    <s v="Billed Revenues"/>
    <s v="EXV"/>
    <s v="NONBU"/>
    <s v="G0000110"/>
    <s v="N"/>
    <s v="MACSS Dist Billed Revenue-03"/>
    <s v=""/>
    <x v="0"/>
    <s v="CAD0330707"/>
    <s v="S"/>
    <s v="KY"/>
    <s v="REV"/>
    <s v="974"/>
    <s v="GLBATCH"/>
    <n v="7"/>
    <n v="2016"/>
  </r>
  <r>
    <s v="110"/>
    <d v="2016-07-15T00:00:00"/>
    <x v="7"/>
    <x v="0"/>
    <s v="10828"/>
    <s v="GLNANDA"/>
    <n v="0"/>
    <n v="35"/>
    <s v="Billed Revenues"/>
    <s v="EXV"/>
    <s v="NONBU"/>
    <s v="G0000110"/>
    <s v="N"/>
    <s v="MACSS Dist Billed Revenue-03"/>
    <s v=""/>
    <x v="0"/>
    <s v="CAD0330707"/>
    <s v="S"/>
    <s v="KY"/>
    <s v="REV"/>
    <s v="974"/>
    <s v="GLBATCH"/>
    <n v="7"/>
    <n v="2016"/>
  </r>
  <r>
    <s v="110"/>
    <d v="2016-07-15T00:00:00"/>
    <x v="3"/>
    <x v="0"/>
    <s v="10828"/>
    <s v="GLNANDA"/>
    <n v="-40670.300000000003"/>
    <n v="-332549"/>
    <s v="Billed Revenues"/>
    <s v="EXV"/>
    <s v="NONBU"/>
    <s v="G0000110"/>
    <s v="N"/>
    <s v="MACSS Dist Billed Revenue-03"/>
    <s v=""/>
    <x v="0"/>
    <s v="CAD0330707"/>
    <s v="S"/>
    <s v="KY"/>
    <s v="REV"/>
    <s v="974"/>
    <s v="GLBATCH"/>
    <n v="7"/>
    <n v="2016"/>
  </r>
  <r>
    <s v="110"/>
    <d v="2016-07-15T00:00:00"/>
    <x v="3"/>
    <x v="0"/>
    <s v="10828"/>
    <s v="GLNANDA"/>
    <n v="0"/>
    <n v="3"/>
    <s v="Billed Revenues"/>
    <s v="EXV"/>
    <s v="NONBU"/>
    <s v="G0000110"/>
    <s v="N"/>
    <s v="MACSS Dist Billed Revenue-03"/>
    <s v=""/>
    <x v="0"/>
    <s v="CAD0330707"/>
    <s v="S"/>
    <s v="KY"/>
    <s v="REV"/>
    <s v="974"/>
    <s v="GLBATCH"/>
    <n v="7"/>
    <n v="2016"/>
  </r>
  <r>
    <s v="110"/>
    <d v="2016-07-15T00:00:00"/>
    <x v="5"/>
    <x v="0"/>
    <s v="10828"/>
    <s v="GLNANDA"/>
    <n v="-85742.03"/>
    <n v="-696810"/>
    <s v="Billed Revenues"/>
    <s v="EXV"/>
    <s v="NONBU"/>
    <s v="G0000110"/>
    <s v="N"/>
    <s v="MACSS Dist Billed Revenue-03"/>
    <s v=""/>
    <x v="0"/>
    <s v="CAD0330707"/>
    <s v="S"/>
    <s v="KY"/>
    <s v="REV"/>
    <s v="974"/>
    <s v="GLBATCH"/>
    <n v="7"/>
    <n v="2016"/>
  </r>
  <r>
    <s v="110"/>
    <d v="2016-07-15T00:00:00"/>
    <x v="5"/>
    <x v="0"/>
    <s v="10828"/>
    <s v="GLNANDA"/>
    <n v="0"/>
    <n v="120"/>
    <s v="Billed Revenues"/>
    <s v="EXV"/>
    <s v="NONBU"/>
    <s v="G0000110"/>
    <s v="N"/>
    <s v="MACSS Dist Billed Revenue-03"/>
    <s v=""/>
    <x v="0"/>
    <s v="CAD0330707"/>
    <s v="S"/>
    <s v="KY"/>
    <s v="REV"/>
    <s v="974"/>
    <s v="GLBATCH"/>
    <n v="7"/>
    <n v="2016"/>
  </r>
  <r>
    <s v="110"/>
    <d v="2016-07-15T00:00:00"/>
    <x v="0"/>
    <x v="0"/>
    <s v="10828"/>
    <s v="GLNANDA"/>
    <n v="-31141.79"/>
    <n v="-251320"/>
    <s v="Billed Revenues"/>
    <s v="EXV"/>
    <s v="NONBU"/>
    <s v="G0000110"/>
    <s v="N"/>
    <s v="MACSS Dist Billed Revenue-03"/>
    <s v=""/>
    <x v="0"/>
    <s v="CAD0330707"/>
    <s v="S"/>
    <s v="KY"/>
    <s v="REV"/>
    <s v="974"/>
    <s v="GLBATCH"/>
    <n v="7"/>
    <n v="2016"/>
  </r>
  <r>
    <s v="110"/>
    <d v="2016-07-15T00:00:00"/>
    <x v="0"/>
    <x v="0"/>
    <s v="10828"/>
    <s v="GLNANDA"/>
    <n v="0"/>
    <n v="40"/>
    <s v="Billed Revenues"/>
    <s v="EXV"/>
    <s v="NONBU"/>
    <s v="G0000110"/>
    <s v="N"/>
    <s v="MACSS Dist Billed Revenue-03"/>
    <s v=""/>
    <x v="0"/>
    <s v="CAD0330707"/>
    <s v="S"/>
    <s v="KY"/>
    <s v="REV"/>
    <s v="974"/>
    <s v="GLBATCH"/>
    <n v="7"/>
    <n v="2016"/>
  </r>
  <r>
    <s v="110"/>
    <d v="2016-07-15T00:00:00"/>
    <x v="6"/>
    <x v="0"/>
    <s v="10828"/>
    <s v="GLNANDA"/>
    <n v="-1203.3"/>
    <n v="-4799"/>
    <s v="Billed Revenues"/>
    <s v="EXV"/>
    <s v="NONBU"/>
    <s v="G0000110"/>
    <s v="N"/>
    <s v="MACSS Dist Billed Revenue-03"/>
    <s v=""/>
    <x v="0"/>
    <s v="CAD0330707"/>
    <s v="S"/>
    <s v="KY"/>
    <s v="REV"/>
    <s v="974"/>
    <s v="GLBATCH"/>
    <n v="7"/>
    <n v="2016"/>
  </r>
  <r>
    <s v="110"/>
    <d v="2016-07-15T00:00:00"/>
    <x v="6"/>
    <x v="0"/>
    <s v="10828"/>
    <s v="GLNANDA"/>
    <n v="0"/>
    <n v="24"/>
    <s v="Billed Revenues"/>
    <s v="EXV"/>
    <s v="NONBU"/>
    <s v="G0000110"/>
    <s v="N"/>
    <s v="MACSS Dist Billed Revenue-03"/>
    <s v=""/>
    <x v="0"/>
    <s v="CAD0330707"/>
    <s v="S"/>
    <s v="KY"/>
    <s v="REV"/>
    <s v="974"/>
    <s v="GLBATCH"/>
    <n v="7"/>
    <n v="2016"/>
  </r>
  <r>
    <s v="110"/>
    <d v="2016-07-15T00:00:00"/>
    <x v="1"/>
    <x v="0"/>
    <s v="10828"/>
    <s v="GLNANDA"/>
    <n v="-459472.63"/>
    <n v="-3706348"/>
    <s v="Billed Revenues"/>
    <s v="EXV"/>
    <s v="NONBU"/>
    <s v="G0000110"/>
    <s v="N"/>
    <s v="MACSS Dist Billed Revenue-03"/>
    <s v=""/>
    <x v="0"/>
    <s v="CAD0330707"/>
    <s v="S"/>
    <s v="KY"/>
    <s v="REV"/>
    <s v="974"/>
    <s v="GLBATCH"/>
    <n v="7"/>
    <n v="2016"/>
  </r>
  <r>
    <s v="110"/>
    <d v="2016-07-15T00:00:00"/>
    <x v="1"/>
    <x v="0"/>
    <s v="10828"/>
    <s v="GLNANDA"/>
    <n v="0"/>
    <n v="3089"/>
    <s v="Billed Revenues"/>
    <s v="EXV"/>
    <s v="NONBU"/>
    <s v="G0000110"/>
    <s v="N"/>
    <s v="MACSS Dist Billed Revenue-03"/>
    <s v=""/>
    <x v="0"/>
    <s v="CAD0330707"/>
    <s v="S"/>
    <s v="KY"/>
    <s v="REV"/>
    <s v="974"/>
    <s v="GLBATCH"/>
    <n v="7"/>
    <n v="2016"/>
  </r>
  <r>
    <s v="110"/>
    <d v="2016-07-15T00:00:00"/>
    <x v="4"/>
    <x v="0"/>
    <s v="10828"/>
    <s v="GLNANDA"/>
    <n v="-644246.01"/>
    <n v="-5245514"/>
    <s v="Billed Revenues"/>
    <s v="EXV"/>
    <s v="NONBU"/>
    <s v="G0000110"/>
    <s v="N"/>
    <s v="MACSS Dist Billed Revenue-03"/>
    <s v=""/>
    <x v="0"/>
    <s v="CAD0330707"/>
    <s v="S"/>
    <s v="KY"/>
    <s v="REV"/>
    <s v="974"/>
    <s v="GLBATCH"/>
    <n v="7"/>
    <n v="2016"/>
  </r>
  <r>
    <s v="110"/>
    <d v="2016-07-15T00:00:00"/>
    <x v="5"/>
    <x v="0"/>
    <s v="10828"/>
    <s v="GLNANDA"/>
    <n v="0"/>
    <n v="114"/>
    <s v="Billed Revenues"/>
    <s v="EXV"/>
    <s v="NONBU"/>
    <s v="G0000110"/>
    <s v="N"/>
    <s v="MACSS Dist Billed Revenue-03"/>
    <s v=""/>
    <x v="0"/>
    <s v="CAD0330708"/>
    <s v="S"/>
    <s v="KY"/>
    <s v="REV"/>
    <s v="974"/>
    <s v="GLBATCH"/>
    <n v="7"/>
    <n v="2016"/>
  </r>
  <r>
    <s v="110"/>
    <d v="2016-07-15T00:00:00"/>
    <x v="0"/>
    <x v="0"/>
    <s v="10828"/>
    <s v="GLNANDA"/>
    <n v="-175008.73"/>
    <n v="-2559864"/>
    <s v="Billed Revenues"/>
    <s v="EXV"/>
    <s v="NONBU"/>
    <s v="G0000110"/>
    <s v="N"/>
    <s v="MACSS Dist Billed Revenue-03"/>
    <s v=""/>
    <x v="0"/>
    <s v="CAD0330708"/>
    <s v="S"/>
    <s v="KY"/>
    <s v="REV"/>
    <s v="974"/>
    <s v="GLBATCH"/>
    <n v="7"/>
    <n v="2016"/>
  </r>
  <r>
    <s v="110"/>
    <d v="2016-07-15T00:00:00"/>
    <x v="0"/>
    <x v="0"/>
    <s v="10828"/>
    <s v="GLNANDA"/>
    <n v="0"/>
    <n v="36"/>
    <s v="Billed Revenues"/>
    <s v="EXV"/>
    <s v="NONBU"/>
    <s v="G0000110"/>
    <s v="N"/>
    <s v="MACSS Dist Billed Revenue-03"/>
    <s v=""/>
    <x v="0"/>
    <s v="CAD0330708"/>
    <s v="S"/>
    <s v="KY"/>
    <s v="REV"/>
    <s v="974"/>
    <s v="GLBATCH"/>
    <n v="7"/>
    <n v="2016"/>
  </r>
  <r>
    <s v="110"/>
    <d v="2016-07-15T00:00:00"/>
    <x v="3"/>
    <x v="0"/>
    <s v="10828"/>
    <s v="GLNANDA"/>
    <n v="-111193.75"/>
    <n v="-955832"/>
    <s v="Billed Revenues"/>
    <s v="EXV"/>
    <s v="NONBU"/>
    <s v="G0000110"/>
    <s v="N"/>
    <s v="MACSS Dist Billed Revenue-03"/>
    <s v=""/>
    <x v="0"/>
    <s v="CAD0330708"/>
    <s v="S"/>
    <s v="KY"/>
    <s v="REV"/>
    <s v="974"/>
    <s v="GLBATCH"/>
    <n v="7"/>
    <n v="2016"/>
  </r>
  <r>
    <s v="110"/>
    <d v="2016-07-15T00:00:00"/>
    <x v="3"/>
    <x v="0"/>
    <s v="10828"/>
    <s v="GLNANDA"/>
    <n v="0"/>
    <n v="5"/>
    <s v="Billed Revenues"/>
    <s v="EXV"/>
    <s v="NONBU"/>
    <s v="G0000110"/>
    <s v="N"/>
    <s v="MACSS Dist Billed Revenue-03"/>
    <s v=""/>
    <x v="0"/>
    <s v="CAD0330708"/>
    <s v="S"/>
    <s v="KY"/>
    <s v="REV"/>
    <s v="974"/>
    <s v="GLBATCH"/>
    <n v="7"/>
    <n v="2016"/>
  </r>
  <r>
    <s v="110"/>
    <d v="2016-07-15T00:00:00"/>
    <x v="2"/>
    <x v="0"/>
    <s v="10828"/>
    <s v="GLNANDA"/>
    <n v="-391916.95"/>
    <n v="-3087384"/>
    <s v="Billed Revenues"/>
    <s v="EXV"/>
    <s v="NONBU"/>
    <s v="G0000110"/>
    <s v="N"/>
    <s v="MACSS Dist Billed Revenue-03"/>
    <s v=""/>
    <x v="0"/>
    <s v="CAD0330708"/>
    <s v="S"/>
    <s v="KY"/>
    <s v="REV"/>
    <s v="974"/>
    <s v="GLBATCH"/>
    <n v="7"/>
    <n v="2016"/>
  </r>
  <r>
    <s v="110"/>
    <d v="2016-07-15T00:00:00"/>
    <x v="2"/>
    <x v="0"/>
    <s v="10828"/>
    <s v="GLNANDA"/>
    <n v="0"/>
    <n v="1128"/>
    <s v="Billed Revenues"/>
    <s v="EXV"/>
    <s v="NONBU"/>
    <s v="G0000110"/>
    <s v="N"/>
    <s v="MACSS Dist Billed Revenue-03"/>
    <s v=""/>
    <x v="0"/>
    <s v="CAD0330708"/>
    <s v="S"/>
    <s v="KY"/>
    <s v="REV"/>
    <s v="974"/>
    <s v="GLBATCH"/>
    <n v="7"/>
    <n v="2016"/>
  </r>
  <r>
    <s v="110"/>
    <d v="2016-07-15T00:00:00"/>
    <x v="1"/>
    <x v="0"/>
    <s v="10828"/>
    <s v="GLNANDA"/>
    <n v="-395281.43"/>
    <n v="-3157484"/>
    <s v="Billed Revenues"/>
    <s v="EXV"/>
    <s v="NONBU"/>
    <s v="G0000110"/>
    <s v="N"/>
    <s v="MACSS Dist Billed Revenue-03"/>
    <s v=""/>
    <x v="0"/>
    <s v="CAD0330708"/>
    <s v="S"/>
    <s v="KY"/>
    <s v="REV"/>
    <s v="974"/>
    <s v="GLBATCH"/>
    <n v="7"/>
    <n v="2016"/>
  </r>
  <r>
    <s v="110"/>
    <d v="2016-07-15T00:00:00"/>
    <x v="1"/>
    <x v="0"/>
    <s v="10828"/>
    <s v="GLNANDA"/>
    <n v="0"/>
    <n v="2852"/>
    <s v="Billed Revenues"/>
    <s v="EXV"/>
    <s v="NONBU"/>
    <s v="G0000110"/>
    <s v="N"/>
    <s v="MACSS Dist Billed Revenue-03"/>
    <s v=""/>
    <x v="0"/>
    <s v="CAD0330708"/>
    <s v="S"/>
    <s v="KY"/>
    <s v="REV"/>
    <s v="974"/>
    <s v="GLBATCH"/>
    <n v="7"/>
    <n v="2016"/>
  </r>
  <r>
    <s v="110"/>
    <d v="2016-07-15T00:00:00"/>
    <x v="4"/>
    <x v="0"/>
    <s v="10828"/>
    <s v="GLNANDA"/>
    <n v="-644559.07999999996"/>
    <n v="-5226677"/>
    <s v="Billed Revenues"/>
    <s v="EXV"/>
    <s v="NONBU"/>
    <s v="G0000110"/>
    <s v="N"/>
    <s v="MACSS Dist Billed Revenue-03"/>
    <s v=""/>
    <x v="0"/>
    <s v="CAD0330708"/>
    <s v="S"/>
    <s v="KY"/>
    <s v="REV"/>
    <s v="974"/>
    <s v="GLBATCH"/>
    <n v="7"/>
    <n v="2016"/>
  </r>
  <r>
    <s v="110"/>
    <d v="2016-07-15T00:00:00"/>
    <x v="4"/>
    <x v="0"/>
    <s v="10828"/>
    <s v="GLNANDA"/>
    <n v="0"/>
    <n v="4097"/>
    <s v="Billed Revenues"/>
    <s v="EXV"/>
    <s v="NONBU"/>
    <s v="G0000110"/>
    <s v="N"/>
    <s v="MACSS Dist Billed Revenue-03"/>
    <s v=""/>
    <x v="0"/>
    <s v="CAD0330708"/>
    <s v="S"/>
    <s v="KY"/>
    <s v="REV"/>
    <s v="974"/>
    <s v="GLBATCH"/>
    <n v="7"/>
    <n v="2016"/>
  </r>
  <r>
    <s v="110"/>
    <d v="2016-07-15T00:00:00"/>
    <x v="6"/>
    <x v="0"/>
    <s v="10828"/>
    <s v="GLNANDA"/>
    <n v="-1081.31"/>
    <n v="-5421"/>
    <s v="Billed Revenues"/>
    <s v="EXV"/>
    <s v="NONBU"/>
    <s v="G0000110"/>
    <s v="N"/>
    <s v="MACSS Dist Billed Revenue-03"/>
    <s v=""/>
    <x v="0"/>
    <s v="CAD0330708"/>
    <s v="S"/>
    <s v="KY"/>
    <s v="REV"/>
    <s v="974"/>
    <s v="GLBATCH"/>
    <n v="7"/>
    <n v="2016"/>
  </r>
  <r>
    <s v="110"/>
    <d v="2016-07-15T00:00:00"/>
    <x v="6"/>
    <x v="0"/>
    <s v="10828"/>
    <s v="GLNANDA"/>
    <n v="0"/>
    <n v="16"/>
    <s v="Billed Revenues"/>
    <s v="EXV"/>
    <s v="NONBU"/>
    <s v="G0000110"/>
    <s v="N"/>
    <s v="MACSS Dist Billed Revenue-03"/>
    <s v=""/>
    <x v="0"/>
    <s v="CAD0330708"/>
    <s v="S"/>
    <s v="KY"/>
    <s v="REV"/>
    <s v="974"/>
    <s v="GLBATCH"/>
    <n v="7"/>
    <n v="2016"/>
  </r>
  <r>
    <s v="110"/>
    <d v="2016-07-15T00:00:00"/>
    <x v="5"/>
    <x v="0"/>
    <s v="10828"/>
    <s v="GLNANDA"/>
    <n v="-101832.56"/>
    <n v="-1030163"/>
    <s v="Billed Revenues"/>
    <s v="EXV"/>
    <s v="NONBU"/>
    <s v="G0000110"/>
    <s v="N"/>
    <s v="MACSS Dist Billed Revenue-03"/>
    <s v=""/>
    <x v="0"/>
    <s v="CAD0330708"/>
    <s v="S"/>
    <s v="KY"/>
    <s v="REV"/>
    <s v="974"/>
    <s v="GLBATCH"/>
    <n v="7"/>
    <n v="2016"/>
  </r>
  <r>
    <s v="110"/>
    <d v="2016-07-15T00:00:00"/>
    <x v="7"/>
    <x v="0"/>
    <s v="10828"/>
    <s v="GLNANDA"/>
    <n v="0"/>
    <n v="32"/>
    <s v="Billed Revenues"/>
    <s v="EXV"/>
    <s v="NONBU"/>
    <s v="G0000110"/>
    <s v="N"/>
    <s v="MACSS Dist Billed Revenue-03"/>
    <s v=""/>
    <x v="0"/>
    <s v="CAD0330708"/>
    <s v="S"/>
    <s v="KY"/>
    <s v="REV"/>
    <s v="974"/>
    <s v="GLBATCH"/>
    <n v="7"/>
    <n v="2016"/>
  </r>
  <r>
    <s v="110"/>
    <d v="2016-07-15T00:00:00"/>
    <x v="7"/>
    <x v="0"/>
    <s v="10828"/>
    <s v="GLNANDA"/>
    <n v="-76449.47"/>
    <n v="-654379"/>
    <s v="Billed Revenues"/>
    <s v="EXV"/>
    <s v="NONBU"/>
    <s v="G0000110"/>
    <s v="N"/>
    <s v="MACSS Dist Billed Revenue-03"/>
    <s v=""/>
    <x v="0"/>
    <s v="CAD0330708"/>
    <s v="S"/>
    <s v="KY"/>
    <s v="REV"/>
    <s v="974"/>
    <s v="GLBATCH"/>
    <n v="7"/>
    <n v="2016"/>
  </r>
  <r>
    <s v="110"/>
    <d v="2016-07-15T00:00:00"/>
    <x v="6"/>
    <x v="0"/>
    <s v="10828"/>
    <s v="GLNANDA"/>
    <n v="0"/>
    <n v="14"/>
    <s v="Billed Revenues"/>
    <s v="EXV"/>
    <s v="NONBU"/>
    <s v="G0000110"/>
    <s v="N"/>
    <s v="MACSS Dist Billed Revenue-03"/>
    <s v=""/>
    <x v="0"/>
    <s v="CAD0330711"/>
    <s v="S"/>
    <s v="KY"/>
    <s v="REV"/>
    <s v="974"/>
    <s v="GLBATCH"/>
    <n v="7"/>
    <n v="2016"/>
  </r>
  <r>
    <s v="110"/>
    <d v="2016-07-15T00:00:00"/>
    <x v="1"/>
    <x v="0"/>
    <s v="10828"/>
    <s v="GLNANDA"/>
    <n v="-357594.63"/>
    <n v="-2873459"/>
    <s v="Billed Revenues"/>
    <s v="EXV"/>
    <s v="NONBU"/>
    <s v="G0000110"/>
    <s v="N"/>
    <s v="MACSS Dist Billed Revenue-03"/>
    <s v=""/>
    <x v="0"/>
    <s v="CAD0330711"/>
    <s v="S"/>
    <s v="KY"/>
    <s v="REV"/>
    <s v="974"/>
    <s v="GLBATCH"/>
    <n v="7"/>
    <n v="2016"/>
  </r>
  <r>
    <s v="110"/>
    <d v="2016-07-15T00:00:00"/>
    <x v="1"/>
    <x v="0"/>
    <s v="10828"/>
    <s v="GLNANDA"/>
    <n v="0"/>
    <n v="2430"/>
    <s v="Billed Revenues"/>
    <s v="EXV"/>
    <s v="NONBU"/>
    <s v="G0000110"/>
    <s v="N"/>
    <s v="MACSS Dist Billed Revenue-03"/>
    <s v=""/>
    <x v="0"/>
    <s v="CAD0330711"/>
    <s v="S"/>
    <s v="KY"/>
    <s v="REV"/>
    <s v="974"/>
    <s v="GLBATCH"/>
    <n v="7"/>
    <n v="2016"/>
  </r>
  <r>
    <s v="110"/>
    <d v="2016-07-15T00:00:00"/>
    <x v="5"/>
    <x v="0"/>
    <s v="10828"/>
    <s v="GLNANDA"/>
    <n v="0"/>
    <n v="139"/>
    <s v="Billed Revenues"/>
    <s v="EXV"/>
    <s v="NONBU"/>
    <s v="G0000110"/>
    <s v="N"/>
    <s v="MACSS Dist Billed Revenue-03"/>
    <s v=""/>
    <x v="0"/>
    <s v="CAD0330711"/>
    <s v="S"/>
    <s v="KY"/>
    <s v="REV"/>
    <s v="974"/>
    <s v="GLBATCH"/>
    <n v="7"/>
    <n v="2016"/>
  </r>
  <r>
    <s v="110"/>
    <d v="2016-07-15T00:00:00"/>
    <x v="3"/>
    <x v="0"/>
    <s v="10828"/>
    <s v="GLNANDA"/>
    <n v="-25836.62"/>
    <n v="-182341"/>
    <s v="Billed Revenues"/>
    <s v="EXV"/>
    <s v="NONBU"/>
    <s v="G0000110"/>
    <s v="N"/>
    <s v="MACSS Dist Billed Revenue-03"/>
    <s v=""/>
    <x v="0"/>
    <s v="CAD0330711"/>
    <s v="S"/>
    <s v="KY"/>
    <s v="REV"/>
    <s v="974"/>
    <s v="GLBATCH"/>
    <n v="7"/>
    <n v="2016"/>
  </r>
  <r>
    <s v="110"/>
    <d v="2016-07-15T00:00:00"/>
    <x v="5"/>
    <x v="0"/>
    <s v="10828"/>
    <s v="GLNANDA"/>
    <n v="-121192.19"/>
    <n v="-1029963"/>
    <s v="Billed Revenues"/>
    <s v="EXV"/>
    <s v="NONBU"/>
    <s v="G0000110"/>
    <s v="N"/>
    <s v="MACSS Dist Billed Revenue-03"/>
    <s v=""/>
    <x v="0"/>
    <s v="CAD0330711"/>
    <s v="S"/>
    <s v="KY"/>
    <s v="REV"/>
    <s v="974"/>
    <s v="GLBATCH"/>
    <n v="7"/>
    <n v="2016"/>
  </r>
  <r>
    <s v="110"/>
    <d v="2016-07-15T00:00:00"/>
    <x v="3"/>
    <x v="0"/>
    <s v="10828"/>
    <s v="GLNANDA"/>
    <n v="0"/>
    <n v="23"/>
    <s v="Billed Revenues"/>
    <s v="EXV"/>
    <s v="NONBU"/>
    <s v="G0000110"/>
    <s v="N"/>
    <s v="MACSS Dist Billed Revenue-03"/>
    <s v=""/>
    <x v="0"/>
    <s v="CAD0330711"/>
    <s v="S"/>
    <s v="KY"/>
    <s v="REV"/>
    <s v="974"/>
    <s v="GLBATCH"/>
    <n v="7"/>
    <n v="2016"/>
  </r>
  <r>
    <s v="110"/>
    <d v="2016-07-15T00:00:00"/>
    <x v="2"/>
    <x v="0"/>
    <s v="10828"/>
    <s v="GLNANDA"/>
    <n v="-870617.13"/>
    <n v="-8101605"/>
    <s v="Billed Revenues"/>
    <s v="EXV"/>
    <s v="NONBU"/>
    <s v="G0000110"/>
    <s v="N"/>
    <s v="MACSS Dist Billed Revenue-03"/>
    <s v=""/>
    <x v="0"/>
    <s v="CAD0330711"/>
    <s v="S"/>
    <s v="KY"/>
    <s v="REV"/>
    <s v="974"/>
    <s v="GLBATCH"/>
    <n v="7"/>
    <n v="2016"/>
  </r>
  <r>
    <s v="110"/>
    <d v="2016-07-15T00:00:00"/>
    <x v="0"/>
    <x v="0"/>
    <s v="10828"/>
    <s v="GLNANDA"/>
    <n v="-6163945.6100000003"/>
    <n v="-107523456"/>
    <s v="Billed Revenues"/>
    <s v="EXV"/>
    <s v="NONBU"/>
    <s v="G0000110"/>
    <s v="N"/>
    <s v="MACSS Dist Billed Revenue-03"/>
    <s v=""/>
    <x v="0"/>
    <s v="CAD0330711"/>
    <s v="S"/>
    <s v="KY"/>
    <s v="REV"/>
    <s v="974"/>
    <s v="GLBATCH"/>
    <n v="7"/>
    <n v="2016"/>
  </r>
  <r>
    <s v="110"/>
    <d v="2016-07-15T00:00:00"/>
    <x v="0"/>
    <x v="0"/>
    <s v="10828"/>
    <s v="GLNANDA"/>
    <n v="0"/>
    <n v="22"/>
    <s v="Billed Revenues"/>
    <s v="EXV"/>
    <s v="NONBU"/>
    <s v="G0000110"/>
    <s v="N"/>
    <s v="MACSS Dist Billed Revenue-03"/>
    <s v=""/>
    <x v="0"/>
    <s v="CAD0330711"/>
    <s v="S"/>
    <s v="KY"/>
    <s v="REV"/>
    <s v="974"/>
    <s v="GLBATCH"/>
    <n v="7"/>
    <n v="2016"/>
  </r>
  <r>
    <s v="110"/>
    <d v="2016-07-15T00:00:00"/>
    <x v="2"/>
    <x v="0"/>
    <s v="10828"/>
    <s v="GLNANDA"/>
    <n v="0"/>
    <n v="1583"/>
    <s v="Billed Revenues"/>
    <s v="EXV"/>
    <s v="NONBU"/>
    <s v="G0000110"/>
    <s v="N"/>
    <s v="MACSS Dist Billed Revenue-03"/>
    <s v=""/>
    <x v="0"/>
    <s v="CAD0330711"/>
    <s v="S"/>
    <s v="KY"/>
    <s v="REV"/>
    <s v="974"/>
    <s v="GLBATCH"/>
    <n v="7"/>
    <n v="2016"/>
  </r>
  <r>
    <s v="110"/>
    <d v="2016-07-15T00:00:00"/>
    <x v="4"/>
    <x v="0"/>
    <s v="10828"/>
    <s v="GLNANDA"/>
    <n v="-765033.56"/>
    <n v="-6231479"/>
    <s v="Billed Revenues"/>
    <s v="EXV"/>
    <s v="NONBU"/>
    <s v="G0000110"/>
    <s v="N"/>
    <s v="MACSS Dist Billed Revenue-03"/>
    <s v=""/>
    <x v="0"/>
    <s v="CAD0330711"/>
    <s v="S"/>
    <s v="KY"/>
    <s v="REV"/>
    <s v="974"/>
    <s v="GLBATCH"/>
    <n v="7"/>
    <n v="2016"/>
  </r>
  <r>
    <s v="110"/>
    <d v="2016-07-15T00:00:00"/>
    <x v="7"/>
    <x v="0"/>
    <s v="10828"/>
    <s v="GLNANDA"/>
    <n v="0"/>
    <n v="50"/>
    <s v="Billed Revenues"/>
    <s v="EXV"/>
    <s v="NONBU"/>
    <s v="G0000110"/>
    <s v="N"/>
    <s v="MACSS Dist Billed Revenue-03"/>
    <s v=""/>
    <x v="0"/>
    <s v="CAD0330711"/>
    <s v="S"/>
    <s v="KY"/>
    <s v="REV"/>
    <s v="974"/>
    <s v="GLBATCH"/>
    <n v="7"/>
    <n v="2016"/>
  </r>
  <r>
    <s v="110"/>
    <d v="2016-07-15T00:00:00"/>
    <x v="7"/>
    <x v="0"/>
    <s v="10828"/>
    <s v="GLNANDA"/>
    <n v="-49641.96"/>
    <n v="-355402"/>
    <s v="Billed Revenues"/>
    <s v="EXV"/>
    <s v="NONBU"/>
    <s v="G0000110"/>
    <s v="N"/>
    <s v="MACSS Dist Billed Revenue-03"/>
    <s v=""/>
    <x v="0"/>
    <s v="CAD0330711"/>
    <s v="S"/>
    <s v="KY"/>
    <s v="REV"/>
    <s v="974"/>
    <s v="GLBATCH"/>
    <n v="7"/>
    <n v="2016"/>
  </r>
  <r>
    <s v="110"/>
    <d v="2016-07-15T00:00:00"/>
    <x v="4"/>
    <x v="0"/>
    <s v="10828"/>
    <s v="GLNANDA"/>
    <n v="0"/>
    <n v="4802"/>
    <s v="Billed Revenues"/>
    <s v="EXV"/>
    <s v="NONBU"/>
    <s v="G0000110"/>
    <s v="N"/>
    <s v="MACSS Dist Billed Revenue-03"/>
    <s v=""/>
    <x v="0"/>
    <s v="CAD0330711"/>
    <s v="S"/>
    <s v="KY"/>
    <s v="REV"/>
    <s v="974"/>
    <s v="GLBATCH"/>
    <n v="7"/>
    <n v="2016"/>
  </r>
  <r>
    <s v="110"/>
    <d v="2016-07-15T00:00:00"/>
    <x v="6"/>
    <x v="0"/>
    <s v="10828"/>
    <s v="GLNANDA"/>
    <n v="-616.84"/>
    <n v="-2162"/>
    <s v="Billed Revenues"/>
    <s v="EXV"/>
    <s v="NONBU"/>
    <s v="G0000110"/>
    <s v="N"/>
    <s v="MACSS Dist Billed Revenue-03"/>
    <s v=""/>
    <x v="0"/>
    <s v="CAD0330711"/>
    <s v="S"/>
    <s v="KY"/>
    <s v="REV"/>
    <s v="974"/>
    <s v="GLBATCH"/>
    <n v="7"/>
    <n v="2016"/>
  </r>
  <r>
    <s v="110"/>
    <d v="2016-07-15T00:00:00"/>
    <x v="7"/>
    <x v="0"/>
    <s v="10828"/>
    <s v="GLNANDA"/>
    <n v="-68697.88"/>
    <n v="-692341"/>
    <s v="Billed Revenues"/>
    <s v="EXV"/>
    <s v="NONBU"/>
    <s v="G0000110"/>
    <s v="N"/>
    <s v="MACSS Dist Billed Revenue-03"/>
    <s v=""/>
    <x v="0"/>
    <s v="CAD0330712"/>
    <s v="S"/>
    <s v="KY"/>
    <s v="REV"/>
    <s v="974"/>
    <s v="GLBATCH"/>
    <n v="7"/>
    <n v="2016"/>
  </r>
  <r>
    <s v="110"/>
    <d v="2016-07-15T00:00:00"/>
    <x v="7"/>
    <x v="0"/>
    <s v="10828"/>
    <s v="GLNANDA"/>
    <n v="0"/>
    <n v="37"/>
    <s v="Billed Revenues"/>
    <s v="EXV"/>
    <s v="NONBU"/>
    <s v="G0000110"/>
    <s v="N"/>
    <s v="MACSS Dist Billed Revenue-03"/>
    <s v=""/>
    <x v="0"/>
    <s v="CAD0330712"/>
    <s v="S"/>
    <s v="KY"/>
    <s v="REV"/>
    <s v="974"/>
    <s v="GLBATCH"/>
    <n v="7"/>
    <n v="2016"/>
  </r>
  <r>
    <s v="110"/>
    <d v="2016-07-15T00:00:00"/>
    <x v="5"/>
    <x v="0"/>
    <s v="10828"/>
    <s v="GLNANDA"/>
    <n v="-133418.23999999999"/>
    <n v="-1232529"/>
    <s v="Billed Revenues"/>
    <s v="EXV"/>
    <s v="NONBU"/>
    <s v="G0000110"/>
    <s v="N"/>
    <s v="MACSS Dist Billed Revenue-03"/>
    <s v=""/>
    <x v="0"/>
    <s v="CAD0330712"/>
    <s v="S"/>
    <s v="KY"/>
    <s v="REV"/>
    <s v="974"/>
    <s v="GLBATCH"/>
    <n v="7"/>
    <n v="2016"/>
  </r>
  <r>
    <s v="110"/>
    <d v="2016-07-15T00:00:00"/>
    <x v="5"/>
    <x v="0"/>
    <s v="10828"/>
    <s v="GLNANDA"/>
    <n v="0"/>
    <n v="170"/>
    <s v="Billed Revenues"/>
    <s v="EXV"/>
    <s v="NONBU"/>
    <s v="G0000110"/>
    <s v="N"/>
    <s v="MACSS Dist Billed Revenue-03"/>
    <s v=""/>
    <x v="0"/>
    <s v="CAD0330712"/>
    <s v="S"/>
    <s v="KY"/>
    <s v="REV"/>
    <s v="974"/>
    <s v="GLBATCH"/>
    <n v="7"/>
    <n v="2016"/>
  </r>
  <r>
    <s v="110"/>
    <d v="2016-07-15T00:00:00"/>
    <x v="0"/>
    <x v="0"/>
    <s v="10828"/>
    <s v="GLNANDA"/>
    <n v="0"/>
    <n v="49"/>
    <s v="Billed Revenues"/>
    <s v="EXV"/>
    <s v="NONBU"/>
    <s v="G0000110"/>
    <s v="N"/>
    <s v="MACSS Dist Billed Revenue-03"/>
    <s v=""/>
    <x v="0"/>
    <s v="CAD0330712"/>
    <s v="S"/>
    <s v="KY"/>
    <s v="REV"/>
    <s v="974"/>
    <s v="GLBATCH"/>
    <n v="7"/>
    <n v="2016"/>
  </r>
  <r>
    <s v="110"/>
    <d v="2016-07-15T00:00:00"/>
    <x v="0"/>
    <x v="0"/>
    <s v="10828"/>
    <s v="GLNANDA"/>
    <n v="-173400.55"/>
    <n v="-1276598"/>
    <s v="Billed Revenues"/>
    <s v="EXV"/>
    <s v="NONBU"/>
    <s v="G0000110"/>
    <s v="N"/>
    <s v="MACSS Dist Billed Revenue-03"/>
    <s v=""/>
    <x v="0"/>
    <s v="CAD0330712"/>
    <s v="S"/>
    <s v="KY"/>
    <s v="REV"/>
    <s v="974"/>
    <s v="GLBATCH"/>
    <n v="7"/>
    <n v="2016"/>
  </r>
  <r>
    <s v="110"/>
    <d v="2016-07-15T00:00:00"/>
    <x v="3"/>
    <x v="0"/>
    <s v="10828"/>
    <s v="GLNANDA"/>
    <n v="-385818.58"/>
    <n v="-4340059"/>
    <s v="Billed Revenues"/>
    <s v="EXV"/>
    <s v="NONBU"/>
    <s v="G0000110"/>
    <s v="N"/>
    <s v="MACSS Dist Billed Revenue-03"/>
    <s v=""/>
    <x v="0"/>
    <s v="CAD0330712"/>
    <s v="S"/>
    <s v="KY"/>
    <s v="REV"/>
    <s v="974"/>
    <s v="GLBATCH"/>
    <n v="7"/>
    <n v="2016"/>
  </r>
  <r>
    <s v="110"/>
    <d v="2016-07-15T00:00:00"/>
    <x v="3"/>
    <x v="0"/>
    <s v="10828"/>
    <s v="GLNANDA"/>
    <n v="0"/>
    <n v="18"/>
    <s v="Billed Revenues"/>
    <s v="EXV"/>
    <s v="NONBU"/>
    <s v="G0000110"/>
    <s v="N"/>
    <s v="MACSS Dist Billed Revenue-03"/>
    <s v=""/>
    <x v="0"/>
    <s v="CAD0330712"/>
    <s v="S"/>
    <s v="KY"/>
    <s v="REV"/>
    <s v="974"/>
    <s v="GLBATCH"/>
    <n v="7"/>
    <n v="2016"/>
  </r>
  <r>
    <s v="110"/>
    <d v="2016-07-15T00:00:00"/>
    <x v="2"/>
    <x v="0"/>
    <s v="10828"/>
    <s v="GLNANDA"/>
    <n v="-512370.89"/>
    <n v="-3974541"/>
    <s v="Billed Revenues"/>
    <s v="EXV"/>
    <s v="NONBU"/>
    <s v="G0000110"/>
    <s v="N"/>
    <s v="MACSS Dist Billed Revenue-03"/>
    <s v=""/>
    <x v="0"/>
    <s v="CAD0330712"/>
    <s v="S"/>
    <s v="KY"/>
    <s v="REV"/>
    <s v="974"/>
    <s v="GLBATCH"/>
    <n v="7"/>
    <n v="2016"/>
  </r>
  <r>
    <s v="110"/>
    <d v="2016-07-15T00:00:00"/>
    <x v="2"/>
    <x v="0"/>
    <s v="10828"/>
    <s v="GLNANDA"/>
    <n v="0"/>
    <n v="1448"/>
    <s v="Billed Revenues"/>
    <s v="EXV"/>
    <s v="NONBU"/>
    <s v="G0000110"/>
    <s v="N"/>
    <s v="MACSS Dist Billed Revenue-03"/>
    <s v=""/>
    <x v="0"/>
    <s v="CAD0330712"/>
    <s v="S"/>
    <s v="KY"/>
    <s v="REV"/>
    <s v="974"/>
    <s v="GLBATCH"/>
    <n v="7"/>
    <n v="2016"/>
  </r>
  <r>
    <s v="110"/>
    <d v="2016-07-15T00:00:00"/>
    <x v="4"/>
    <x v="0"/>
    <s v="10828"/>
    <s v="GLNANDA"/>
    <n v="-601205.4"/>
    <n v="-4881442"/>
    <s v="Billed Revenues"/>
    <s v="EXV"/>
    <s v="NONBU"/>
    <s v="G0000110"/>
    <s v="N"/>
    <s v="MACSS Dist Billed Revenue-03"/>
    <s v=""/>
    <x v="0"/>
    <s v="CAD0330712"/>
    <s v="S"/>
    <s v="KY"/>
    <s v="REV"/>
    <s v="974"/>
    <s v="GLBATCH"/>
    <n v="7"/>
    <n v="2016"/>
  </r>
  <r>
    <s v="110"/>
    <d v="2016-07-15T00:00:00"/>
    <x v="4"/>
    <x v="0"/>
    <s v="10828"/>
    <s v="GLNANDA"/>
    <n v="0"/>
    <n v="3716"/>
    <s v="Billed Revenues"/>
    <s v="EXV"/>
    <s v="NONBU"/>
    <s v="G0000110"/>
    <s v="N"/>
    <s v="MACSS Dist Billed Revenue-03"/>
    <s v=""/>
    <x v="0"/>
    <s v="CAD0330712"/>
    <s v="S"/>
    <s v="KY"/>
    <s v="REV"/>
    <s v="974"/>
    <s v="GLBATCH"/>
    <n v="7"/>
    <n v="2016"/>
  </r>
  <r>
    <s v="110"/>
    <d v="2016-07-15T00:00:00"/>
    <x v="1"/>
    <x v="0"/>
    <s v="10828"/>
    <s v="GLNANDA"/>
    <n v="-255598.5"/>
    <n v="-2012580"/>
    <s v="Billed Revenues"/>
    <s v="EXV"/>
    <s v="NONBU"/>
    <s v="G0000110"/>
    <s v="N"/>
    <s v="MACSS Dist Billed Revenue-03"/>
    <s v=""/>
    <x v="0"/>
    <s v="CAD0330712"/>
    <s v="S"/>
    <s v="KY"/>
    <s v="REV"/>
    <s v="974"/>
    <s v="GLBATCH"/>
    <n v="7"/>
    <n v="2016"/>
  </r>
  <r>
    <s v="110"/>
    <d v="2016-07-15T00:00:00"/>
    <x v="1"/>
    <x v="0"/>
    <s v="10828"/>
    <s v="GLNANDA"/>
    <n v="0"/>
    <n v="1907"/>
    <s v="Billed Revenues"/>
    <s v="EXV"/>
    <s v="NONBU"/>
    <s v="G0000110"/>
    <s v="N"/>
    <s v="MACSS Dist Billed Revenue-03"/>
    <s v=""/>
    <x v="0"/>
    <s v="CAD0330712"/>
    <s v="S"/>
    <s v="KY"/>
    <s v="REV"/>
    <s v="974"/>
    <s v="GLBATCH"/>
    <n v="7"/>
    <n v="2016"/>
  </r>
  <r>
    <s v="110"/>
    <d v="2016-07-15T00:00:00"/>
    <x v="6"/>
    <x v="0"/>
    <s v="10828"/>
    <s v="GLNANDA"/>
    <n v="-3483.49"/>
    <n v="-24849"/>
    <s v="Billed Revenues"/>
    <s v="EXV"/>
    <s v="NONBU"/>
    <s v="G0000110"/>
    <s v="N"/>
    <s v="MACSS Dist Billed Revenue-03"/>
    <s v=""/>
    <x v="0"/>
    <s v="CAD0330712"/>
    <s v="S"/>
    <s v="KY"/>
    <s v="REV"/>
    <s v="974"/>
    <s v="GLBATCH"/>
    <n v="7"/>
    <n v="2016"/>
  </r>
  <r>
    <s v="110"/>
    <d v="2016-07-15T00:00:00"/>
    <x v="6"/>
    <x v="0"/>
    <s v="10828"/>
    <s v="GLNANDA"/>
    <n v="0"/>
    <n v="14"/>
    <s v="Billed Revenues"/>
    <s v="EXV"/>
    <s v="NONBU"/>
    <s v="G0000110"/>
    <s v="N"/>
    <s v="MACSS Dist Billed Revenue-03"/>
    <s v=""/>
    <x v="0"/>
    <s v="CAD0330712"/>
    <s v="S"/>
    <s v="KY"/>
    <s v="REV"/>
    <s v="974"/>
    <s v="GLBATCH"/>
    <n v="7"/>
    <n v="2016"/>
  </r>
  <r>
    <s v="110"/>
    <d v="2016-07-15T00:00:00"/>
    <x v="1"/>
    <x v="0"/>
    <s v="10828"/>
    <s v="GLNANDA"/>
    <n v="0"/>
    <n v="2575"/>
    <s v="Billed Revenues"/>
    <s v="EXV"/>
    <s v="NONBU"/>
    <s v="G0000110"/>
    <s v="N"/>
    <s v="MACSS Dist Billed Revenue-03"/>
    <s v=""/>
    <x v="0"/>
    <s v="CAD0330713"/>
    <s v="S"/>
    <s v="KY"/>
    <s v="REV"/>
    <s v="974"/>
    <s v="GLBATCH"/>
    <n v="7"/>
    <n v="2016"/>
  </r>
  <r>
    <s v="110"/>
    <d v="2016-07-15T00:00:00"/>
    <x v="1"/>
    <x v="0"/>
    <s v="10828"/>
    <s v="GLNANDA"/>
    <n v="-375356.84"/>
    <n v="-3013891"/>
    <s v="Billed Revenues"/>
    <s v="EXV"/>
    <s v="NONBU"/>
    <s v="G0000110"/>
    <s v="N"/>
    <s v="MACSS Dist Billed Revenue-03"/>
    <s v=""/>
    <x v="0"/>
    <s v="CAD0330713"/>
    <s v="S"/>
    <s v="KY"/>
    <s v="REV"/>
    <s v="974"/>
    <s v="GLBATCH"/>
    <n v="7"/>
    <n v="2016"/>
  </r>
  <r>
    <s v="110"/>
    <d v="2016-07-15T00:00:00"/>
    <x v="0"/>
    <x v="0"/>
    <s v="10828"/>
    <s v="GLNANDA"/>
    <n v="-30287.07"/>
    <n v="-298099"/>
    <s v="Billed Revenues"/>
    <s v="EXV"/>
    <s v="NONBU"/>
    <s v="G0000110"/>
    <s v="N"/>
    <s v="MACSS Dist Billed Revenue-03"/>
    <s v=""/>
    <x v="0"/>
    <s v="CAD0330713"/>
    <s v="S"/>
    <s v="KY"/>
    <s v="REV"/>
    <s v="974"/>
    <s v="GLBATCH"/>
    <n v="7"/>
    <n v="2016"/>
  </r>
  <r>
    <s v="110"/>
    <d v="2016-07-15T00:00:00"/>
    <x v="5"/>
    <x v="0"/>
    <s v="10828"/>
    <s v="GLNANDA"/>
    <n v="0"/>
    <n v="201"/>
    <s v="Billed Revenues"/>
    <s v="EXV"/>
    <s v="NONBU"/>
    <s v="G0000110"/>
    <s v="N"/>
    <s v="MACSS Dist Billed Revenue-03"/>
    <s v=""/>
    <x v="0"/>
    <s v="CAD0330713"/>
    <s v="S"/>
    <s v="KY"/>
    <s v="REV"/>
    <s v="974"/>
    <s v="GLBATCH"/>
    <n v="7"/>
    <n v="2016"/>
  </r>
  <r>
    <s v="110"/>
    <d v="2016-07-15T00:00:00"/>
    <x v="6"/>
    <x v="0"/>
    <s v="10828"/>
    <s v="GLNANDA"/>
    <n v="0"/>
    <n v="19"/>
    <s v="Billed Revenues"/>
    <s v="EXV"/>
    <s v="NONBU"/>
    <s v="G0000110"/>
    <s v="N"/>
    <s v="MACSS Dist Billed Revenue-03"/>
    <s v=""/>
    <x v="0"/>
    <s v="CAD0330713"/>
    <s v="S"/>
    <s v="KY"/>
    <s v="REV"/>
    <s v="974"/>
    <s v="GLBATCH"/>
    <n v="7"/>
    <n v="2016"/>
  </r>
  <r>
    <s v="110"/>
    <d v="2016-07-15T00:00:00"/>
    <x v="6"/>
    <x v="0"/>
    <s v="10828"/>
    <s v="GLNANDA"/>
    <n v="-1062.22"/>
    <n v="-4338"/>
    <s v="Billed Revenues"/>
    <s v="EXV"/>
    <s v="NONBU"/>
    <s v="G0000110"/>
    <s v="N"/>
    <s v="MACSS Dist Billed Revenue-03"/>
    <s v=""/>
    <x v="0"/>
    <s v="CAD0330713"/>
    <s v="S"/>
    <s v="KY"/>
    <s v="REV"/>
    <s v="974"/>
    <s v="GLBATCH"/>
    <n v="7"/>
    <n v="2016"/>
  </r>
  <r>
    <s v="110"/>
    <d v="2016-07-15T00:00:00"/>
    <x v="4"/>
    <x v="0"/>
    <s v="10828"/>
    <s v="GLNANDA"/>
    <n v="0"/>
    <n v="4567"/>
    <s v="Billed Revenues"/>
    <s v="EXV"/>
    <s v="NONBU"/>
    <s v="G0000110"/>
    <s v="N"/>
    <s v="MACSS Dist Billed Revenue-03"/>
    <s v=""/>
    <x v="0"/>
    <s v="CAD0330713"/>
    <s v="S"/>
    <s v="KY"/>
    <s v="REV"/>
    <s v="974"/>
    <s v="GLBATCH"/>
    <n v="7"/>
    <n v="2016"/>
  </r>
  <r>
    <s v="110"/>
    <d v="2016-07-15T00:00:00"/>
    <x v="4"/>
    <x v="0"/>
    <s v="10828"/>
    <s v="GLNANDA"/>
    <n v="-703367.05"/>
    <n v="-5703730"/>
    <s v="Billed Revenues"/>
    <s v="EXV"/>
    <s v="NONBU"/>
    <s v="G0000110"/>
    <s v="N"/>
    <s v="MACSS Dist Billed Revenue-03"/>
    <s v=""/>
    <x v="0"/>
    <s v="CAD0330713"/>
    <s v="S"/>
    <s v="KY"/>
    <s v="REV"/>
    <s v="974"/>
    <s v="GLBATCH"/>
    <n v="7"/>
    <n v="2016"/>
  </r>
  <r>
    <s v="110"/>
    <d v="2016-07-15T00:00:00"/>
    <x v="7"/>
    <x v="0"/>
    <s v="10828"/>
    <s v="GLNANDA"/>
    <n v="0"/>
    <n v="43"/>
    <s v="Billed Revenues"/>
    <s v="EXV"/>
    <s v="NONBU"/>
    <s v="G0000110"/>
    <s v="N"/>
    <s v="MACSS Dist Billed Revenue-03"/>
    <s v=""/>
    <x v="0"/>
    <s v="CAD0330713"/>
    <s v="S"/>
    <s v="KY"/>
    <s v="REV"/>
    <s v="974"/>
    <s v="GLBATCH"/>
    <n v="7"/>
    <n v="2016"/>
  </r>
  <r>
    <s v="110"/>
    <d v="2016-07-15T00:00:00"/>
    <x v="3"/>
    <x v="0"/>
    <s v="10828"/>
    <s v="GLNANDA"/>
    <n v="0"/>
    <n v="4"/>
    <s v="Billed Revenues"/>
    <s v="EXV"/>
    <s v="NONBU"/>
    <s v="G0000110"/>
    <s v="N"/>
    <s v="MACSS Dist Billed Revenue-03"/>
    <s v=""/>
    <x v="0"/>
    <s v="CAD0330713"/>
    <s v="S"/>
    <s v="KY"/>
    <s v="REV"/>
    <s v="974"/>
    <s v="GLBATCH"/>
    <n v="7"/>
    <n v="2016"/>
  </r>
  <r>
    <s v="110"/>
    <d v="2016-07-15T00:00:00"/>
    <x v="7"/>
    <x v="0"/>
    <s v="10828"/>
    <s v="GLNANDA"/>
    <n v="-84998.93"/>
    <n v="-689664"/>
    <s v="Billed Revenues"/>
    <s v="EXV"/>
    <s v="NONBU"/>
    <s v="G0000110"/>
    <s v="N"/>
    <s v="MACSS Dist Billed Revenue-03"/>
    <s v=""/>
    <x v="0"/>
    <s v="CAD0330713"/>
    <s v="S"/>
    <s v="KY"/>
    <s v="REV"/>
    <s v="974"/>
    <s v="GLBATCH"/>
    <n v="7"/>
    <n v="2016"/>
  </r>
  <r>
    <s v="110"/>
    <d v="2016-07-15T00:00:00"/>
    <x v="2"/>
    <x v="0"/>
    <s v="10828"/>
    <s v="GLNANDA"/>
    <n v="-635195.51"/>
    <n v="-5245551"/>
    <s v="Billed Revenues"/>
    <s v="EXV"/>
    <s v="NONBU"/>
    <s v="G0000110"/>
    <s v="N"/>
    <s v="MACSS Dist Billed Revenue-03"/>
    <s v=""/>
    <x v="0"/>
    <s v="CAD0330713"/>
    <s v="S"/>
    <s v="KY"/>
    <s v="REV"/>
    <s v="974"/>
    <s v="GLBATCH"/>
    <n v="7"/>
    <n v="2016"/>
  </r>
  <r>
    <s v="110"/>
    <d v="2016-07-15T00:00:00"/>
    <x v="2"/>
    <x v="0"/>
    <s v="10828"/>
    <s v="GLNANDA"/>
    <n v="0"/>
    <n v="1372"/>
    <s v="Billed Revenues"/>
    <s v="EXV"/>
    <s v="NONBU"/>
    <s v="G0000110"/>
    <s v="N"/>
    <s v="MACSS Dist Billed Revenue-03"/>
    <s v=""/>
    <x v="0"/>
    <s v="CAD0330713"/>
    <s v="S"/>
    <s v="KY"/>
    <s v="REV"/>
    <s v="974"/>
    <s v="GLBATCH"/>
    <n v="7"/>
    <n v="2016"/>
  </r>
  <r>
    <s v="110"/>
    <d v="2016-07-15T00:00:00"/>
    <x v="0"/>
    <x v="0"/>
    <s v="10828"/>
    <s v="GLNANDA"/>
    <n v="0"/>
    <n v="23"/>
    <s v="Billed Revenues"/>
    <s v="EXV"/>
    <s v="NONBU"/>
    <s v="G0000110"/>
    <s v="N"/>
    <s v="MACSS Dist Billed Revenue-03"/>
    <s v=""/>
    <x v="0"/>
    <s v="CAD0330713"/>
    <s v="S"/>
    <s v="KY"/>
    <s v="REV"/>
    <s v="974"/>
    <s v="GLBATCH"/>
    <n v="7"/>
    <n v="2016"/>
  </r>
  <r>
    <s v="110"/>
    <d v="2016-07-15T00:00:00"/>
    <x v="3"/>
    <x v="0"/>
    <s v="10828"/>
    <s v="GLNANDA"/>
    <n v="-15466.01"/>
    <n v="-97620"/>
    <s v="Billed Revenues"/>
    <s v="EXV"/>
    <s v="NONBU"/>
    <s v="G0000110"/>
    <s v="N"/>
    <s v="MACSS Dist Billed Revenue-03"/>
    <s v=""/>
    <x v="0"/>
    <s v="CAD0330713"/>
    <s v="S"/>
    <s v="KY"/>
    <s v="REV"/>
    <s v="974"/>
    <s v="GLBATCH"/>
    <n v="7"/>
    <n v="2016"/>
  </r>
  <r>
    <s v="110"/>
    <d v="2016-07-15T00:00:00"/>
    <x v="5"/>
    <x v="0"/>
    <s v="10828"/>
    <s v="GLNANDA"/>
    <n v="-184849.67"/>
    <n v="-1541615"/>
    <s v="Billed Revenues"/>
    <s v="EXV"/>
    <s v="NONBU"/>
    <s v="G0000110"/>
    <s v="N"/>
    <s v="MACSS Dist Billed Revenue-03"/>
    <s v=""/>
    <x v="0"/>
    <s v="CAD0330713"/>
    <s v="S"/>
    <s v="KY"/>
    <s v="REV"/>
    <s v="974"/>
    <s v="GLBATCH"/>
    <n v="7"/>
    <n v="2016"/>
  </r>
  <r>
    <s v="110"/>
    <d v="2016-07-15T00:00:00"/>
    <x v="6"/>
    <x v="0"/>
    <s v="10828"/>
    <s v="GLNANDA"/>
    <n v="0"/>
    <n v="12"/>
    <s v="Billed Revenues"/>
    <s v="EXV"/>
    <s v="NONBU"/>
    <s v="G0000110"/>
    <s v="N"/>
    <s v="MACSS Dist Billed Revenue-03"/>
    <s v=""/>
    <x v="0"/>
    <s v="CAD0330714"/>
    <s v="S"/>
    <s v="KY"/>
    <s v="REV"/>
    <s v="974"/>
    <s v="GLBATCH"/>
    <n v="7"/>
    <n v="2016"/>
  </r>
  <r>
    <s v="110"/>
    <d v="2016-07-15T00:00:00"/>
    <x v="6"/>
    <x v="0"/>
    <s v="10828"/>
    <s v="GLNANDA"/>
    <n v="-2777.08"/>
    <n v="-14977"/>
    <s v="Billed Revenues"/>
    <s v="EXV"/>
    <s v="NONBU"/>
    <s v="G0000110"/>
    <s v="N"/>
    <s v="MACSS Dist Billed Revenue-03"/>
    <s v=""/>
    <x v="0"/>
    <s v="CAD0330714"/>
    <s v="S"/>
    <s v="KY"/>
    <s v="REV"/>
    <s v="974"/>
    <s v="GLBATCH"/>
    <n v="7"/>
    <n v="2016"/>
  </r>
  <r>
    <s v="110"/>
    <d v="2016-07-15T00:00:00"/>
    <x v="3"/>
    <x v="0"/>
    <s v="10828"/>
    <s v="GLNANDA"/>
    <n v="0"/>
    <n v="5"/>
    <s v="Billed Revenues"/>
    <s v="EXV"/>
    <s v="NONBU"/>
    <s v="G0000110"/>
    <s v="N"/>
    <s v="MACSS Dist Billed Revenue-03"/>
    <s v=""/>
    <x v="0"/>
    <s v="CAD0330714"/>
    <s v="S"/>
    <s v="KY"/>
    <s v="REV"/>
    <s v="974"/>
    <s v="GLBATCH"/>
    <n v="7"/>
    <n v="2016"/>
  </r>
  <r>
    <s v="110"/>
    <d v="2016-07-15T00:00:00"/>
    <x v="7"/>
    <x v="0"/>
    <s v="10828"/>
    <s v="GLNANDA"/>
    <n v="-92535.87"/>
    <n v="-764672"/>
    <s v="Billed Revenues"/>
    <s v="EXV"/>
    <s v="NONBU"/>
    <s v="G0000110"/>
    <s v="N"/>
    <s v="MACSS Dist Billed Revenue-03"/>
    <s v=""/>
    <x v="0"/>
    <s v="CAD0330714"/>
    <s v="S"/>
    <s v="KY"/>
    <s v="REV"/>
    <s v="974"/>
    <s v="GLBATCH"/>
    <n v="7"/>
    <n v="2016"/>
  </r>
  <r>
    <s v="110"/>
    <d v="2016-07-15T00:00:00"/>
    <x v="5"/>
    <x v="0"/>
    <s v="10828"/>
    <s v="GLNANDA"/>
    <n v="0"/>
    <n v="222"/>
    <s v="Billed Revenues"/>
    <s v="EXV"/>
    <s v="NONBU"/>
    <s v="G0000110"/>
    <s v="N"/>
    <s v="MACSS Dist Billed Revenue-03"/>
    <s v=""/>
    <x v="0"/>
    <s v="CAD0330714"/>
    <s v="S"/>
    <s v="KY"/>
    <s v="REV"/>
    <s v="974"/>
    <s v="GLBATCH"/>
    <n v="7"/>
    <n v="2016"/>
  </r>
  <r>
    <s v="110"/>
    <d v="2016-07-15T00:00:00"/>
    <x v="2"/>
    <x v="0"/>
    <s v="10828"/>
    <s v="GLNANDA"/>
    <n v="-842145.04"/>
    <n v="-6973510"/>
    <s v="Billed Revenues"/>
    <s v="EXV"/>
    <s v="NONBU"/>
    <s v="G0000110"/>
    <s v="N"/>
    <s v="MACSS Dist Billed Revenue-03"/>
    <s v=""/>
    <x v="0"/>
    <s v="CAD0330714"/>
    <s v="S"/>
    <s v="KY"/>
    <s v="REV"/>
    <s v="974"/>
    <s v="GLBATCH"/>
    <n v="7"/>
    <n v="2016"/>
  </r>
  <r>
    <s v="110"/>
    <d v="2016-07-15T00:00:00"/>
    <x v="2"/>
    <x v="0"/>
    <s v="10828"/>
    <s v="GLNANDA"/>
    <n v="0"/>
    <n v="1731"/>
    <s v="Billed Revenues"/>
    <s v="EXV"/>
    <s v="NONBU"/>
    <s v="G0000110"/>
    <s v="N"/>
    <s v="MACSS Dist Billed Revenue-03"/>
    <s v=""/>
    <x v="0"/>
    <s v="CAD0330714"/>
    <s v="S"/>
    <s v="KY"/>
    <s v="REV"/>
    <s v="974"/>
    <s v="GLBATCH"/>
    <n v="7"/>
    <n v="2016"/>
  </r>
  <r>
    <s v="110"/>
    <d v="2016-07-15T00:00:00"/>
    <x v="5"/>
    <x v="0"/>
    <s v="10828"/>
    <s v="GLNANDA"/>
    <n v="-142783.17000000001"/>
    <n v="-1162875"/>
    <s v="Billed Revenues"/>
    <s v="EXV"/>
    <s v="NONBU"/>
    <s v="G0000110"/>
    <s v="N"/>
    <s v="MACSS Dist Billed Revenue-03"/>
    <s v=""/>
    <x v="0"/>
    <s v="CAD0330714"/>
    <s v="S"/>
    <s v="KY"/>
    <s v="REV"/>
    <s v="974"/>
    <s v="GLBATCH"/>
    <n v="7"/>
    <n v="2016"/>
  </r>
  <r>
    <s v="110"/>
    <d v="2016-07-15T00:00:00"/>
    <x v="0"/>
    <x v="0"/>
    <s v="10828"/>
    <s v="GLNANDA"/>
    <n v="0"/>
    <n v="31"/>
    <s v="Billed Revenues"/>
    <s v="EXV"/>
    <s v="NONBU"/>
    <s v="G0000110"/>
    <s v="N"/>
    <s v="MACSS Dist Billed Revenue-03"/>
    <s v=""/>
    <x v="0"/>
    <s v="CAD0330714"/>
    <s v="S"/>
    <s v="KY"/>
    <s v="REV"/>
    <s v="974"/>
    <s v="GLBATCH"/>
    <n v="7"/>
    <n v="2016"/>
  </r>
  <r>
    <s v="110"/>
    <d v="2016-07-15T00:00:00"/>
    <x v="4"/>
    <x v="0"/>
    <s v="10828"/>
    <s v="GLNANDA"/>
    <n v="-726277.83"/>
    <n v="-5902207"/>
    <s v="Billed Revenues"/>
    <s v="EXV"/>
    <s v="NONBU"/>
    <s v="G0000110"/>
    <s v="N"/>
    <s v="MACSS Dist Billed Revenue-03"/>
    <s v=""/>
    <x v="0"/>
    <s v="CAD0330714"/>
    <s v="S"/>
    <s v="KY"/>
    <s v="REV"/>
    <s v="974"/>
    <s v="GLBATCH"/>
    <n v="7"/>
    <n v="2016"/>
  </r>
  <r>
    <s v="110"/>
    <d v="2016-07-15T00:00:00"/>
    <x v="4"/>
    <x v="0"/>
    <s v="10828"/>
    <s v="GLNANDA"/>
    <n v="0"/>
    <n v="4688"/>
    <s v="Billed Revenues"/>
    <s v="EXV"/>
    <s v="NONBU"/>
    <s v="G0000110"/>
    <s v="N"/>
    <s v="MACSS Dist Billed Revenue-03"/>
    <s v=""/>
    <x v="0"/>
    <s v="CAD0330714"/>
    <s v="S"/>
    <s v="KY"/>
    <s v="REV"/>
    <s v="974"/>
    <s v="GLBATCH"/>
    <n v="7"/>
    <n v="2016"/>
  </r>
  <r>
    <s v="110"/>
    <d v="2016-07-15T00:00:00"/>
    <x v="7"/>
    <x v="0"/>
    <s v="10828"/>
    <s v="GLNANDA"/>
    <n v="0"/>
    <n v="45"/>
    <s v="Billed Revenues"/>
    <s v="EXV"/>
    <s v="NONBU"/>
    <s v="G0000110"/>
    <s v="N"/>
    <s v="MACSS Dist Billed Revenue-03"/>
    <s v=""/>
    <x v="0"/>
    <s v="CAD0330714"/>
    <s v="S"/>
    <s v="KY"/>
    <s v="REV"/>
    <s v="974"/>
    <s v="GLBATCH"/>
    <n v="7"/>
    <n v="2016"/>
  </r>
  <r>
    <s v="110"/>
    <d v="2016-07-15T00:00:00"/>
    <x v="0"/>
    <x v="0"/>
    <s v="10828"/>
    <s v="GLNANDA"/>
    <n v="-42785.78"/>
    <n v="-591685"/>
    <s v="Billed Revenues"/>
    <s v="EXV"/>
    <s v="NONBU"/>
    <s v="G0000110"/>
    <s v="N"/>
    <s v="MACSS Dist Billed Revenue-03"/>
    <s v=""/>
    <x v="0"/>
    <s v="CAD0330714"/>
    <s v="S"/>
    <s v="KY"/>
    <s v="REV"/>
    <s v="974"/>
    <s v="GLBATCH"/>
    <n v="7"/>
    <n v="2016"/>
  </r>
  <r>
    <s v="110"/>
    <d v="2016-07-15T00:00:00"/>
    <x v="3"/>
    <x v="0"/>
    <s v="10828"/>
    <s v="GLNANDA"/>
    <n v="-10232.950000000001"/>
    <n v="-69100"/>
    <s v="Billed Revenues"/>
    <s v="EXV"/>
    <s v="NONBU"/>
    <s v="G0000110"/>
    <s v="N"/>
    <s v="MACSS Dist Billed Revenue-03"/>
    <s v=""/>
    <x v="0"/>
    <s v="CAD0330714"/>
    <s v="S"/>
    <s v="KY"/>
    <s v="REV"/>
    <s v="974"/>
    <s v="GLBATCH"/>
    <n v="7"/>
    <n v="2016"/>
  </r>
  <r>
    <s v="110"/>
    <d v="2016-07-15T00:00:00"/>
    <x v="1"/>
    <x v="0"/>
    <s v="10828"/>
    <s v="GLNANDA"/>
    <n v="0"/>
    <n v="2201"/>
    <s v="Billed Revenues"/>
    <s v="EXV"/>
    <s v="NONBU"/>
    <s v="G0000110"/>
    <s v="N"/>
    <s v="MACSS Dist Billed Revenue-03"/>
    <s v=""/>
    <x v="0"/>
    <s v="CAD0330714"/>
    <s v="S"/>
    <s v="KY"/>
    <s v="REV"/>
    <s v="974"/>
    <s v="GLBATCH"/>
    <n v="7"/>
    <n v="2016"/>
  </r>
  <r>
    <s v="110"/>
    <d v="2016-07-15T00:00:00"/>
    <x v="1"/>
    <x v="0"/>
    <s v="10828"/>
    <s v="GLNANDA"/>
    <n v="-309537.05"/>
    <n v="-2466883"/>
    <s v="Billed Revenues"/>
    <s v="EXV"/>
    <s v="NONBU"/>
    <s v="G0000110"/>
    <s v="N"/>
    <s v="MACSS Dist Billed Revenue-03"/>
    <s v=""/>
    <x v="0"/>
    <s v="CAD0330714"/>
    <s v="S"/>
    <s v="KY"/>
    <s v="REV"/>
    <s v="974"/>
    <s v="GLBATCH"/>
    <n v="7"/>
    <n v="2016"/>
  </r>
  <r>
    <s v="110"/>
    <d v="2016-07-15T00:00:00"/>
    <x v="0"/>
    <x v="0"/>
    <s v="10828"/>
    <s v="GLNANDA"/>
    <n v="0"/>
    <n v="34"/>
    <s v="Billed Revenues"/>
    <s v="EXV"/>
    <s v="NONBU"/>
    <s v="G0000110"/>
    <s v="N"/>
    <s v="MACSS Dist Billed Revenue-03"/>
    <s v=""/>
    <x v="0"/>
    <s v="CAD0330715"/>
    <s v="S"/>
    <s v="KY"/>
    <s v="REV"/>
    <s v="974"/>
    <s v="GLBATCH"/>
    <n v="7"/>
    <n v="2016"/>
  </r>
  <r>
    <s v="110"/>
    <d v="2016-07-15T00:00:00"/>
    <x v="0"/>
    <x v="0"/>
    <s v="10828"/>
    <s v="GLNANDA"/>
    <n v="-30887.89"/>
    <n v="-208691"/>
    <s v="Billed Revenues"/>
    <s v="EXV"/>
    <s v="NONBU"/>
    <s v="G0000110"/>
    <s v="N"/>
    <s v="MACSS Dist Billed Revenue-03"/>
    <s v=""/>
    <x v="0"/>
    <s v="CAD0330715"/>
    <s v="S"/>
    <s v="KY"/>
    <s v="REV"/>
    <s v="974"/>
    <s v="GLBATCH"/>
    <n v="7"/>
    <n v="2016"/>
  </r>
  <r>
    <s v="110"/>
    <d v="2016-07-15T00:00:00"/>
    <x v="5"/>
    <x v="0"/>
    <s v="10828"/>
    <s v="GLNANDA"/>
    <n v="0"/>
    <n v="98"/>
    <s v="Billed Revenues"/>
    <s v="EXV"/>
    <s v="NONBU"/>
    <s v="G0000110"/>
    <s v="N"/>
    <s v="MACSS Dist Billed Revenue-03"/>
    <s v=""/>
    <x v="0"/>
    <s v="CAD0330715"/>
    <s v="S"/>
    <s v="KY"/>
    <s v="REV"/>
    <s v="974"/>
    <s v="GLBATCH"/>
    <n v="7"/>
    <n v="2016"/>
  </r>
  <r>
    <s v="110"/>
    <d v="2016-07-15T00:00:00"/>
    <x v="5"/>
    <x v="0"/>
    <s v="10828"/>
    <s v="GLNANDA"/>
    <n v="-47634.74"/>
    <n v="-372503"/>
    <s v="Billed Revenues"/>
    <s v="EXV"/>
    <s v="NONBU"/>
    <s v="G0000110"/>
    <s v="N"/>
    <s v="MACSS Dist Billed Revenue-03"/>
    <s v=""/>
    <x v="0"/>
    <s v="CAD0330715"/>
    <s v="S"/>
    <s v="KY"/>
    <s v="REV"/>
    <s v="974"/>
    <s v="GLBATCH"/>
    <n v="7"/>
    <n v="2016"/>
  </r>
  <r>
    <s v="110"/>
    <d v="2016-07-15T00:00:00"/>
    <x v="7"/>
    <x v="0"/>
    <s v="10828"/>
    <s v="GLNANDA"/>
    <n v="0"/>
    <n v="37"/>
    <s v="Billed Revenues"/>
    <s v="EXV"/>
    <s v="NONBU"/>
    <s v="G0000110"/>
    <s v="N"/>
    <s v="MACSS Dist Billed Revenue-03"/>
    <s v=""/>
    <x v="0"/>
    <s v="CAD0330715"/>
    <s v="S"/>
    <s v="KY"/>
    <s v="REV"/>
    <s v="974"/>
    <s v="GLBATCH"/>
    <n v="7"/>
    <n v="2016"/>
  </r>
  <r>
    <s v="110"/>
    <d v="2016-07-15T00:00:00"/>
    <x v="7"/>
    <x v="0"/>
    <s v="10828"/>
    <s v="GLNANDA"/>
    <n v="-109816.27"/>
    <n v="-1051301"/>
    <s v="Billed Revenues"/>
    <s v="EXV"/>
    <s v="NONBU"/>
    <s v="G0000110"/>
    <s v="N"/>
    <s v="MACSS Dist Billed Revenue-03"/>
    <s v=""/>
    <x v="0"/>
    <s v="CAD0330715"/>
    <s v="S"/>
    <s v="KY"/>
    <s v="REV"/>
    <s v="974"/>
    <s v="GLBATCH"/>
    <n v="7"/>
    <n v="2016"/>
  </r>
  <r>
    <s v="110"/>
    <d v="2016-07-15T00:00:00"/>
    <x v="6"/>
    <x v="0"/>
    <s v="10828"/>
    <s v="GLNANDA"/>
    <n v="0"/>
    <n v="18"/>
    <s v="Billed Revenues"/>
    <s v="EXV"/>
    <s v="NONBU"/>
    <s v="G0000110"/>
    <s v="N"/>
    <s v="MACSS Dist Billed Revenue-03"/>
    <s v=""/>
    <x v="0"/>
    <s v="CAD0330715"/>
    <s v="S"/>
    <s v="KY"/>
    <s v="REV"/>
    <s v="974"/>
    <s v="GLBATCH"/>
    <n v="7"/>
    <n v="2016"/>
  </r>
  <r>
    <s v="110"/>
    <d v="2016-07-15T00:00:00"/>
    <x v="6"/>
    <x v="0"/>
    <s v="10828"/>
    <s v="GLNANDA"/>
    <n v="-1082.74"/>
    <n v="-5677"/>
    <s v="Billed Revenues"/>
    <s v="EXV"/>
    <s v="NONBU"/>
    <s v="G0000110"/>
    <s v="N"/>
    <s v="MACSS Dist Billed Revenue-03"/>
    <s v=""/>
    <x v="0"/>
    <s v="CAD0330715"/>
    <s v="S"/>
    <s v="KY"/>
    <s v="REV"/>
    <s v="974"/>
    <s v="GLBATCH"/>
    <n v="7"/>
    <n v="2016"/>
  </r>
  <r>
    <s v="110"/>
    <d v="2016-07-15T00:00:00"/>
    <x v="1"/>
    <x v="0"/>
    <s v="10828"/>
    <s v="GLNANDA"/>
    <n v="0"/>
    <n v="2196"/>
    <s v="Billed Revenues"/>
    <s v="EXV"/>
    <s v="NONBU"/>
    <s v="G0000110"/>
    <s v="N"/>
    <s v="MACSS Dist Billed Revenue-03"/>
    <s v=""/>
    <x v="0"/>
    <s v="CAD0330715"/>
    <s v="S"/>
    <s v="KY"/>
    <s v="REV"/>
    <s v="974"/>
    <s v="GLBATCH"/>
    <n v="7"/>
    <n v="2016"/>
  </r>
  <r>
    <s v="110"/>
    <d v="2016-07-15T00:00:00"/>
    <x v="1"/>
    <x v="0"/>
    <s v="10828"/>
    <s v="GLNANDA"/>
    <n v="-299068.68"/>
    <n v="-2365597"/>
    <s v="Billed Revenues"/>
    <s v="EXV"/>
    <s v="NONBU"/>
    <s v="G0000110"/>
    <s v="N"/>
    <s v="MACSS Dist Billed Revenue-03"/>
    <s v=""/>
    <x v="0"/>
    <s v="CAD0330715"/>
    <s v="S"/>
    <s v="KY"/>
    <s v="REV"/>
    <s v="974"/>
    <s v="GLBATCH"/>
    <n v="7"/>
    <n v="2016"/>
  </r>
  <r>
    <s v="110"/>
    <d v="2016-07-15T00:00:00"/>
    <x v="4"/>
    <x v="0"/>
    <s v="10828"/>
    <s v="GLNANDA"/>
    <n v="0"/>
    <n v="4691"/>
    <s v="Billed Revenues"/>
    <s v="EXV"/>
    <s v="NONBU"/>
    <s v="G0000110"/>
    <s v="N"/>
    <s v="MACSS Dist Billed Revenue-03"/>
    <s v=""/>
    <x v="0"/>
    <s v="CAD0330715"/>
    <s v="S"/>
    <s v="KY"/>
    <s v="REV"/>
    <s v="974"/>
    <s v="GLBATCH"/>
    <n v="7"/>
    <n v="2016"/>
  </r>
  <r>
    <s v="110"/>
    <d v="2016-07-15T00:00:00"/>
    <x v="4"/>
    <x v="0"/>
    <s v="10828"/>
    <s v="GLNANDA"/>
    <n v="-713349.4"/>
    <n v="-5768387"/>
    <s v="Billed Revenues"/>
    <s v="EXV"/>
    <s v="NONBU"/>
    <s v="G0000110"/>
    <s v="N"/>
    <s v="MACSS Dist Billed Revenue-03"/>
    <s v=""/>
    <x v="0"/>
    <s v="CAD0330715"/>
    <s v="S"/>
    <s v="KY"/>
    <s v="REV"/>
    <s v="974"/>
    <s v="GLBATCH"/>
    <n v="7"/>
    <n v="2016"/>
  </r>
  <r>
    <s v="110"/>
    <d v="2016-07-15T00:00:00"/>
    <x v="2"/>
    <x v="0"/>
    <s v="10828"/>
    <s v="GLNANDA"/>
    <n v="0"/>
    <n v="1391"/>
    <s v="Billed Revenues"/>
    <s v="EXV"/>
    <s v="NONBU"/>
    <s v="G0000110"/>
    <s v="N"/>
    <s v="MACSS Dist Billed Revenue-03"/>
    <s v=""/>
    <x v="0"/>
    <s v="CAD0330715"/>
    <s v="S"/>
    <s v="KY"/>
    <s v="REV"/>
    <s v="974"/>
    <s v="GLBATCH"/>
    <n v="7"/>
    <n v="2016"/>
  </r>
  <r>
    <s v="110"/>
    <d v="2016-07-15T00:00:00"/>
    <x v="2"/>
    <x v="0"/>
    <s v="10828"/>
    <s v="GLNANDA"/>
    <n v="-443030.56"/>
    <n v="-3471446"/>
    <s v="Billed Revenues"/>
    <s v="EXV"/>
    <s v="NONBU"/>
    <s v="G0000110"/>
    <s v="N"/>
    <s v="MACSS Dist Billed Revenue-03"/>
    <s v=""/>
    <x v="0"/>
    <s v="CAD0330715"/>
    <s v="S"/>
    <s v="KY"/>
    <s v="REV"/>
    <s v="974"/>
    <s v="GLBATCH"/>
    <n v="7"/>
    <n v="2016"/>
  </r>
  <r>
    <s v="110"/>
    <d v="2016-07-15T00:00:00"/>
    <x v="3"/>
    <x v="0"/>
    <s v="10828"/>
    <s v="GLNANDA"/>
    <n v="0"/>
    <n v="14"/>
    <s v="Billed Revenues"/>
    <s v="EXV"/>
    <s v="NONBU"/>
    <s v="G0000110"/>
    <s v="N"/>
    <s v="MACSS Dist Billed Revenue-03"/>
    <s v=""/>
    <x v="0"/>
    <s v="CAD0330715"/>
    <s v="S"/>
    <s v="KY"/>
    <s v="REV"/>
    <s v="974"/>
    <s v="GLBATCH"/>
    <n v="7"/>
    <n v="2016"/>
  </r>
  <r>
    <s v="110"/>
    <d v="2016-07-15T00:00:00"/>
    <x v="3"/>
    <x v="0"/>
    <s v="10828"/>
    <s v="GLNANDA"/>
    <n v="-95517.83"/>
    <n v="-769991"/>
    <s v="Billed Revenues"/>
    <s v="EXV"/>
    <s v="NONBU"/>
    <s v="G0000110"/>
    <s v="N"/>
    <s v="MACSS Dist Billed Revenue-03"/>
    <s v=""/>
    <x v="0"/>
    <s v="CAD0330715"/>
    <s v="S"/>
    <s v="KY"/>
    <s v="REV"/>
    <s v="974"/>
    <s v="GLBATCH"/>
    <n v="7"/>
    <n v="2016"/>
  </r>
  <r>
    <s v="110"/>
    <d v="2016-07-15T00:00:00"/>
    <x v="4"/>
    <x v="0"/>
    <s v="10828"/>
    <s v="GLNANDA"/>
    <n v="0"/>
    <n v="3830"/>
    <s v="Billed Revenues"/>
    <s v="EXV"/>
    <s v="NONBU"/>
    <s v="G0000110"/>
    <s v="N"/>
    <s v="MACSS Dist Billed Revenue-03"/>
    <s v=""/>
    <x v="0"/>
    <s v="CAD0330718"/>
    <s v="S"/>
    <s v="KY"/>
    <s v="REV"/>
    <s v="974"/>
    <s v="GLBATCH"/>
    <n v="7"/>
    <n v="2016"/>
  </r>
  <r>
    <s v="110"/>
    <d v="2016-07-15T00:00:00"/>
    <x v="4"/>
    <x v="0"/>
    <s v="10828"/>
    <s v="GLNANDA"/>
    <n v="-629793.06000000006"/>
    <n v="-5112433"/>
    <s v="Billed Revenues"/>
    <s v="EXV"/>
    <s v="NONBU"/>
    <s v="G0000110"/>
    <s v="N"/>
    <s v="MACSS Dist Billed Revenue-03"/>
    <s v=""/>
    <x v="0"/>
    <s v="CAD0330718"/>
    <s v="S"/>
    <s v="KY"/>
    <s v="REV"/>
    <s v="974"/>
    <s v="GLBATCH"/>
    <n v="7"/>
    <n v="2016"/>
  </r>
  <r>
    <s v="110"/>
    <d v="2016-07-15T00:00:00"/>
    <x v="3"/>
    <x v="0"/>
    <s v="10828"/>
    <s v="GLNANDA"/>
    <n v="0"/>
    <n v="11"/>
    <s v="Billed Revenues"/>
    <s v="EXV"/>
    <s v="NONBU"/>
    <s v="G0000110"/>
    <s v="N"/>
    <s v="MACSS Dist Billed Revenue-03"/>
    <s v=""/>
    <x v="0"/>
    <s v="CAD0330718"/>
    <s v="S"/>
    <s v="KY"/>
    <s v="REV"/>
    <s v="974"/>
    <s v="GLBATCH"/>
    <n v="7"/>
    <n v="2016"/>
  </r>
  <r>
    <s v="110"/>
    <d v="2016-07-15T00:00:00"/>
    <x v="7"/>
    <x v="0"/>
    <s v="10828"/>
    <s v="GLNANDA"/>
    <n v="-26934.59"/>
    <n v="-219539"/>
    <s v="Billed Revenues"/>
    <s v="EXV"/>
    <s v="NONBU"/>
    <s v="G0000110"/>
    <s v="N"/>
    <s v="MACSS Dist Billed Revenue-03"/>
    <s v=""/>
    <x v="0"/>
    <s v="CAD0330718"/>
    <s v="S"/>
    <s v="KY"/>
    <s v="REV"/>
    <s v="974"/>
    <s v="GLBATCH"/>
    <n v="7"/>
    <n v="2016"/>
  </r>
  <r>
    <s v="110"/>
    <d v="2016-07-15T00:00:00"/>
    <x v="7"/>
    <x v="0"/>
    <s v="10828"/>
    <s v="GLNANDA"/>
    <n v="0"/>
    <n v="17"/>
    <s v="Billed Revenues"/>
    <s v="EXV"/>
    <s v="NONBU"/>
    <s v="G0000110"/>
    <s v="N"/>
    <s v="MACSS Dist Billed Revenue-03"/>
    <s v=""/>
    <x v="0"/>
    <s v="CAD0330718"/>
    <s v="S"/>
    <s v="KY"/>
    <s v="REV"/>
    <s v="974"/>
    <s v="GLBATCH"/>
    <n v="7"/>
    <n v="2016"/>
  </r>
  <r>
    <s v="110"/>
    <d v="2016-07-15T00:00:00"/>
    <x v="0"/>
    <x v="0"/>
    <s v="10828"/>
    <s v="GLNANDA"/>
    <n v="-11081.97"/>
    <n v="-81948"/>
    <s v="Billed Revenues"/>
    <s v="EXV"/>
    <s v="NONBU"/>
    <s v="G0000110"/>
    <s v="N"/>
    <s v="MACSS Dist Billed Revenue-03"/>
    <s v=""/>
    <x v="0"/>
    <s v="CAD0330718"/>
    <s v="S"/>
    <s v="KY"/>
    <s v="REV"/>
    <s v="974"/>
    <s v="GLBATCH"/>
    <n v="7"/>
    <n v="2016"/>
  </r>
  <r>
    <s v="110"/>
    <d v="2016-07-15T00:00:00"/>
    <x v="0"/>
    <x v="0"/>
    <s v="10828"/>
    <s v="GLNANDA"/>
    <n v="0"/>
    <n v="19"/>
    <s v="Billed Revenues"/>
    <s v="EXV"/>
    <s v="NONBU"/>
    <s v="G0000110"/>
    <s v="N"/>
    <s v="MACSS Dist Billed Revenue-03"/>
    <s v=""/>
    <x v="0"/>
    <s v="CAD0330718"/>
    <s v="S"/>
    <s v="KY"/>
    <s v="REV"/>
    <s v="974"/>
    <s v="GLBATCH"/>
    <n v="7"/>
    <n v="2016"/>
  </r>
  <r>
    <s v="110"/>
    <d v="2016-07-15T00:00:00"/>
    <x v="5"/>
    <x v="0"/>
    <s v="10828"/>
    <s v="GLNANDA"/>
    <n v="-44736.42"/>
    <n v="-361995"/>
    <s v="Billed Revenues"/>
    <s v="EXV"/>
    <s v="NONBU"/>
    <s v="G0000110"/>
    <s v="N"/>
    <s v="MACSS Dist Billed Revenue-03"/>
    <s v=""/>
    <x v="0"/>
    <s v="CAD0330718"/>
    <s v="S"/>
    <s v="KY"/>
    <s v="REV"/>
    <s v="974"/>
    <s v="GLBATCH"/>
    <n v="7"/>
    <n v="2016"/>
  </r>
  <r>
    <s v="110"/>
    <d v="2016-07-15T00:00:00"/>
    <x v="5"/>
    <x v="0"/>
    <s v="10828"/>
    <s v="GLNANDA"/>
    <n v="0"/>
    <n v="87"/>
    <s v="Billed Revenues"/>
    <s v="EXV"/>
    <s v="NONBU"/>
    <s v="G0000110"/>
    <s v="N"/>
    <s v="MACSS Dist Billed Revenue-03"/>
    <s v=""/>
    <x v="0"/>
    <s v="CAD0330718"/>
    <s v="S"/>
    <s v="KY"/>
    <s v="REV"/>
    <s v="974"/>
    <s v="GLBATCH"/>
    <n v="7"/>
    <n v="2016"/>
  </r>
  <r>
    <s v="110"/>
    <d v="2016-07-15T00:00:00"/>
    <x v="1"/>
    <x v="0"/>
    <s v="10828"/>
    <s v="GLNANDA"/>
    <n v="-243003.87"/>
    <n v="-1903631"/>
    <s v="Billed Revenues"/>
    <s v="EXV"/>
    <s v="NONBU"/>
    <s v="G0000110"/>
    <s v="N"/>
    <s v="MACSS Dist Billed Revenue-03"/>
    <s v=""/>
    <x v="0"/>
    <s v="CAD0330718"/>
    <s v="S"/>
    <s v="KY"/>
    <s v="REV"/>
    <s v="974"/>
    <s v="GLBATCH"/>
    <n v="7"/>
    <n v="2016"/>
  </r>
  <r>
    <s v="110"/>
    <d v="2016-07-15T00:00:00"/>
    <x v="1"/>
    <x v="0"/>
    <s v="10828"/>
    <s v="GLNANDA"/>
    <n v="0"/>
    <n v="1840"/>
    <s v="Billed Revenues"/>
    <s v="EXV"/>
    <s v="NONBU"/>
    <s v="G0000110"/>
    <s v="N"/>
    <s v="MACSS Dist Billed Revenue-03"/>
    <s v=""/>
    <x v="0"/>
    <s v="CAD0330718"/>
    <s v="S"/>
    <s v="KY"/>
    <s v="REV"/>
    <s v="974"/>
    <s v="GLBATCH"/>
    <n v="7"/>
    <n v="2016"/>
  </r>
  <r>
    <s v="110"/>
    <d v="2016-07-15T00:00:00"/>
    <x v="6"/>
    <x v="0"/>
    <s v="10828"/>
    <s v="GLNANDA"/>
    <n v="-115.17"/>
    <n v="-496"/>
    <s v="Billed Revenues"/>
    <s v="EXV"/>
    <s v="NONBU"/>
    <s v="G0000110"/>
    <s v="N"/>
    <s v="MACSS Dist Billed Revenue-03"/>
    <s v=""/>
    <x v="0"/>
    <s v="CAD0330718"/>
    <s v="S"/>
    <s v="KY"/>
    <s v="REV"/>
    <s v="974"/>
    <s v="GLBATCH"/>
    <n v="7"/>
    <n v="2016"/>
  </r>
  <r>
    <s v="110"/>
    <d v="2016-07-15T00:00:00"/>
    <x v="6"/>
    <x v="0"/>
    <s v="10828"/>
    <s v="GLNANDA"/>
    <n v="0"/>
    <n v="2"/>
    <s v="Billed Revenues"/>
    <s v="EXV"/>
    <s v="NONBU"/>
    <s v="G0000110"/>
    <s v="N"/>
    <s v="MACSS Dist Billed Revenue-03"/>
    <s v=""/>
    <x v="0"/>
    <s v="CAD0330718"/>
    <s v="S"/>
    <s v="KY"/>
    <s v="REV"/>
    <s v="974"/>
    <s v="GLBATCH"/>
    <n v="7"/>
    <n v="2016"/>
  </r>
  <r>
    <s v="110"/>
    <d v="2016-07-15T00:00:00"/>
    <x v="2"/>
    <x v="0"/>
    <s v="10828"/>
    <s v="GLNANDA"/>
    <n v="-323954.18"/>
    <n v="-3428013"/>
    <s v="Billed Revenues"/>
    <s v="EXV"/>
    <s v="NONBU"/>
    <s v="G0000110"/>
    <s v="N"/>
    <s v="MACSS Dist Billed Revenue-03"/>
    <s v=""/>
    <x v="0"/>
    <s v="CAD0330718"/>
    <s v="S"/>
    <s v="KY"/>
    <s v="REV"/>
    <s v="974"/>
    <s v="GLBATCH"/>
    <n v="7"/>
    <n v="2016"/>
  </r>
  <r>
    <s v="110"/>
    <d v="2016-07-15T00:00:00"/>
    <x v="2"/>
    <x v="0"/>
    <s v="10828"/>
    <s v="GLNANDA"/>
    <n v="0"/>
    <n v="1036"/>
    <s v="Billed Revenues"/>
    <s v="EXV"/>
    <s v="NONBU"/>
    <s v="G0000110"/>
    <s v="N"/>
    <s v="MACSS Dist Billed Revenue-03"/>
    <s v=""/>
    <x v="0"/>
    <s v="CAD0330718"/>
    <s v="S"/>
    <s v="KY"/>
    <s v="REV"/>
    <s v="974"/>
    <s v="GLBATCH"/>
    <n v="7"/>
    <n v="2016"/>
  </r>
  <r>
    <s v="110"/>
    <d v="2016-07-15T00:00:00"/>
    <x v="3"/>
    <x v="0"/>
    <s v="10828"/>
    <s v="GLNANDA"/>
    <n v="-14138.31"/>
    <n v="-111100"/>
    <s v="Billed Revenues"/>
    <s v="EXV"/>
    <s v="NONBU"/>
    <s v="G0000110"/>
    <s v="N"/>
    <s v="MACSS Dist Billed Revenue-03"/>
    <s v=""/>
    <x v="0"/>
    <s v="CAD0330718"/>
    <s v="S"/>
    <s v="KY"/>
    <s v="REV"/>
    <s v="974"/>
    <s v="GLBATCH"/>
    <n v="7"/>
    <n v="2016"/>
  </r>
  <r>
    <s v="110"/>
    <d v="2016-07-15T00:00:00"/>
    <x v="3"/>
    <x v="0"/>
    <s v="10828"/>
    <s v="GLNANDA"/>
    <n v="0"/>
    <n v="12"/>
    <s v="Billed Revenues"/>
    <s v="EXV"/>
    <s v="NONBU"/>
    <s v="G0000110"/>
    <s v="N"/>
    <s v="MACSS Dist Billed Revenue-03"/>
    <s v=""/>
    <x v="0"/>
    <s v="CAD0330719"/>
    <s v="S"/>
    <s v="KY"/>
    <s v="REV"/>
    <s v="974"/>
    <s v="GLBATCH"/>
    <n v="7"/>
    <n v="2016"/>
  </r>
  <r>
    <s v="110"/>
    <d v="2016-07-15T00:00:00"/>
    <x v="2"/>
    <x v="0"/>
    <s v="10828"/>
    <s v="GLNANDA"/>
    <n v="-151301.57"/>
    <n v="-1064193"/>
    <s v="Billed Revenues"/>
    <s v="EXV"/>
    <s v="NONBU"/>
    <s v="G0000110"/>
    <s v="N"/>
    <s v="MACSS Dist Billed Revenue-03"/>
    <s v=""/>
    <x v="0"/>
    <s v="CAD0330719"/>
    <s v="S"/>
    <s v="KY"/>
    <s v="REV"/>
    <s v="974"/>
    <s v="GLBATCH"/>
    <n v="7"/>
    <n v="2016"/>
  </r>
  <r>
    <s v="110"/>
    <d v="2016-07-15T00:00:00"/>
    <x v="2"/>
    <x v="0"/>
    <s v="10828"/>
    <s v="GLNANDA"/>
    <n v="0"/>
    <n v="982"/>
    <s v="Billed Revenues"/>
    <s v="EXV"/>
    <s v="NONBU"/>
    <s v="G0000110"/>
    <s v="N"/>
    <s v="MACSS Dist Billed Revenue-03"/>
    <s v=""/>
    <x v="0"/>
    <s v="CAD0330719"/>
    <s v="S"/>
    <s v="KY"/>
    <s v="REV"/>
    <s v="974"/>
    <s v="GLBATCH"/>
    <n v="7"/>
    <n v="2016"/>
  </r>
  <r>
    <s v="110"/>
    <d v="2016-07-15T00:00:00"/>
    <x v="0"/>
    <x v="0"/>
    <s v="10828"/>
    <s v="GLNANDA"/>
    <n v="-77243.289999999994"/>
    <n v="-657536"/>
    <s v="Billed Revenues"/>
    <s v="EXV"/>
    <s v="NONBU"/>
    <s v="G0000110"/>
    <s v="N"/>
    <s v="MACSS Dist Billed Revenue-03"/>
    <s v=""/>
    <x v="0"/>
    <s v="CAD0330719"/>
    <s v="S"/>
    <s v="KY"/>
    <s v="REV"/>
    <s v="974"/>
    <s v="GLBATCH"/>
    <n v="7"/>
    <n v="2016"/>
  </r>
  <r>
    <s v="110"/>
    <d v="2016-07-15T00:00:00"/>
    <x v="0"/>
    <x v="0"/>
    <s v="10828"/>
    <s v="GLNANDA"/>
    <n v="0"/>
    <n v="45"/>
    <s v="Billed Revenues"/>
    <s v="EXV"/>
    <s v="NONBU"/>
    <s v="G0000110"/>
    <s v="N"/>
    <s v="MACSS Dist Billed Revenue-03"/>
    <s v=""/>
    <x v="0"/>
    <s v="CAD0330719"/>
    <s v="S"/>
    <s v="KY"/>
    <s v="REV"/>
    <s v="974"/>
    <s v="GLBATCH"/>
    <n v="7"/>
    <n v="2016"/>
  </r>
  <r>
    <s v="110"/>
    <d v="2016-07-15T00:00:00"/>
    <x v="1"/>
    <x v="0"/>
    <s v="10828"/>
    <s v="GLNANDA"/>
    <n v="-429434.9"/>
    <n v="-3476070"/>
    <s v="Billed Revenues"/>
    <s v="EXV"/>
    <s v="NONBU"/>
    <s v="G0000110"/>
    <s v="N"/>
    <s v="MACSS Dist Billed Revenue-03"/>
    <s v=""/>
    <x v="0"/>
    <s v="CAD0330719"/>
    <s v="S"/>
    <s v="KY"/>
    <s v="REV"/>
    <s v="974"/>
    <s v="GLBATCH"/>
    <n v="7"/>
    <n v="2016"/>
  </r>
  <r>
    <s v="110"/>
    <d v="2016-07-15T00:00:00"/>
    <x v="1"/>
    <x v="0"/>
    <s v="10828"/>
    <s v="GLNANDA"/>
    <n v="0"/>
    <n v="2794"/>
    <s v="Billed Revenues"/>
    <s v="EXV"/>
    <s v="NONBU"/>
    <s v="G0000110"/>
    <s v="N"/>
    <s v="MACSS Dist Billed Revenue-03"/>
    <s v=""/>
    <x v="0"/>
    <s v="CAD0330719"/>
    <s v="S"/>
    <s v="KY"/>
    <s v="REV"/>
    <s v="974"/>
    <s v="GLBATCH"/>
    <n v="7"/>
    <n v="2016"/>
  </r>
  <r>
    <s v="110"/>
    <d v="2016-07-15T00:00:00"/>
    <x v="4"/>
    <x v="0"/>
    <s v="10828"/>
    <s v="GLNANDA"/>
    <n v="-586619.72"/>
    <n v="-4773792"/>
    <s v="Billed Revenues"/>
    <s v="EXV"/>
    <s v="NONBU"/>
    <s v="G0000110"/>
    <s v="N"/>
    <s v="MACSS Dist Billed Revenue-03"/>
    <s v=""/>
    <x v="0"/>
    <s v="CAD0330719"/>
    <s v="S"/>
    <s v="KY"/>
    <s v="REV"/>
    <s v="974"/>
    <s v="GLBATCH"/>
    <n v="7"/>
    <n v="2016"/>
  </r>
  <r>
    <s v="110"/>
    <d v="2016-07-15T00:00:00"/>
    <x v="4"/>
    <x v="0"/>
    <s v="10828"/>
    <s v="GLNANDA"/>
    <n v="0"/>
    <n v="3578"/>
    <s v="Billed Revenues"/>
    <s v="EXV"/>
    <s v="NONBU"/>
    <s v="G0000110"/>
    <s v="N"/>
    <s v="MACSS Dist Billed Revenue-03"/>
    <s v=""/>
    <x v="0"/>
    <s v="CAD0330719"/>
    <s v="S"/>
    <s v="KY"/>
    <s v="REV"/>
    <s v="974"/>
    <s v="GLBATCH"/>
    <n v="7"/>
    <n v="2016"/>
  </r>
  <r>
    <s v="110"/>
    <d v="2016-07-15T00:00:00"/>
    <x v="6"/>
    <x v="0"/>
    <s v="10828"/>
    <s v="GLNANDA"/>
    <n v="-270.12"/>
    <n v="-810"/>
    <s v="Billed Revenues"/>
    <s v="EXV"/>
    <s v="NONBU"/>
    <s v="G0000110"/>
    <s v="N"/>
    <s v="MACSS Dist Billed Revenue-03"/>
    <s v=""/>
    <x v="0"/>
    <s v="CAD0330719"/>
    <s v="S"/>
    <s v="KY"/>
    <s v="REV"/>
    <s v="974"/>
    <s v="GLBATCH"/>
    <n v="7"/>
    <n v="2016"/>
  </r>
  <r>
    <s v="110"/>
    <d v="2016-07-15T00:00:00"/>
    <x v="6"/>
    <x v="0"/>
    <s v="10828"/>
    <s v="GLNANDA"/>
    <n v="0"/>
    <n v="7"/>
    <s v="Billed Revenues"/>
    <s v="EXV"/>
    <s v="NONBU"/>
    <s v="G0000110"/>
    <s v="N"/>
    <s v="MACSS Dist Billed Revenue-03"/>
    <s v=""/>
    <x v="0"/>
    <s v="CAD0330719"/>
    <s v="S"/>
    <s v="KY"/>
    <s v="REV"/>
    <s v="974"/>
    <s v="GLBATCH"/>
    <n v="7"/>
    <n v="2016"/>
  </r>
  <r>
    <s v="110"/>
    <d v="2016-07-15T00:00:00"/>
    <x v="7"/>
    <x v="0"/>
    <s v="10828"/>
    <s v="GLNANDA"/>
    <n v="-65476.5"/>
    <n v="-564784"/>
    <s v="Billed Revenues"/>
    <s v="EXV"/>
    <s v="NONBU"/>
    <s v="G0000110"/>
    <s v="N"/>
    <s v="MACSS Dist Billed Revenue-03"/>
    <s v=""/>
    <x v="0"/>
    <s v="CAD0330719"/>
    <s v="S"/>
    <s v="KY"/>
    <s v="REV"/>
    <s v="974"/>
    <s v="GLBATCH"/>
    <n v="7"/>
    <n v="2016"/>
  </r>
  <r>
    <s v="110"/>
    <d v="2016-07-15T00:00:00"/>
    <x v="7"/>
    <x v="0"/>
    <s v="10828"/>
    <s v="GLNANDA"/>
    <n v="0"/>
    <n v="16"/>
    <s v="Billed Revenues"/>
    <s v="EXV"/>
    <s v="NONBU"/>
    <s v="G0000110"/>
    <s v="N"/>
    <s v="MACSS Dist Billed Revenue-03"/>
    <s v=""/>
    <x v="0"/>
    <s v="CAD0330719"/>
    <s v="S"/>
    <s v="KY"/>
    <s v="REV"/>
    <s v="974"/>
    <s v="GLBATCH"/>
    <n v="7"/>
    <n v="2016"/>
  </r>
  <r>
    <s v="110"/>
    <d v="2016-07-15T00:00:00"/>
    <x v="3"/>
    <x v="0"/>
    <s v="10828"/>
    <s v="GLNANDA"/>
    <n v="-188434.82"/>
    <n v="-1382161"/>
    <s v="Billed Revenues"/>
    <s v="EXV"/>
    <s v="NONBU"/>
    <s v="G0000110"/>
    <s v="N"/>
    <s v="MACSS Dist Billed Revenue-03"/>
    <s v=""/>
    <x v="0"/>
    <s v="CAD0330719"/>
    <s v="S"/>
    <s v="KY"/>
    <s v="REV"/>
    <s v="974"/>
    <s v="GLBATCH"/>
    <n v="7"/>
    <n v="2016"/>
  </r>
  <r>
    <s v="110"/>
    <d v="2016-07-15T00:00:00"/>
    <x v="5"/>
    <x v="0"/>
    <s v="10828"/>
    <s v="GLNANDA"/>
    <n v="0"/>
    <n v="86"/>
    <s v="Billed Revenues"/>
    <s v="EXV"/>
    <s v="NONBU"/>
    <s v="G0000110"/>
    <s v="N"/>
    <s v="MACSS Dist Billed Revenue-03"/>
    <s v=""/>
    <x v="0"/>
    <s v="CAD0330719"/>
    <s v="S"/>
    <s v="KY"/>
    <s v="REV"/>
    <s v="974"/>
    <s v="GLBATCH"/>
    <n v="7"/>
    <n v="2016"/>
  </r>
  <r>
    <s v="110"/>
    <d v="2016-07-15T00:00:00"/>
    <x v="5"/>
    <x v="0"/>
    <s v="10828"/>
    <s v="GLNANDA"/>
    <n v="-40032.92"/>
    <n v="-331727"/>
    <s v="Billed Revenues"/>
    <s v="EXV"/>
    <s v="NONBU"/>
    <s v="G0000110"/>
    <s v="N"/>
    <s v="MACSS Dist Billed Revenue-03"/>
    <s v=""/>
    <x v="0"/>
    <s v="CAD0330719"/>
    <s v="S"/>
    <s v="KY"/>
    <s v="REV"/>
    <s v="974"/>
    <s v="GLBATCH"/>
    <n v="7"/>
    <n v="2016"/>
  </r>
  <r>
    <s v="110"/>
    <d v="2016-07-15T00:00:00"/>
    <x v="5"/>
    <x v="0"/>
    <s v="10828"/>
    <s v="GLNANDA"/>
    <n v="0"/>
    <n v="103"/>
    <s v="Billed Revenues"/>
    <s v="EXV"/>
    <s v="NONBU"/>
    <s v="G0000110"/>
    <s v="N"/>
    <s v="MACSS Dist Billed Revenue-03"/>
    <s v=""/>
    <x v="0"/>
    <s v="CAD0330720"/>
    <s v="S"/>
    <s v="KY"/>
    <s v="REV"/>
    <s v="974"/>
    <s v="GLBATCH"/>
    <n v="7"/>
    <n v="2016"/>
  </r>
  <r>
    <s v="110"/>
    <d v="2016-07-15T00:00:00"/>
    <x v="1"/>
    <x v="0"/>
    <s v="10828"/>
    <s v="GLNANDA"/>
    <n v="0"/>
    <n v="2002"/>
    <s v="Billed Revenues"/>
    <s v="EXV"/>
    <s v="NONBU"/>
    <s v="G0000110"/>
    <s v="N"/>
    <s v="MACSS Dist Billed Revenue-03"/>
    <s v=""/>
    <x v="0"/>
    <s v="CAD0330720"/>
    <s v="S"/>
    <s v="KY"/>
    <s v="REV"/>
    <s v="974"/>
    <s v="GLBATCH"/>
    <n v="7"/>
    <n v="2016"/>
  </r>
  <r>
    <s v="110"/>
    <d v="2016-07-15T00:00:00"/>
    <x v="6"/>
    <x v="0"/>
    <s v="10828"/>
    <s v="GLNANDA"/>
    <n v="0"/>
    <n v="9"/>
    <s v="Billed Revenues"/>
    <s v="EXV"/>
    <s v="NONBU"/>
    <s v="G0000110"/>
    <s v="N"/>
    <s v="MACSS Dist Billed Revenue-03"/>
    <s v=""/>
    <x v="0"/>
    <s v="CAD0330720"/>
    <s v="S"/>
    <s v="KY"/>
    <s v="REV"/>
    <s v="974"/>
    <s v="GLBATCH"/>
    <n v="7"/>
    <n v="2016"/>
  </r>
  <r>
    <s v="110"/>
    <d v="2016-07-15T00:00:00"/>
    <x v="2"/>
    <x v="0"/>
    <s v="10828"/>
    <s v="GLNANDA"/>
    <n v="-319729.23"/>
    <n v="-2468570"/>
    <s v="Billed Revenues"/>
    <s v="EXV"/>
    <s v="NONBU"/>
    <s v="G0000110"/>
    <s v="N"/>
    <s v="MACSS Dist Billed Revenue-03"/>
    <s v=""/>
    <x v="0"/>
    <s v="CAD0330720"/>
    <s v="S"/>
    <s v="KY"/>
    <s v="REV"/>
    <s v="974"/>
    <s v="GLBATCH"/>
    <n v="7"/>
    <n v="2016"/>
  </r>
  <r>
    <s v="110"/>
    <d v="2016-07-15T00:00:00"/>
    <x v="2"/>
    <x v="0"/>
    <s v="10828"/>
    <s v="GLNANDA"/>
    <n v="0"/>
    <n v="1273"/>
    <s v="Billed Revenues"/>
    <s v="EXV"/>
    <s v="NONBU"/>
    <s v="G0000110"/>
    <s v="N"/>
    <s v="MACSS Dist Billed Revenue-03"/>
    <s v=""/>
    <x v="0"/>
    <s v="CAD0330720"/>
    <s v="S"/>
    <s v="KY"/>
    <s v="REV"/>
    <s v="974"/>
    <s v="GLBATCH"/>
    <n v="7"/>
    <n v="2016"/>
  </r>
  <r>
    <s v="110"/>
    <d v="2016-07-15T00:00:00"/>
    <x v="7"/>
    <x v="0"/>
    <s v="10828"/>
    <s v="GLNANDA"/>
    <n v="-27545.25"/>
    <n v="-219657"/>
    <s v="Billed Revenues"/>
    <s v="EXV"/>
    <s v="NONBU"/>
    <s v="G0000110"/>
    <s v="N"/>
    <s v="MACSS Dist Billed Revenue-03"/>
    <s v=""/>
    <x v="0"/>
    <s v="CAD0330720"/>
    <s v="S"/>
    <s v="KY"/>
    <s v="REV"/>
    <s v="974"/>
    <s v="GLBATCH"/>
    <n v="7"/>
    <n v="2016"/>
  </r>
  <r>
    <s v="110"/>
    <d v="2016-07-15T00:00:00"/>
    <x v="7"/>
    <x v="0"/>
    <s v="10828"/>
    <s v="GLNANDA"/>
    <n v="0"/>
    <n v="15"/>
    <s v="Billed Revenues"/>
    <s v="EXV"/>
    <s v="NONBU"/>
    <s v="G0000110"/>
    <s v="N"/>
    <s v="MACSS Dist Billed Revenue-03"/>
    <s v=""/>
    <x v="0"/>
    <s v="CAD0330720"/>
    <s v="S"/>
    <s v="KY"/>
    <s v="REV"/>
    <s v="974"/>
    <s v="GLBATCH"/>
    <n v="7"/>
    <n v="2016"/>
  </r>
  <r>
    <s v="110"/>
    <d v="2016-07-15T00:00:00"/>
    <x v="4"/>
    <x v="0"/>
    <s v="10828"/>
    <s v="GLNANDA"/>
    <n v="0"/>
    <n v="4251"/>
    <s v="Billed Revenues"/>
    <s v="EXV"/>
    <s v="NONBU"/>
    <s v="G0000110"/>
    <s v="N"/>
    <s v="MACSS Dist Billed Revenue-03"/>
    <s v=""/>
    <x v="0"/>
    <s v="CAD0330720"/>
    <s v="S"/>
    <s v="KY"/>
    <s v="REV"/>
    <s v="974"/>
    <s v="GLBATCH"/>
    <n v="7"/>
    <n v="2016"/>
  </r>
  <r>
    <s v="110"/>
    <d v="2016-07-15T00:00:00"/>
    <x v="5"/>
    <x v="0"/>
    <s v="10828"/>
    <s v="GLNANDA"/>
    <n v="-77444.570000000007"/>
    <n v="-637178"/>
    <s v="Billed Revenues"/>
    <s v="EXV"/>
    <s v="NONBU"/>
    <s v="G0000110"/>
    <s v="N"/>
    <s v="MACSS Dist Billed Revenue-03"/>
    <s v=""/>
    <x v="0"/>
    <s v="CAD0330720"/>
    <s v="S"/>
    <s v="KY"/>
    <s v="REV"/>
    <s v="974"/>
    <s v="GLBATCH"/>
    <n v="7"/>
    <n v="2016"/>
  </r>
  <r>
    <s v="110"/>
    <d v="2016-07-15T00:00:00"/>
    <x v="0"/>
    <x v="0"/>
    <s v="10828"/>
    <s v="GLNANDA"/>
    <n v="-80841.78"/>
    <n v="-379202"/>
    <s v="Billed Revenues"/>
    <s v="EXV"/>
    <s v="NONBU"/>
    <s v="G0000110"/>
    <s v="N"/>
    <s v="MACSS Dist Billed Revenue-03"/>
    <s v=""/>
    <x v="0"/>
    <s v="CAD0330720"/>
    <s v="S"/>
    <s v="KY"/>
    <s v="REV"/>
    <s v="974"/>
    <s v="GLBATCH"/>
    <n v="7"/>
    <n v="2016"/>
  </r>
  <r>
    <s v="110"/>
    <d v="2016-07-15T00:00:00"/>
    <x v="0"/>
    <x v="0"/>
    <s v="10828"/>
    <s v="GLNANDA"/>
    <n v="0"/>
    <n v="71"/>
    <s v="Billed Revenues"/>
    <s v="EXV"/>
    <s v="NONBU"/>
    <s v="G0000110"/>
    <s v="N"/>
    <s v="MACSS Dist Billed Revenue-03"/>
    <s v=""/>
    <x v="0"/>
    <s v="CAD0330720"/>
    <s v="S"/>
    <s v="KY"/>
    <s v="REV"/>
    <s v="974"/>
    <s v="GLBATCH"/>
    <n v="7"/>
    <n v="2016"/>
  </r>
  <r>
    <s v="110"/>
    <d v="2016-07-15T00:00:00"/>
    <x v="4"/>
    <x v="0"/>
    <s v="10828"/>
    <s v="GLNANDA"/>
    <n v="-698355.58"/>
    <n v="-5693843"/>
    <s v="Billed Revenues"/>
    <s v="EXV"/>
    <s v="NONBU"/>
    <s v="G0000110"/>
    <s v="N"/>
    <s v="MACSS Dist Billed Revenue-03"/>
    <s v=""/>
    <x v="0"/>
    <s v="CAD0330720"/>
    <s v="S"/>
    <s v="KY"/>
    <s v="REV"/>
    <s v="974"/>
    <s v="GLBATCH"/>
    <n v="7"/>
    <n v="2016"/>
  </r>
  <r>
    <s v="110"/>
    <d v="2016-07-15T00:00:00"/>
    <x v="3"/>
    <x v="0"/>
    <s v="10828"/>
    <s v="GLNANDA"/>
    <n v="-19835.759999999998"/>
    <n v="-176522"/>
    <s v="Billed Revenues"/>
    <s v="EXV"/>
    <s v="NONBU"/>
    <s v="G0000110"/>
    <s v="N"/>
    <s v="MACSS Dist Billed Revenue-03"/>
    <s v=""/>
    <x v="0"/>
    <s v="CAD0330720"/>
    <s v="S"/>
    <s v="KY"/>
    <s v="REV"/>
    <s v="974"/>
    <s v="GLBATCH"/>
    <n v="7"/>
    <n v="2016"/>
  </r>
  <r>
    <s v="110"/>
    <d v="2016-07-15T00:00:00"/>
    <x v="3"/>
    <x v="0"/>
    <s v="10828"/>
    <s v="GLNANDA"/>
    <n v="0"/>
    <n v="18"/>
    <s v="Billed Revenues"/>
    <s v="EXV"/>
    <s v="NONBU"/>
    <s v="G0000110"/>
    <s v="N"/>
    <s v="MACSS Dist Billed Revenue-03"/>
    <s v=""/>
    <x v="0"/>
    <s v="CAD0330720"/>
    <s v="S"/>
    <s v="KY"/>
    <s v="REV"/>
    <s v="974"/>
    <s v="GLBATCH"/>
    <n v="7"/>
    <n v="2016"/>
  </r>
  <r>
    <s v="110"/>
    <d v="2016-07-15T00:00:00"/>
    <x v="1"/>
    <x v="0"/>
    <s v="10828"/>
    <s v="GLNANDA"/>
    <n v="-291048.28000000003"/>
    <n v="-2322439"/>
    <s v="Billed Revenues"/>
    <s v="EXV"/>
    <s v="NONBU"/>
    <s v="G0000110"/>
    <s v="N"/>
    <s v="MACSS Dist Billed Revenue-03"/>
    <s v=""/>
    <x v="0"/>
    <s v="CAD0330720"/>
    <s v="S"/>
    <s v="KY"/>
    <s v="REV"/>
    <s v="974"/>
    <s v="GLBATCH"/>
    <n v="7"/>
    <n v="2016"/>
  </r>
  <r>
    <s v="110"/>
    <d v="2016-07-15T00:00:00"/>
    <x v="6"/>
    <x v="0"/>
    <s v="10828"/>
    <s v="GLNANDA"/>
    <n v="-1712.74"/>
    <n v="-11736"/>
    <s v="Billed Revenues"/>
    <s v="EXV"/>
    <s v="NONBU"/>
    <s v="G0000110"/>
    <s v="N"/>
    <s v="MACSS Dist Billed Revenue-03"/>
    <s v=""/>
    <x v="0"/>
    <s v="CAD0330720"/>
    <s v="S"/>
    <s v="KY"/>
    <s v="REV"/>
    <s v="974"/>
    <s v="GLBATCH"/>
    <n v="7"/>
    <n v="2016"/>
  </r>
  <r>
    <s v="110"/>
    <d v="2016-07-15T00:00:00"/>
    <x v="6"/>
    <x v="0"/>
    <s v="10828"/>
    <s v="GLNANDA"/>
    <n v="-617.49"/>
    <n v="-2802"/>
    <s v="Billed Revenues"/>
    <s v="EXV"/>
    <s v="NONBU"/>
    <s v="G0000110"/>
    <s v="N"/>
    <s v="MACSS Dist Billed Revenue-03"/>
    <s v=""/>
    <x v="0"/>
    <s v="CAD0330721"/>
    <s v="S"/>
    <s v="KY"/>
    <s v="REV"/>
    <s v="974"/>
    <s v="GLBATCH"/>
    <n v="7"/>
    <n v="2016"/>
  </r>
  <r>
    <s v="110"/>
    <d v="2016-07-15T00:00:00"/>
    <x v="6"/>
    <x v="0"/>
    <s v="10828"/>
    <s v="GLNANDA"/>
    <n v="0"/>
    <n v="13"/>
    <s v="Billed Revenues"/>
    <s v="EXV"/>
    <s v="NONBU"/>
    <s v="G0000110"/>
    <s v="N"/>
    <s v="MACSS Dist Billed Revenue-03"/>
    <s v=""/>
    <x v="0"/>
    <s v="CAD0330721"/>
    <s v="S"/>
    <s v="KY"/>
    <s v="REV"/>
    <s v="974"/>
    <s v="GLBATCH"/>
    <n v="7"/>
    <n v="2016"/>
  </r>
  <r>
    <s v="110"/>
    <d v="2016-07-15T00:00:00"/>
    <x v="7"/>
    <x v="0"/>
    <s v="10828"/>
    <s v="GLNANDA"/>
    <n v="-61319.12"/>
    <n v="-492190"/>
    <s v="Billed Revenues"/>
    <s v="EXV"/>
    <s v="NONBU"/>
    <s v="G0000110"/>
    <s v="N"/>
    <s v="MACSS Dist Billed Revenue-03"/>
    <s v=""/>
    <x v="0"/>
    <s v="CAD0330721"/>
    <s v="S"/>
    <s v="KY"/>
    <s v="REV"/>
    <s v="974"/>
    <s v="GLBATCH"/>
    <n v="7"/>
    <n v="2016"/>
  </r>
  <r>
    <s v="110"/>
    <d v="2016-07-15T00:00:00"/>
    <x v="7"/>
    <x v="0"/>
    <s v="10828"/>
    <s v="GLNANDA"/>
    <n v="0"/>
    <n v="37"/>
    <s v="Billed Revenues"/>
    <s v="EXV"/>
    <s v="NONBU"/>
    <s v="G0000110"/>
    <s v="N"/>
    <s v="MACSS Dist Billed Revenue-03"/>
    <s v=""/>
    <x v="0"/>
    <s v="CAD0330721"/>
    <s v="S"/>
    <s v="KY"/>
    <s v="REV"/>
    <s v="974"/>
    <s v="GLBATCH"/>
    <n v="7"/>
    <n v="2016"/>
  </r>
  <r>
    <s v="110"/>
    <d v="2016-07-15T00:00:00"/>
    <x v="5"/>
    <x v="0"/>
    <s v="10828"/>
    <s v="GLNANDA"/>
    <n v="-96765.4"/>
    <n v="-796038"/>
    <s v="Billed Revenues"/>
    <s v="EXV"/>
    <s v="NONBU"/>
    <s v="G0000110"/>
    <s v="N"/>
    <s v="MACSS Dist Billed Revenue-03"/>
    <s v=""/>
    <x v="0"/>
    <s v="CAD0330721"/>
    <s v="S"/>
    <s v="KY"/>
    <s v="REV"/>
    <s v="974"/>
    <s v="GLBATCH"/>
    <n v="7"/>
    <n v="2016"/>
  </r>
  <r>
    <s v="110"/>
    <d v="2016-07-15T00:00:00"/>
    <x v="5"/>
    <x v="0"/>
    <s v="10828"/>
    <s v="GLNANDA"/>
    <n v="0"/>
    <n v="154"/>
    <s v="Billed Revenues"/>
    <s v="EXV"/>
    <s v="NONBU"/>
    <s v="G0000110"/>
    <s v="N"/>
    <s v="MACSS Dist Billed Revenue-03"/>
    <s v=""/>
    <x v="0"/>
    <s v="CAD0330721"/>
    <s v="S"/>
    <s v="KY"/>
    <s v="REV"/>
    <s v="974"/>
    <s v="GLBATCH"/>
    <n v="7"/>
    <n v="2016"/>
  </r>
  <r>
    <s v="110"/>
    <d v="2016-07-15T00:00:00"/>
    <x v="0"/>
    <x v="0"/>
    <s v="10828"/>
    <s v="GLNANDA"/>
    <n v="0"/>
    <n v="56"/>
    <s v="Billed Revenues"/>
    <s v="EXV"/>
    <s v="NONBU"/>
    <s v="G0000110"/>
    <s v="N"/>
    <s v="MACSS Dist Billed Revenue-03"/>
    <s v=""/>
    <x v="0"/>
    <s v="CAD0330721"/>
    <s v="S"/>
    <s v="KY"/>
    <s v="REV"/>
    <s v="974"/>
    <s v="GLBATCH"/>
    <n v="7"/>
    <n v="2016"/>
  </r>
  <r>
    <s v="110"/>
    <d v="2016-07-15T00:00:00"/>
    <x v="3"/>
    <x v="0"/>
    <s v="10828"/>
    <s v="GLNANDA"/>
    <n v="-17894.259999999998"/>
    <n v="-103854"/>
    <s v="Billed Revenues"/>
    <s v="EXV"/>
    <s v="NONBU"/>
    <s v="G0000110"/>
    <s v="N"/>
    <s v="MACSS Dist Billed Revenue-03"/>
    <s v=""/>
    <x v="0"/>
    <s v="CAD0330721"/>
    <s v="S"/>
    <s v="KY"/>
    <s v="REV"/>
    <s v="974"/>
    <s v="GLBATCH"/>
    <n v="7"/>
    <n v="2016"/>
  </r>
  <r>
    <s v="110"/>
    <d v="2016-07-15T00:00:00"/>
    <x v="3"/>
    <x v="0"/>
    <s v="10828"/>
    <s v="GLNANDA"/>
    <n v="0"/>
    <n v="6"/>
    <s v="Billed Revenues"/>
    <s v="EXV"/>
    <s v="NONBU"/>
    <s v="G0000110"/>
    <s v="N"/>
    <s v="MACSS Dist Billed Revenue-03"/>
    <s v=""/>
    <x v="0"/>
    <s v="CAD0330721"/>
    <s v="S"/>
    <s v="KY"/>
    <s v="REV"/>
    <s v="974"/>
    <s v="GLBATCH"/>
    <n v="7"/>
    <n v="2016"/>
  </r>
  <r>
    <s v="110"/>
    <d v="2016-07-15T00:00:00"/>
    <x v="2"/>
    <x v="0"/>
    <s v="10828"/>
    <s v="GLNANDA"/>
    <n v="-293079.95"/>
    <n v="-2241712"/>
    <s v="Billed Revenues"/>
    <s v="EXV"/>
    <s v="NONBU"/>
    <s v="G0000110"/>
    <s v="N"/>
    <s v="MACSS Dist Billed Revenue-03"/>
    <s v=""/>
    <x v="0"/>
    <s v="CAD0330721"/>
    <s v="S"/>
    <s v="KY"/>
    <s v="REV"/>
    <s v="974"/>
    <s v="GLBATCH"/>
    <n v="7"/>
    <n v="2016"/>
  </r>
  <r>
    <s v="110"/>
    <d v="2016-07-15T00:00:00"/>
    <x v="2"/>
    <x v="0"/>
    <s v="10828"/>
    <s v="GLNANDA"/>
    <n v="0"/>
    <n v="1117"/>
    <s v="Billed Revenues"/>
    <s v="EXV"/>
    <s v="NONBU"/>
    <s v="G0000110"/>
    <s v="N"/>
    <s v="MACSS Dist Billed Revenue-03"/>
    <s v=""/>
    <x v="0"/>
    <s v="CAD0330721"/>
    <s v="S"/>
    <s v="KY"/>
    <s v="REV"/>
    <s v="974"/>
    <s v="GLBATCH"/>
    <n v="7"/>
    <n v="2016"/>
  </r>
  <r>
    <s v="110"/>
    <d v="2016-07-15T00:00:00"/>
    <x v="0"/>
    <x v="0"/>
    <s v="10828"/>
    <s v="GLNANDA"/>
    <n v="-184841.64"/>
    <n v="-2664596"/>
    <s v="Billed Revenues"/>
    <s v="EXV"/>
    <s v="NONBU"/>
    <s v="G0000110"/>
    <s v="N"/>
    <s v="MACSS Dist Billed Revenue-03"/>
    <s v=""/>
    <x v="0"/>
    <s v="CAD0330721"/>
    <s v="S"/>
    <s v="KY"/>
    <s v="REV"/>
    <s v="974"/>
    <s v="GLBATCH"/>
    <n v="7"/>
    <n v="2016"/>
  </r>
  <r>
    <s v="110"/>
    <d v="2016-07-15T00:00:00"/>
    <x v="1"/>
    <x v="0"/>
    <s v="10828"/>
    <s v="GLNANDA"/>
    <n v="-288673.46000000002"/>
    <n v="-2292220"/>
    <s v="Billed Revenues"/>
    <s v="EXV"/>
    <s v="NONBU"/>
    <s v="G0000110"/>
    <s v="N"/>
    <s v="MACSS Dist Billed Revenue-03"/>
    <s v=""/>
    <x v="0"/>
    <s v="CAD0330721"/>
    <s v="S"/>
    <s v="KY"/>
    <s v="REV"/>
    <s v="974"/>
    <s v="GLBATCH"/>
    <n v="7"/>
    <n v="2016"/>
  </r>
  <r>
    <s v="110"/>
    <d v="2016-07-15T00:00:00"/>
    <x v="1"/>
    <x v="0"/>
    <s v="10828"/>
    <s v="GLNANDA"/>
    <n v="0"/>
    <n v="2084"/>
    <s v="Billed Revenues"/>
    <s v="EXV"/>
    <s v="NONBU"/>
    <s v="G0000110"/>
    <s v="N"/>
    <s v="MACSS Dist Billed Revenue-03"/>
    <s v=""/>
    <x v="0"/>
    <s v="CAD0330721"/>
    <s v="S"/>
    <s v="KY"/>
    <s v="REV"/>
    <s v="974"/>
    <s v="GLBATCH"/>
    <n v="7"/>
    <n v="2016"/>
  </r>
  <r>
    <s v="110"/>
    <d v="2016-07-15T00:00:00"/>
    <x v="4"/>
    <x v="0"/>
    <s v="10828"/>
    <s v="GLNANDA"/>
    <n v="0"/>
    <n v="3714"/>
    <s v="Billed Revenues"/>
    <s v="EXV"/>
    <s v="NONBU"/>
    <s v="G0000110"/>
    <s v="N"/>
    <s v="MACSS Dist Billed Revenue-03"/>
    <s v=""/>
    <x v="0"/>
    <s v="CAD0330721"/>
    <s v="S"/>
    <s v="KY"/>
    <s v="REV"/>
    <s v="974"/>
    <s v="GLBATCH"/>
    <n v="7"/>
    <n v="2016"/>
  </r>
  <r>
    <s v="110"/>
    <d v="2016-07-15T00:00:00"/>
    <x v="4"/>
    <x v="0"/>
    <s v="10828"/>
    <s v="GLNANDA"/>
    <n v="-618984.59"/>
    <n v="-5046772"/>
    <s v="Billed Revenues"/>
    <s v="EXV"/>
    <s v="NONBU"/>
    <s v="G0000110"/>
    <s v="N"/>
    <s v="MACSS Dist Billed Revenue-03"/>
    <s v=""/>
    <x v="0"/>
    <s v="CAD0330721"/>
    <s v="S"/>
    <s v="KY"/>
    <s v="REV"/>
    <s v="974"/>
    <s v="GLBATCH"/>
    <n v="7"/>
    <n v="2016"/>
  </r>
  <r>
    <s v="110"/>
    <d v="2016-07-15T00:00:00"/>
    <x v="1"/>
    <x v="0"/>
    <s v="10828"/>
    <s v="GLNANDA"/>
    <n v="0"/>
    <n v="1430"/>
    <s v="Billed Revenues"/>
    <s v="EXV"/>
    <s v="NONBU"/>
    <s v="G0000110"/>
    <s v="N"/>
    <s v="MACSS Dist Billed Revenue-03"/>
    <s v=""/>
    <x v="0"/>
    <s v="CAD0330722"/>
    <s v="S"/>
    <s v="KY"/>
    <s v="REV"/>
    <s v="974"/>
    <s v="GLBATCH"/>
    <n v="7"/>
    <n v="2016"/>
  </r>
  <r>
    <s v="110"/>
    <d v="2016-07-15T00:00:00"/>
    <x v="1"/>
    <x v="0"/>
    <s v="10828"/>
    <s v="GLNANDA"/>
    <n v="-196913.57"/>
    <n v="-1551382"/>
    <s v="Billed Revenues"/>
    <s v="EXV"/>
    <s v="NONBU"/>
    <s v="G0000110"/>
    <s v="N"/>
    <s v="MACSS Dist Billed Revenue-03"/>
    <s v=""/>
    <x v="0"/>
    <s v="CAD0330722"/>
    <s v="S"/>
    <s v="KY"/>
    <s v="REV"/>
    <s v="974"/>
    <s v="GLBATCH"/>
    <n v="7"/>
    <n v="2016"/>
  </r>
  <r>
    <s v="110"/>
    <d v="2016-07-15T00:00:00"/>
    <x v="4"/>
    <x v="0"/>
    <s v="10828"/>
    <s v="GLNANDA"/>
    <n v="0"/>
    <n v="2659"/>
    <s v="Billed Revenues"/>
    <s v="EXV"/>
    <s v="NONBU"/>
    <s v="G0000110"/>
    <s v="N"/>
    <s v="MACSS Dist Billed Revenue-03"/>
    <s v=""/>
    <x v="0"/>
    <s v="CAD0330722"/>
    <s v="S"/>
    <s v="KY"/>
    <s v="REV"/>
    <s v="974"/>
    <s v="GLBATCH"/>
    <n v="7"/>
    <n v="2016"/>
  </r>
  <r>
    <s v="110"/>
    <d v="2016-07-15T00:00:00"/>
    <x v="4"/>
    <x v="0"/>
    <s v="10828"/>
    <s v="GLNANDA"/>
    <n v="-402223.51"/>
    <n v="-3225362"/>
    <s v="Billed Revenues"/>
    <s v="EXV"/>
    <s v="NONBU"/>
    <s v="G0000110"/>
    <s v="N"/>
    <s v="MACSS Dist Billed Revenue-03"/>
    <s v=""/>
    <x v="0"/>
    <s v="CAD0330722"/>
    <s v="S"/>
    <s v="KY"/>
    <s v="REV"/>
    <s v="974"/>
    <s v="GLBATCH"/>
    <n v="7"/>
    <n v="2016"/>
  </r>
  <r>
    <s v="110"/>
    <d v="2016-07-15T00:00:00"/>
    <x v="0"/>
    <x v="0"/>
    <s v="10828"/>
    <s v="GLNANDA"/>
    <n v="0"/>
    <n v="19"/>
    <s v="Billed Revenues"/>
    <s v="EXV"/>
    <s v="NONBU"/>
    <s v="G0000110"/>
    <s v="N"/>
    <s v="MACSS Dist Billed Revenue-03"/>
    <s v=""/>
    <x v="0"/>
    <s v="CAD0330722"/>
    <s v="S"/>
    <s v="KY"/>
    <s v="REV"/>
    <s v="974"/>
    <s v="GLBATCH"/>
    <n v="7"/>
    <n v="2016"/>
  </r>
  <r>
    <s v="110"/>
    <d v="2016-07-15T00:00:00"/>
    <x v="0"/>
    <x v="0"/>
    <s v="10828"/>
    <s v="GLNANDA"/>
    <n v="-4518.04"/>
    <n v="-31501"/>
    <s v="Billed Revenues"/>
    <s v="EXV"/>
    <s v="NONBU"/>
    <s v="G0000110"/>
    <s v="N"/>
    <s v="MACSS Dist Billed Revenue-03"/>
    <s v=""/>
    <x v="0"/>
    <s v="CAD0330722"/>
    <s v="S"/>
    <s v="KY"/>
    <s v="REV"/>
    <s v="974"/>
    <s v="GLBATCH"/>
    <n v="7"/>
    <n v="2016"/>
  </r>
  <r>
    <s v="110"/>
    <d v="2016-07-15T00:00:00"/>
    <x v="2"/>
    <x v="0"/>
    <s v="10828"/>
    <s v="GLNANDA"/>
    <n v="0"/>
    <n v="800"/>
    <s v="Billed Revenues"/>
    <s v="EXV"/>
    <s v="NONBU"/>
    <s v="G0000110"/>
    <s v="N"/>
    <s v="MACSS Dist Billed Revenue-03"/>
    <s v=""/>
    <x v="0"/>
    <s v="CAD0330722"/>
    <s v="S"/>
    <s v="KY"/>
    <s v="REV"/>
    <s v="974"/>
    <s v="GLBATCH"/>
    <n v="7"/>
    <n v="2016"/>
  </r>
  <r>
    <s v="110"/>
    <d v="2016-07-15T00:00:00"/>
    <x v="2"/>
    <x v="0"/>
    <s v="10828"/>
    <s v="GLNANDA"/>
    <n v="-229857.15"/>
    <n v="-1749017"/>
    <s v="Billed Revenues"/>
    <s v="EXV"/>
    <s v="NONBU"/>
    <s v="G0000110"/>
    <s v="N"/>
    <s v="MACSS Dist Billed Revenue-03"/>
    <s v=""/>
    <x v="0"/>
    <s v="CAD0330722"/>
    <s v="S"/>
    <s v="KY"/>
    <s v="REV"/>
    <s v="974"/>
    <s v="GLBATCH"/>
    <n v="7"/>
    <n v="2016"/>
  </r>
  <r>
    <s v="110"/>
    <d v="2016-07-15T00:00:00"/>
    <x v="3"/>
    <x v="0"/>
    <s v="10828"/>
    <s v="GLNANDA"/>
    <n v="0"/>
    <n v="5"/>
    <s v="Billed Revenues"/>
    <s v="EXV"/>
    <s v="NONBU"/>
    <s v="G0000110"/>
    <s v="N"/>
    <s v="MACSS Dist Billed Revenue-03"/>
    <s v=""/>
    <x v="0"/>
    <s v="CAD0330722"/>
    <s v="S"/>
    <s v="KY"/>
    <s v="REV"/>
    <s v="974"/>
    <s v="GLBATCH"/>
    <n v="7"/>
    <n v="2016"/>
  </r>
  <r>
    <s v="110"/>
    <d v="2016-07-15T00:00:00"/>
    <x v="3"/>
    <x v="0"/>
    <s v="10828"/>
    <s v="GLNANDA"/>
    <n v="-36498.51"/>
    <n v="-310087"/>
    <s v="Billed Revenues"/>
    <s v="EXV"/>
    <s v="NONBU"/>
    <s v="G0000110"/>
    <s v="N"/>
    <s v="MACSS Dist Billed Revenue-03"/>
    <s v=""/>
    <x v="0"/>
    <s v="CAD0330722"/>
    <s v="S"/>
    <s v="KY"/>
    <s v="REV"/>
    <s v="974"/>
    <s v="GLBATCH"/>
    <n v="7"/>
    <n v="2016"/>
  </r>
  <r>
    <s v="110"/>
    <d v="2016-07-15T00:00:00"/>
    <x v="7"/>
    <x v="0"/>
    <s v="10828"/>
    <s v="GLNANDA"/>
    <n v="0"/>
    <n v="26"/>
    <s v="Billed Revenues"/>
    <s v="EXV"/>
    <s v="NONBU"/>
    <s v="G0000110"/>
    <s v="N"/>
    <s v="MACSS Dist Billed Revenue-03"/>
    <s v=""/>
    <x v="0"/>
    <s v="CAD0330722"/>
    <s v="S"/>
    <s v="KY"/>
    <s v="REV"/>
    <s v="974"/>
    <s v="GLBATCH"/>
    <n v="7"/>
    <n v="2016"/>
  </r>
  <r>
    <s v="110"/>
    <d v="2016-07-15T00:00:00"/>
    <x v="7"/>
    <x v="0"/>
    <s v="10828"/>
    <s v="GLNANDA"/>
    <n v="-55031.47"/>
    <n v="-475463"/>
    <s v="Billed Revenues"/>
    <s v="EXV"/>
    <s v="NONBU"/>
    <s v="G0000110"/>
    <s v="N"/>
    <s v="MACSS Dist Billed Revenue-03"/>
    <s v=""/>
    <x v="0"/>
    <s v="CAD0330722"/>
    <s v="S"/>
    <s v="KY"/>
    <s v="REV"/>
    <s v="974"/>
    <s v="GLBATCH"/>
    <n v="7"/>
    <n v="2016"/>
  </r>
  <r>
    <s v="110"/>
    <d v="2016-07-15T00:00:00"/>
    <x v="6"/>
    <x v="0"/>
    <s v="10828"/>
    <s v="GLNANDA"/>
    <n v="0"/>
    <n v="11"/>
    <s v="Billed Revenues"/>
    <s v="EXV"/>
    <s v="NONBU"/>
    <s v="G0000110"/>
    <s v="N"/>
    <s v="MACSS Dist Billed Revenue-03"/>
    <s v=""/>
    <x v="0"/>
    <s v="CAD0330722"/>
    <s v="S"/>
    <s v="KY"/>
    <s v="REV"/>
    <s v="974"/>
    <s v="GLBATCH"/>
    <n v="7"/>
    <n v="2016"/>
  </r>
  <r>
    <s v="110"/>
    <d v="2016-07-15T00:00:00"/>
    <x v="6"/>
    <x v="0"/>
    <s v="10828"/>
    <s v="GLNANDA"/>
    <n v="-838.56"/>
    <n v="-2111"/>
    <s v="Billed Revenues"/>
    <s v="EXV"/>
    <s v="NONBU"/>
    <s v="G0000110"/>
    <s v="N"/>
    <s v="MACSS Dist Billed Revenue-03"/>
    <s v=""/>
    <x v="0"/>
    <s v="CAD0330722"/>
    <s v="S"/>
    <s v="KY"/>
    <s v="REV"/>
    <s v="974"/>
    <s v="GLBATCH"/>
    <n v="7"/>
    <n v="2016"/>
  </r>
  <r>
    <s v="110"/>
    <d v="2016-07-15T00:00:00"/>
    <x v="5"/>
    <x v="0"/>
    <s v="10828"/>
    <s v="GLNANDA"/>
    <n v="0"/>
    <n v="135"/>
    <s v="Billed Revenues"/>
    <s v="EXV"/>
    <s v="NONBU"/>
    <s v="G0000110"/>
    <s v="N"/>
    <s v="MACSS Dist Billed Revenue-03"/>
    <s v=""/>
    <x v="0"/>
    <s v="CAD0330722"/>
    <s v="S"/>
    <s v="KY"/>
    <s v="REV"/>
    <s v="974"/>
    <s v="GLBATCH"/>
    <n v="7"/>
    <n v="2016"/>
  </r>
  <r>
    <s v="110"/>
    <d v="2016-07-15T00:00:00"/>
    <x v="5"/>
    <x v="0"/>
    <s v="10828"/>
    <s v="GLNANDA"/>
    <n v="-82841.149999999994"/>
    <n v="-683937"/>
    <s v="Billed Revenues"/>
    <s v="EXV"/>
    <s v="NONBU"/>
    <s v="G0000110"/>
    <s v="N"/>
    <s v="MACSS Dist Billed Revenue-03"/>
    <s v=""/>
    <x v="0"/>
    <s v="CAD0330722"/>
    <s v="S"/>
    <s v="KY"/>
    <s v="REV"/>
    <s v="974"/>
    <s v="GLBATCH"/>
    <n v="7"/>
    <n v="2016"/>
  </r>
  <r>
    <s v="110"/>
    <d v="2016-07-15T00:00:00"/>
    <x v="4"/>
    <x v="0"/>
    <s v="10828"/>
    <s v="GLNANDA"/>
    <n v="0"/>
    <n v="4632"/>
    <s v="Billed Revenues"/>
    <s v="EXV"/>
    <s v="NONBU"/>
    <s v="G0000110"/>
    <s v="N"/>
    <s v="MACSS Dist Billed Revenue-03"/>
    <s v=""/>
    <x v="0"/>
    <s v="CAD0330725"/>
    <s v="S"/>
    <s v="KY"/>
    <s v="REV"/>
    <s v="974"/>
    <s v="GLBATCH"/>
    <n v="7"/>
    <n v="2016"/>
  </r>
  <r>
    <s v="110"/>
    <d v="2016-07-15T00:00:00"/>
    <x v="5"/>
    <x v="0"/>
    <s v="10828"/>
    <s v="GLNANDA"/>
    <n v="-58445.06"/>
    <n v="-468197"/>
    <s v="Billed Revenues"/>
    <s v="EXV"/>
    <s v="NONBU"/>
    <s v="G0000110"/>
    <s v="N"/>
    <s v="MACSS Dist Billed Revenue-03"/>
    <s v=""/>
    <x v="0"/>
    <s v="CAD0330725"/>
    <s v="S"/>
    <s v="KY"/>
    <s v="REV"/>
    <s v="974"/>
    <s v="GLBATCH"/>
    <n v="7"/>
    <n v="2016"/>
  </r>
  <r>
    <s v="110"/>
    <d v="2016-07-15T00:00:00"/>
    <x v="1"/>
    <x v="0"/>
    <s v="10828"/>
    <s v="GLNANDA"/>
    <n v="0"/>
    <n v="2862"/>
    <s v="Billed Revenues"/>
    <s v="EXV"/>
    <s v="NONBU"/>
    <s v="G0000110"/>
    <s v="N"/>
    <s v="MACSS Dist Billed Revenue-03"/>
    <s v=""/>
    <x v="0"/>
    <s v="CAD0330725"/>
    <s v="S"/>
    <s v="KY"/>
    <s v="REV"/>
    <s v="974"/>
    <s v="GLBATCH"/>
    <n v="7"/>
    <n v="2016"/>
  </r>
  <r>
    <s v="110"/>
    <d v="2016-07-15T00:00:00"/>
    <x v="1"/>
    <x v="0"/>
    <s v="10828"/>
    <s v="GLNANDA"/>
    <n v="-431083.39"/>
    <n v="-3496250"/>
    <s v="Billed Revenues"/>
    <s v="EXV"/>
    <s v="NONBU"/>
    <s v="G0000110"/>
    <s v="N"/>
    <s v="MACSS Dist Billed Revenue-03"/>
    <s v=""/>
    <x v="0"/>
    <s v="CAD0330725"/>
    <s v="S"/>
    <s v="KY"/>
    <s v="REV"/>
    <s v="974"/>
    <s v="GLBATCH"/>
    <n v="7"/>
    <n v="2016"/>
  </r>
  <r>
    <s v="110"/>
    <d v="2016-07-15T00:00:00"/>
    <x v="0"/>
    <x v="0"/>
    <s v="10828"/>
    <s v="GLNANDA"/>
    <n v="0"/>
    <n v="93"/>
    <s v="Billed Revenues"/>
    <s v="EXV"/>
    <s v="NONBU"/>
    <s v="G0000110"/>
    <s v="N"/>
    <s v="MACSS Dist Billed Revenue-03"/>
    <s v=""/>
    <x v="0"/>
    <s v="CAD0330725"/>
    <s v="S"/>
    <s v="KY"/>
    <s v="REV"/>
    <s v="974"/>
    <s v="GLBATCH"/>
    <n v="7"/>
    <n v="2016"/>
  </r>
  <r>
    <s v="110"/>
    <d v="2016-07-15T00:00:00"/>
    <x v="0"/>
    <x v="0"/>
    <s v="10828"/>
    <s v="GLNANDA"/>
    <n v="-20233.21"/>
    <n v="-142789"/>
    <s v="Billed Revenues"/>
    <s v="EXV"/>
    <s v="NONBU"/>
    <s v="G0000110"/>
    <s v="N"/>
    <s v="MACSS Dist Billed Revenue-03"/>
    <s v=""/>
    <x v="0"/>
    <s v="CAD0330725"/>
    <s v="S"/>
    <s v="KY"/>
    <s v="REV"/>
    <s v="974"/>
    <s v="GLBATCH"/>
    <n v="7"/>
    <n v="2016"/>
  </r>
  <r>
    <s v="110"/>
    <d v="2016-07-15T00:00:00"/>
    <x v="2"/>
    <x v="0"/>
    <s v="10828"/>
    <s v="GLNANDA"/>
    <n v="0"/>
    <n v="1228"/>
    <s v="Billed Revenues"/>
    <s v="EXV"/>
    <s v="NONBU"/>
    <s v="G0000110"/>
    <s v="N"/>
    <s v="MACSS Dist Billed Revenue-03"/>
    <s v=""/>
    <x v="0"/>
    <s v="CAD0330725"/>
    <s v="S"/>
    <s v="KY"/>
    <s v="REV"/>
    <s v="974"/>
    <s v="GLBATCH"/>
    <n v="7"/>
    <n v="2016"/>
  </r>
  <r>
    <s v="110"/>
    <d v="2016-07-15T00:00:00"/>
    <x v="2"/>
    <x v="0"/>
    <s v="10828"/>
    <s v="GLNANDA"/>
    <n v="-323698.52"/>
    <n v="-2501235"/>
    <s v="Billed Revenues"/>
    <s v="EXV"/>
    <s v="NONBU"/>
    <s v="G0000110"/>
    <s v="N"/>
    <s v="MACSS Dist Billed Revenue-03"/>
    <s v=""/>
    <x v="0"/>
    <s v="CAD0330725"/>
    <s v="S"/>
    <s v="KY"/>
    <s v="REV"/>
    <s v="974"/>
    <s v="GLBATCH"/>
    <n v="7"/>
    <n v="2016"/>
  </r>
  <r>
    <s v="110"/>
    <d v="2016-07-15T00:00:00"/>
    <x v="3"/>
    <x v="0"/>
    <s v="10828"/>
    <s v="GLNANDA"/>
    <n v="0"/>
    <n v="15"/>
    <s v="Billed Revenues"/>
    <s v="EXV"/>
    <s v="NONBU"/>
    <s v="G0000110"/>
    <s v="N"/>
    <s v="MACSS Dist Billed Revenue-03"/>
    <s v=""/>
    <x v="0"/>
    <s v="CAD0330725"/>
    <s v="S"/>
    <s v="KY"/>
    <s v="REV"/>
    <s v="974"/>
    <s v="GLBATCH"/>
    <n v="7"/>
    <n v="2016"/>
  </r>
  <r>
    <s v="110"/>
    <d v="2016-07-15T00:00:00"/>
    <x v="3"/>
    <x v="0"/>
    <s v="10828"/>
    <s v="GLNANDA"/>
    <n v="-273446.78999999998"/>
    <n v="-2932669"/>
    <s v="Billed Revenues"/>
    <s v="EXV"/>
    <s v="NONBU"/>
    <s v="G0000110"/>
    <s v="N"/>
    <s v="MACSS Dist Billed Revenue-03"/>
    <s v=""/>
    <x v="0"/>
    <s v="CAD0330725"/>
    <s v="S"/>
    <s v="KY"/>
    <s v="REV"/>
    <s v="974"/>
    <s v="GLBATCH"/>
    <n v="7"/>
    <n v="2016"/>
  </r>
  <r>
    <s v="110"/>
    <d v="2016-07-15T00:00:00"/>
    <x v="7"/>
    <x v="0"/>
    <s v="10828"/>
    <s v="GLNANDA"/>
    <n v="0"/>
    <n v="44"/>
    <s v="Billed Revenues"/>
    <s v="EXV"/>
    <s v="NONBU"/>
    <s v="G0000110"/>
    <s v="N"/>
    <s v="MACSS Dist Billed Revenue-03"/>
    <s v=""/>
    <x v="0"/>
    <s v="CAD0330725"/>
    <s v="S"/>
    <s v="KY"/>
    <s v="REV"/>
    <s v="974"/>
    <s v="GLBATCH"/>
    <n v="7"/>
    <n v="2016"/>
  </r>
  <r>
    <s v="110"/>
    <d v="2016-07-15T00:00:00"/>
    <x v="7"/>
    <x v="0"/>
    <s v="10828"/>
    <s v="GLNANDA"/>
    <n v="-106785.57"/>
    <n v="-862887"/>
    <s v="Billed Revenues"/>
    <s v="EXV"/>
    <s v="NONBU"/>
    <s v="G0000110"/>
    <s v="N"/>
    <s v="MACSS Dist Billed Revenue-03"/>
    <s v=""/>
    <x v="0"/>
    <s v="CAD0330725"/>
    <s v="S"/>
    <s v="KY"/>
    <s v="REV"/>
    <s v="974"/>
    <s v="GLBATCH"/>
    <n v="7"/>
    <n v="2016"/>
  </r>
  <r>
    <s v="110"/>
    <d v="2016-07-15T00:00:00"/>
    <x v="6"/>
    <x v="0"/>
    <s v="10828"/>
    <s v="GLNANDA"/>
    <n v="0"/>
    <n v="12"/>
    <s v="Billed Revenues"/>
    <s v="EXV"/>
    <s v="NONBU"/>
    <s v="G0000110"/>
    <s v="N"/>
    <s v="MACSS Dist Billed Revenue-03"/>
    <s v=""/>
    <x v="0"/>
    <s v="CAD0330725"/>
    <s v="S"/>
    <s v="KY"/>
    <s v="REV"/>
    <s v="974"/>
    <s v="GLBATCH"/>
    <n v="7"/>
    <n v="2016"/>
  </r>
  <r>
    <s v="110"/>
    <d v="2016-07-15T00:00:00"/>
    <x v="6"/>
    <x v="0"/>
    <s v="10828"/>
    <s v="GLNANDA"/>
    <n v="-541.74"/>
    <n v="-1975"/>
    <s v="Billed Revenues"/>
    <s v="EXV"/>
    <s v="NONBU"/>
    <s v="G0000110"/>
    <s v="N"/>
    <s v="MACSS Dist Billed Revenue-03"/>
    <s v=""/>
    <x v="0"/>
    <s v="CAD0330725"/>
    <s v="S"/>
    <s v="KY"/>
    <s v="REV"/>
    <s v="974"/>
    <s v="GLBATCH"/>
    <n v="7"/>
    <n v="2016"/>
  </r>
  <r>
    <s v="110"/>
    <d v="2016-07-15T00:00:00"/>
    <x v="5"/>
    <x v="0"/>
    <s v="10828"/>
    <s v="GLNANDA"/>
    <n v="0"/>
    <n v="134"/>
    <s v="Billed Revenues"/>
    <s v="EXV"/>
    <s v="NONBU"/>
    <s v="G0000110"/>
    <s v="N"/>
    <s v="MACSS Dist Billed Revenue-03"/>
    <s v=""/>
    <x v="0"/>
    <s v="CAD0330725"/>
    <s v="S"/>
    <s v="KY"/>
    <s v="REV"/>
    <s v="974"/>
    <s v="GLBATCH"/>
    <n v="7"/>
    <n v="2016"/>
  </r>
  <r>
    <s v="110"/>
    <d v="2016-07-15T00:00:00"/>
    <x v="4"/>
    <x v="0"/>
    <s v="10828"/>
    <s v="GLNANDA"/>
    <n v="-759113.1"/>
    <n v="-6214069"/>
    <s v="Billed Revenues"/>
    <s v="EXV"/>
    <s v="NONBU"/>
    <s v="G0000110"/>
    <s v="N"/>
    <s v="MACSS Dist Billed Revenue-03"/>
    <s v=""/>
    <x v="0"/>
    <s v="CAD0330725"/>
    <s v="S"/>
    <s v="KY"/>
    <s v="REV"/>
    <s v="974"/>
    <s v="GLBATCH"/>
    <n v="7"/>
    <n v="2016"/>
  </r>
  <r>
    <s v="110"/>
    <d v="2016-07-15T00:00:00"/>
    <x v="1"/>
    <x v="0"/>
    <s v="10828"/>
    <s v="GLNANDA"/>
    <n v="0"/>
    <n v="2285"/>
    <s v="Billed Revenues"/>
    <s v="EXV"/>
    <s v="NONBU"/>
    <s v="G0000110"/>
    <s v="N"/>
    <s v="MACSS Dist Billed Revenue-03"/>
    <s v=""/>
    <x v="0"/>
    <s v="CAD0330726"/>
    <s v="S"/>
    <s v="KY"/>
    <s v="REV"/>
    <s v="974"/>
    <s v="GLBATCH"/>
    <n v="7"/>
    <n v="2016"/>
  </r>
  <r>
    <s v="110"/>
    <d v="2016-07-15T00:00:00"/>
    <x v="5"/>
    <x v="0"/>
    <s v="10828"/>
    <s v="GLNANDA"/>
    <n v="-61219.47"/>
    <n v="-466753"/>
    <s v="Billed Revenues"/>
    <s v="EXV"/>
    <s v="NONBU"/>
    <s v="G0000110"/>
    <s v="N"/>
    <s v="MACSS Dist Billed Revenue-03"/>
    <s v=""/>
    <x v="0"/>
    <s v="CAD0330726"/>
    <s v="S"/>
    <s v="KY"/>
    <s v="REV"/>
    <s v="974"/>
    <s v="GLBATCH"/>
    <n v="7"/>
    <n v="2016"/>
  </r>
  <r>
    <s v="110"/>
    <d v="2016-07-15T00:00:00"/>
    <x v="4"/>
    <x v="0"/>
    <s v="10828"/>
    <s v="GLNANDA"/>
    <n v="0"/>
    <n v="4175"/>
    <s v="Billed Revenues"/>
    <s v="EXV"/>
    <s v="NONBU"/>
    <s v="G0000110"/>
    <s v="N"/>
    <s v="MACSS Dist Billed Revenue-03"/>
    <s v=""/>
    <x v="0"/>
    <s v="CAD0330726"/>
    <s v="S"/>
    <s v="KY"/>
    <s v="REV"/>
    <s v="974"/>
    <s v="GLBATCH"/>
    <n v="7"/>
    <n v="2016"/>
  </r>
  <r>
    <s v="110"/>
    <d v="2016-07-15T00:00:00"/>
    <x v="4"/>
    <x v="0"/>
    <s v="10828"/>
    <s v="GLNANDA"/>
    <n v="-715529.32"/>
    <n v="-5860012"/>
    <s v="Billed Revenues"/>
    <s v="EXV"/>
    <s v="NONBU"/>
    <s v="G0000110"/>
    <s v="N"/>
    <s v="MACSS Dist Billed Revenue-03"/>
    <s v=""/>
    <x v="0"/>
    <s v="CAD0330726"/>
    <s v="S"/>
    <s v="KY"/>
    <s v="REV"/>
    <s v="974"/>
    <s v="GLBATCH"/>
    <n v="7"/>
    <n v="2016"/>
  </r>
  <r>
    <s v="110"/>
    <d v="2016-07-15T00:00:00"/>
    <x v="0"/>
    <x v="0"/>
    <s v="10828"/>
    <s v="GLNANDA"/>
    <n v="0"/>
    <n v="45"/>
    <s v="Billed Revenues"/>
    <s v="EXV"/>
    <s v="NONBU"/>
    <s v="G0000110"/>
    <s v="N"/>
    <s v="MACSS Dist Billed Revenue-03"/>
    <s v=""/>
    <x v="0"/>
    <s v="CAD0330726"/>
    <s v="S"/>
    <s v="KY"/>
    <s v="REV"/>
    <s v="974"/>
    <s v="GLBATCH"/>
    <n v="7"/>
    <n v="2016"/>
  </r>
  <r>
    <s v="110"/>
    <d v="2016-07-15T00:00:00"/>
    <x v="0"/>
    <x v="0"/>
    <s v="10828"/>
    <s v="GLNANDA"/>
    <n v="-621138.67000000004"/>
    <n v="-9844215"/>
    <s v="Billed Revenues"/>
    <s v="EXV"/>
    <s v="NONBU"/>
    <s v="G0000110"/>
    <s v="N"/>
    <s v="MACSS Dist Billed Revenue-03"/>
    <s v=""/>
    <x v="0"/>
    <s v="CAD0330726"/>
    <s v="S"/>
    <s v="KY"/>
    <s v="REV"/>
    <s v="974"/>
    <s v="GLBATCH"/>
    <n v="7"/>
    <n v="2016"/>
  </r>
  <r>
    <s v="110"/>
    <d v="2016-07-15T00:00:00"/>
    <x v="2"/>
    <x v="0"/>
    <s v="10828"/>
    <s v="GLNANDA"/>
    <n v="0"/>
    <n v="1361"/>
    <s v="Billed Revenues"/>
    <s v="EXV"/>
    <s v="NONBU"/>
    <s v="G0000110"/>
    <s v="N"/>
    <s v="MACSS Dist Billed Revenue-03"/>
    <s v=""/>
    <x v="0"/>
    <s v="CAD0330726"/>
    <s v="S"/>
    <s v="KY"/>
    <s v="REV"/>
    <s v="974"/>
    <s v="GLBATCH"/>
    <n v="7"/>
    <n v="2016"/>
  </r>
  <r>
    <s v="110"/>
    <d v="2016-07-15T00:00:00"/>
    <x v="2"/>
    <x v="0"/>
    <s v="10828"/>
    <s v="GLNANDA"/>
    <n v="-333646.90000000002"/>
    <n v="-2639618"/>
    <s v="Billed Revenues"/>
    <s v="EXV"/>
    <s v="NONBU"/>
    <s v="G0000110"/>
    <s v="N"/>
    <s v="MACSS Dist Billed Revenue-03"/>
    <s v=""/>
    <x v="0"/>
    <s v="CAD0330726"/>
    <s v="S"/>
    <s v="KY"/>
    <s v="REV"/>
    <s v="974"/>
    <s v="GLBATCH"/>
    <n v="7"/>
    <n v="2016"/>
  </r>
  <r>
    <s v="110"/>
    <d v="2016-07-15T00:00:00"/>
    <x v="3"/>
    <x v="0"/>
    <s v="10828"/>
    <s v="GLNANDA"/>
    <n v="0"/>
    <n v="14"/>
    <s v="Billed Revenues"/>
    <s v="EXV"/>
    <s v="NONBU"/>
    <s v="G0000110"/>
    <s v="N"/>
    <s v="MACSS Dist Billed Revenue-03"/>
    <s v=""/>
    <x v="0"/>
    <s v="CAD0330726"/>
    <s v="S"/>
    <s v="KY"/>
    <s v="REV"/>
    <s v="974"/>
    <s v="GLBATCH"/>
    <n v="7"/>
    <n v="2016"/>
  </r>
  <r>
    <s v="110"/>
    <d v="2016-07-15T00:00:00"/>
    <x v="3"/>
    <x v="0"/>
    <s v="10828"/>
    <s v="GLNANDA"/>
    <n v="-201073.55"/>
    <n v="-2169917"/>
    <s v="Billed Revenues"/>
    <s v="EXV"/>
    <s v="NONBU"/>
    <s v="G0000110"/>
    <s v="N"/>
    <s v="MACSS Dist Billed Revenue-03"/>
    <s v=""/>
    <x v="0"/>
    <s v="CAD0330726"/>
    <s v="S"/>
    <s v="KY"/>
    <s v="REV"/>
    <s v="974"/>
    <s v="GLBATCH"/>
    <n v="7"/>
    <n v="2016"/>
  </r>
  <r>
    <s v="110"/>
    <d v="2016-07-15T00:00:00"/>
    <x v="7"/>
    <x v="0"/>
    <s v="10828"/>
    <s v="GLNANDA"/>
    <n v="0"/>
    <n v="37"/>
    <s v="Billed Revenues"/>
    <s v="EXV"/>
    <s v="NONBU"/>
    <s v="G0000110"/>
    <s v="N"/>
    <s v="MACSS Dist Billed Revenue-03"/>
    <s v=""/>
    <x v="0"/>
    <s v="CAD0330726"/>
    <s v="S"/>
    <s v="KY"/>
    <s v="REV"/>
    <s v="974"/>
    <s v="GLBATCH"/>
    <n v="7"/>
    <n v="2016"/>
  </r>
  <r>
    <s v="110"/>
    <d v="2016-07-15T00:00:00"/>
    <x v="7"/>
    <x v="0"/>
    <s v="10828"/>
    <s v="GLNANDA"/>
    <n v="-65044.22"/>
    <n v="-554166"/>
    <s v="Billed Revenues"/>
    <s v="EXV"/>
    <s v="NONBU"/>
    <s v="G0000110"/>
    <s v="N"/>
    <s v="MACSS Dist Billed Revenue-03"/>
    <s v=""/>
    <x v="0"/>
    <s v="CAD0330726"/>
    <s v="S"/>
    <s v="KY"/>
    <s v="REV"/>
    <s v="974"/>
    <s v="GLBATCH"/>
    <n v="7"/>
    <n v="2016"/>
  </r>
  <r>
    <s v="110"/>
    <d v="2016-07-15T00:00:00"/>
    <x v="6"/>
    <x v="0"/>
    <s v="10828"/>
    <s v="GLNANDA"/>
    <n v="0"/>
    <n v="5"/>
    <s v="Billed Revenues"/>
    <s v="EXV"/>
    <s v="NONBU"/>
    <s v="G0000110"/>
    <s v="N"/>
    <s v="MACSS Dist Billed Revenue-03"/>
    <s v=""/>
    <x v="0"/>
    <s v="CAD0330726"/>
    <s v="S"/>
    <s v="KY"/>
    <s v="REV"/>
    <s v="974"/>
    <s v="GLBATCH"/>
    <n v="7"/>
    <n v="2016"/>
  </r>
  <r>
    <s v="110"/>
    <d v="2016-07-15T00:00:00"/>
    <x v="6"/>
    <x v="0"/>
    <s v="10828"/>
    <s v="GLNANDA"/>
    <n v="-1023.53"/>
    <n v="-2319"/>
    <s v="Billed Revenues"/>
    <s v="EXV"/>
    <s v="NONBU"/>
    <s v="G0000110"/>
    <s v="N"/>
    <s v="MACSS Dist Billed Revenue-03"/>
    <s v=""/>
    <x v="0"/>
    <s v="CAD0330726"/>
    <s v="S"/>
    <s v="KY"/>
    <s v="REV"/>
    <s v="974"/>
    <s v="GLBATCH"/>
    <n v="7"/>
    <n v="2016"/>
  </r>
  <r>
    <s v="110"/>
    <d v="2016-07-15T00:00:00"/>
    <x v="5"/>
    <x v="0"/>
    <s v="10828"/>
    <s v="GLNANDA"/>
    <n v="0"/>
    <n v="140"/>
    <s v="Billed Revenues"/>
    <s v="EXV"/>
    <s v="NONBU"/>
    <s v="G0000110"/>
    <s v="N"/>
    <s v="MACSS Dist Billed Revenue-03"/>
    <s v=""/>
    <x v="0"/>
    <s v="CAD0330726"/>
    <s v="S"/>
    <s v="KY"/>
    <s v="REV"/>
    <s v="974"/>
    <s v="GLBATCH"/>
    <n v="7"/>
    <n v="2016"/>
  </r>
  <r>
    <s v="110"/>
    <d v="2016-07-15T00:00:00"/>
    <x v="1"/>
    <x v="0"/>
    <s v="10828"/>
    <s v="GLNANDA"/>
    <n v="-333155.20000000001"/>
    <n v="-2670817"/>
    <s v="Billed Revenues"/>
    <s v="EXV"/>
    <s v="NONBU"/>
    <s v="G0000110"/>
    <s v="N"/>
    <s v="MACSS Dist Billed Revenue-03"/>
    <s v=""/>
    <x v="0"/>
    <s v="CAD0330726"/>
    <s v="S"/>
    <s v="KY"/>
    <s v="REV"/>
    <s v="974"/>
    <s v="GLBATCH"/>
    <n v="7"/>
    <n v="2016"/>
  </r>
  <r>
    <s v="110"/>
    <d v="2016-07-15T00:00:00"/>
    <x v="4"/>
    <x v="0"/>
    <s v="10828"/>
    <s v="GLNANDA"/>
    <n v="0"/>
    <n v="3607"/>
    <s v="Billed Revenues"/>
    <s v="EXV"/>
    <s v="NONBU"/>
    <s v="G0000110"/>
    <s v="N"/>
    <s v="MACSS Dist Billed Revenue-03"/>
    <s v=""/>
    <x v="0"/>
    <s v="CAD0330727"/>
    <s v="S"/>
    <s v="KY"/>
    <s v="REV"/>
    <s v="974"/>
    <s v="GLBATCH"/>
    <n v="7"/>
    <n v="2016"/>
  </r>
  <r>
    <s v="110"/>
    <d v="2016-07-15T00:00:00"/>
    <x v="5"/>
    <x v="0"/>
    <s v="10828"/>
    <s v="GLNANDA"/>
    <n v="-65128.24"/>
    <n v="-493273"/>
    <s v="Billed Revenues"/>
    <s v="EXV"/>
    <s v="NONBU"/>
    <s v="G0000110"/>
    <s v="N"/>
    <s v="MACSS Dist Billed Revenue-03"/>
    <s v=""/>
    <x v="0"/>
    <s v="CAD0330727"/>
    <s v="S"/>
    <s v="KY"/>
    <s v="REV"/>
    <s v="974"/>
    <s v="GLBATCH"/>
    <n v="7"/>
    <n v="2016"/>
  </r>
  <r>
    <s v="110"/>
    <d v="2016-07-15T00:00:00"/>
    <x v="1"/>
    <x v="0"/>
    <s v="10828"/>
    <s v="GLNANDA"/>
    <n v="0"/>
    <n v="2443"/>
    <s v="Billed Revenues"/>
    <s v="EXV"/>
    <s v="NONBU"/>
    <s v="G0000110"/>
    <s v="N"/>
    <s v="MACSS Dist Billed Revenue-03"/>
    <s v=""/>
    <x v="0"/>
    <s v="CAD0330727"/>
    <s v="S"/>
    <s v="KY"/>
    <s v="REV"/>
    <s v="974"/>
    <s v="GLBATCH"/>
    <n v="7"/>
    <n v="2016"/>
  </r>
  <r>
    <s v="110"/>
    <d v="2016-07-15T00:00:00"/>
    <x v="1"/>
    <x v="0"/>
    <s v="10828"/>
    <s v="GLNANDA"/>
    <n v="-391339.2"/>
    <n v="-3185460"/>
    <s v="Billed Revenues"/>
    <s v="EXV"/>
    <s v="NONBU"/>
    <s v="G0000110"/>
    <s v="N"/>
    <s v="MACSS Dist Billed Revenue-03"/>
    <s v=""/>
    <x v="0"/>
    <s v="CAD0330727"/>
    <s v="S"/>
    <s v="KY"/>
    <s v="REV"/>
    <s v="974"/>
    <s v="GLBATCH"/>
    <n v="7"/>
    <n v="2016"/>
  </r>
  <r>
    <s v="110"/>
    <d v="2016-07-15T00:00:00"/>
    <x v="0"/>
    <x v="0"/>
    <s v="10828"/>
    <s v="GLNANDA"/>
    <n v="0"/>
    <n v="55"/>
    <s v="Billed Revenues"/>
    <s v="EXV"/>
    <s v="NONBU"/>
    <s v="G0000110"/>
    <s v="N"/>
    <s v="MACSS Dist Billed Revenue-03"/>
    <s v=""/>
    <x v="0"/>
    <s v="CAD0330727"/>
    <s v="S"/>
    <s v="KY"/>
    <s v="REV"/>
    <s v="974"/>
    <s v="GLBATCH"/>
    <n v="7"/>
    <n v="2016"/>
  </r>
  <r>
    <s v="110"/>
    <d v="2016-07-15T00:00:00"/>
    <x v="0"/>
    <x v="0"/>
    <s v="10828"/>
    <s v="GLNANDA"/>
    <n v="-212382.62"/>
    <n v="-3388448"/>
    <s v="Billed Revenues"/>
    <s v="EXV"/>
    <s v="NONBU"/>
    <s v="G0000110"/>
    <s v="N"/>
    <s v="MACSS Dist Billed Revenue-03"/>
    <s v=""/>
    <x v="0"/>
    <s v="CAD0330727"/>
    <s v="S"/>
    <s v="KY"/>
    <s v="REV"/>
    <s v="974"/>
    <s v="GLBATCH"/>
    <n v="7"/>
    <n v="2016"/>
  </r>
  <r>
    <s v="110"/>
    <d v="2016-07-15T00:00:00"/>
    <x v="2"/>
    <x v="0"/>
    <s v="10828"/>
    <s v="GLNANDA"/>
    <n v="0"/>
    <n v="1404"/>
    <s v="Billed Revenues"/>
    <s v="EXV"/>
    <s v="NONBU"/>
    <s v="G0000110"/>
    <s v="N"/>
    <s v="MACSS Dist Billed Revenue-03"/>
    <s v=""/>
    <x v="0"/>
    <s v="CAD0330727"/>
    <s v="S"/>
    <s v="KY"/>
    <s v="REV"/>
    <s v="974"/>
    <s v="GLBATCH"/>
    <n v="7"/>
    <n v="2016"/>
  </r>
  <r>
    <s v="110"/>
    <d v="2016-07-15T00:00:00"/>
    <x v="2"/>
    <x v="0"/>
    <s v="10828"/>
    <s v="GLNANDA"/>
    <n v="-690526.87"/>
    <n v="-5873087"/>
    <s v="Billed Revenues"/>
    <s v="EXV"/>
    <s v="NONBU"/>
    <s v="G0000110"/>
    <s v="N"/>
    <s v="MACSS Dist Billed Revenue-03"/>
    <s v=""/>
    <x v="0"/>
    <s v="CAD0330727"/>
    <s v="S"/>
    <s v="KY"/>
    <s v="REV"/>
    <s v="974"/>
    <s v="GLBATCH"/>
    <n v="7"/>
    <n v="2016"/>
  </r>
  <r>
    <s v="110"/>
    <d v="2016-07-15T00:00:00"/>
    <x v="3"/>
    <x v="0"/>
    <s v="10828"/>
    <s v="GLNANDA"/>
    <n v="0"/>
    <n v="25"/>
    <s v="Billed Revenues"/>
    <s v="EXV"/>
    <s v="NONBU"/>
    <s v="G0000110"/>
    <s v="N"/>
    <s v="MACSS Dist Billed Revenue-03"/>
    <s v=""/>
    <x v="0"/>
    <s v="CAD0330727"/>
    <s v="S"/>
    <s v="KY"/>
    <s v="REV"/>
    <s v="974"/>
    <s v="GLBATCH"/>
    <n v="7"/>
    <n v="2016"/>
  </r>
  <r>
    <s v="110"/>
    <d v="2016-07-15T00:00:00"/>
    <x v="3"/>
    <x v="0"/>
    <s v="10828"/>
    <s v="GLNANDA"/>
    <n v="-240203.77"/>
    <n v="-2678217"/>
    <s v="Billed Revenues"/>
    <s v="EXV"/>
    <s v="NONBU"/>
    <s v="G0000110"/>
    <s v="N"/>
    <s v="MACSS Dist Billed Revenue-03"/>
    <s v=""/>
    <x v="0"/>
    <s v="CAD0330727"/>
    <s v="S"/>
    <s v="KY"/>
    <s v="REV"/>
    <s v="974"/>
    <s v="GLBATCH"/>
    <n v="7"/>
    <n v="2016"/>
  </r>
  <r>
    <s v="110"/>
    <d v="2016-07-15T00:00:00"/>
    <x v="7"/>
    <x v="0"/>
    <s v="10828"/>
    <s v="GLNANDA"/>
    <n v="0"/>
    <n v="31"/>
    <s v="Billed Revenues"/>
    <s v="EXV"/>
    <s v="NONBU"/>
    <s v="G0000110"/>
    <s v="N"/>
    <s v="MACSS Dist Billed Revenue-03"/>
    <s v=""/>
    <x v="0"/>
    <s v="CAD0330727"/>
    <s v="S"/>
    <s v="KY"/>
    <s v="REV"/>
    <s v="974"/>
    <s v="GLBATCH"/>
    <n v="7"/>
    <n v="2016"/>
  </r>
  <r>
    <s v="110"/>
    <d v="2016-07-15T00:00:00"/>
    <x v="7"/>
    <x v="0"/>
    <s v="10828"/>
    <s v="GLNANDA"/>
    <n v="-36117.589999999997"/>
    <n v="-305054"/>
    <s v="Billed Revenues"/>
    <s v="EXV"/>
    <s v="NONBU"/>
    <s v="G0000110"/>
    <s v="N"/>
    <s v="MACSS Dist Billed Revenue-03"/>
    <s v=""/>
    <x v="0"/>
    <s v="CAD0330727"/>
    <s v="S"/>
    <s v="KY"/>
    <s v="REV"/>
    <s v="974"/>
    <s v="GLBATCH"/>
    <n v="7"/>
    <n v="2016"/>
  </r>
  <r>
    <s v="110"/>
    <d v="2016-07-15T00:00:00"/>
    <x v="6"/>
    <x v="0"/>
    <s v="10828"/>
    <s v="GLNANDA"/>
    <n v="0"/>
    <n v="15"/>
    <s v="Billed Revenues"/>
    <s v="EXV"/>
    <s v="NONBU"/>
    <s v="G0000110"/>
    <s v="N"/>
    <s v="MACSS Dist Billed Revenue-03"/>
    <s v=""/>
    <x v="0"/>
    <s v="CAD0330727"/>
    <s v="S"/>
    <s v="KY"/>
    <s v="REV"/>
    <s v="974"/>
    <s v="GLBATCH"/>
    <n v="7"/>
    <n v="2016"/>
  </r>
  <r>
    <s v="110"/>
    <d v="2016-07-15T00:00:00"/>
    <x v="6"/>
    <x v="0"/>
    <s v="10828"/>
    <s v="GLNANDA"/>
    <n v="-750.08"/>
    <n v="-3537"/>
    <s v="Billed Revenues"/>
    <s v="EXV"/>
    <s v="NONBU"/>
    <s v="G0000110"/>
    <s v="N"/>
    <s v="MACSS Dist Billed Revenue-03"/>
    <s v=""/>
    <x v="0"/>
    <s v="CAD0330727"/>
    <s v="S"/>
    <s v="KY"/>
    <s v="REV"/>
    <s v="974"/>
    <s v="GLBATCH"/>
    <n v="7"/>
    <n v="2016"/>
  </r>
  <r>
    <s v="110"/>
    <d v="2016-07-15T00:00:00"/>
    <x v="5"/>
    <x v="0"/>
    <s v="10828"/>
    <s v="GLNANDA"/>
    <n v="0"/>
    <n v="141"/>
    <s v="Billed Revenues"/>
    <s v="EXV"/>
    <s v="NONBU"/>
    <s v="G0000110"/>
    <s v="N"/>
    <s v="MACSS Dist Billed Revenue-03"/>
    <s v=""/>
    <x v="0"/>
    <s v="CAD0330727"/>
    <s v="S"/>
    <s v="KY"/>
    <s v="REV"/>
    <s v="974"/>
    <s v="GLBATCH"/>
    <n v="7"/>
    <n v="2016"/>
  </r>
  <r>
    <s v="110"/>
    <d v="2016-07-15T00:00:00"/>
    <x v="4"/>
    <x v="0"/>
    <s v="10828"/>
    <s v="GLNANDA"/>
    <n v="-548198.59"/>
    <n v="-4435174"/>
    <s v="Billed Revenues"/>
    <s v="EXV"/>
    <s v="NONBU"/>
    <s v="G0000110"/>
    <s v="N"/>
    <s v="MACSS Dist Billed Revenue-03"/>
    <s v=""/>
    <x v="0"/>
    <s v="CAD0330727"/>
    <s v="S"/>
    <s v="KY"/>
    <s v="REV"/>
    <s v="974"/>
    <s v="GLBATCH"/>
    <n v="7"/>
    <n v="2016"/>
  </r>
  <r>
    <s v="110"/>
    <d v="2016-07-15T00:00:00"/>
    <x v="4"/>
    <x v="0"/>
    <s v="10828"/>
    <s v="GLNANDA"/>
    <n v="0"/>
    <n v="2823"/>
    <s v="Billed Revenues"/>
    <s v="EXV"/>
    <s v="NONBU"/>
    <s v="G0000110"/>
    <s v="N"/>
    <s v="MACSS Dist Billed Revenue-03"/>
    <s v=""/>
    <x v="0"/>
    <s v="CAD0330728"/>
    <s v="S"/>
    <s v="KY"/>
    <s v="REV"/>
    <s v="974"/>
    <s v="GLBATCH"/>
    <n v="7"/>
    <n v="2016"/>
  </r>
  <r>
    <s v="110"/>
    <d v="2016-07-15T00:00:00"/>
    <x v="5"/>
    <x v="0"/>
    <s v="10828"/>
    <s v="GLNANDA"/>
    <n v="-123037.23"/>
    <n v="-1082965"/>
    <s v="Billed Revenues"/>
    <s v="EXV"/>
    <s v="NONBU"/>
    <s v="G0000110"/>
    <s v="N"/>
    <s v="MACSS Dist Billed Revenue-03"/>
    <s v=""/>
    <x v="0"/>
    <s v="CAD0330728"/>
    <s v="S"/>
    <s v="KY"/>
    <s v="REV"/>
    <s v="974"/>
    <s v="GLBATCH"/>
    <n v="7"/>
    <n v="2016"/>
  </r>
  <r>
    <s v="110"/>
    <d v="2016-07-15T00:00:00"/>
    <x v="1"/>
    <x v="0"/>
    <s v="10828"/>
    <s v="GLNANDA"/>
    <n v="0"/>
    <n v="2579"/>
    <s v="Billed Revenues"/>
    <s v="EXV"/>
    <s v="NONBU"/>
    <s v="G0000110"/>
    <s v="N"/>
    <s v="MACSS Dist Billed Revenue-03"/>
    <s v=""/>
    <x v="0"/>
    <s v="CAD0330728"/>
    <s v="S"/>
    <s v="KY"/>
    <s v="REV"/>
    <s v="974"/>
    <s v="GLBATCH"/>
    <n v="7"/>
    <n v="2016"/>
  </r>
  <r>
    <s v="110"/>
    <d v="2016-07-15T00:00:00"/>
    <x v="1"/>
    <x v="0"/>
    <s v="10828"/>
    <s v="GLNANDA"/>
    <n v="-414557.06"/>
    <n v="-3384099"/>
    <s v="Billed Revenues"/>
    <s v="EXV"/>
    <s v="NONBU"/>
    <s v="G0000110"/>
    <s v="N"/>
    <s v="MACSS Dist Billed Revenue-03"/>
    <s v=""/>
    <x v="0"/>
    <s v="CAD0330728"/>
    <s v="S"/>
    <s v="KY"/>
    <s v="REV"/>
    <s v="974"/>
    <s v="GLBATCH"/>
    <n v="7"/>
    <n v="2016"/>
  </r>
  <r>
    <s v="110"/>
    <d v="2016-07-15T00:00:00"/>
    <x v="0"/>
    <x v="0"/>
    <s v="10828"/>
    <s v="GLNANDA"/>
    <n v="0"/>
    <n v="37"/>
    <s v="Billed Revenues"/>
    <s v="EXV"/>
    <s v="NONBU"/>
    <s v="G0000110"/>
    <s v="N"/>
    <s v="MACSS Dist Billed Revenue-03"/>
    <s v=""/>
    <x v="0"/>
    <s v="CAD0330728"/>
    <s v="S"/>
    <s v="KY"/>
    <s v="REV"/>
    <s v="974"/>
    <s v="GLBATCH"/>
    <n v="7"/>
    <n v="2016"/>
  </r>
  <r>
    <s v="110"/>
    <d v="2016-07-15T00:00:00"/>
    <x v="0"/>
    <x v="0"/>
    <s v="10828"/>
    <s v="GLNANDA"/>
    <n v="-48744.06"/>
    <n v="-587345"/>
    <s v="Billed Revenues"/>
    <s v="EXV"/>
    <s v="NONBU"/>
    <s v="G0000110"/>
    <s v="N"/>
    <s v="MACSS Dist Billed Revenue-03"/>
    <s v=""/>
    <x v="0"/>
    <s v="CAD0330728"/>
    <s v="S"/>
    <s v="KY"/>
    <s v="REV"/>
    <s v="974"/>
    <s v="GLBATCH"/>
    <n v="7"/>
    <n v="2016"/>
  </r>
  <r>
    <s v="110"/>
    <d v="2016-07-15T00:00:00"/>
    <x v="2"/>
    <x v="0"/>
    <s v="10828"/>
    <s v="GLNANDA"/>
    <n v="0"/>
    <n v="1135"/>
    <s v="Billed Revenues"/>
    <s v="EXV"/>
    <s v="NONBU"/>
    <s v="G0000110"/>
    <s v="N"/>
    <s v="MACSS Dist Billed Revenue-03"/>
    <s v=""/>
    <x v="0"/>
    <s v="CAD0330728"/>
    <s v="S"/>
    <s v="KY"/>
    <s v="REV"/>
    <s v="974"/>
    <s v="GLBATCH"/>
    <n v="7"/>
    <n v="2016"/>
  </r>
  <r>
    <s v="110"/>
    <d v="2016-07-15T00:00:00"/>
    <x v="2"/>
    <x v="0"/>
    <s v="10828"/>
    <s v="GLNANDA"/>
    <n v="-853738.95"/>
    <n v="-8502657"/>
    <s v="Billed Revenues"/>
    <s v="EXV"/>
    <s v="NONBU"/>
    <s v="G0000110"/>
    <s v="N"/>
    <s v="MACSS Dist Billed Revenue-03"/>
    <s v=""/>
    <x v="0"/>
    <s v="CAD0330728"/>
    <s v="S"/>
    <s v="KY"/>
    <s v="REV"/>
    <s v="974"/>
    <s v="GLBATCH"/>
    <n v="7"/>
    <n v="2016"/>
  </r>
  <r>
    <s v="110"/>
    <d v="2016-07-15T00:00:00"/>
    <x v="7"/>
    <x v="0"/>
    <s v="10828"/>
    <s v="GLNANDA"/>
    <n v="0"/>
    <n v="39"/>
    <s v="Billed Revenues"/>
    <s v="EXV"/>
    <s v="NONBU"/>
    <s v="G0000110"/>
    <s v="N"/>
    <s v="MACSS Dist Billed Revenue-03"/>
    <s v=""/>
    <x v="0"/>
    <s v="CAD0330728"/>
    <s v="S"/>
    <s v="KY"/>
    <s v="REV"/>
    <s v="974"/>
    <s v="GLBATCH"/>
    <n v="7"/>
    <n v="2016"/>
  </r>
  <r>
    <s v="110"/>
    <d v="2016-07-15T00:00:00"/>
    <x v="7"/>
    <x v="0"/>
    <s v="10828"/>
    <s v="GLNANDA"/>
    <n v="-100116.32"/>
    <n v="-868579"/>
    <s v="Billed Revenues"/>
    <s v="EXV"/>
    <s v="NONBU"/>
    <s v="G0000110"/>
    <s v="N"/>
    <s v="MACSS Dist Billed Revenue-03"/>
    <s v=""/>
    <x v="0"/>
    <s v="CAD0330728"/>
    <s v="S"/>
    <s v="KY"/>
    <s v="REV"/>
    <s v="974"/>
    <s v="GLBATCH"/>
    <n v="7"/>
    <n v="2016"/>
  </r>
  <r>
    <s v="110"/>
    <d v="2016-07-15T00:00:00"/>
    <x v="3"/>
    <x v="0"/>
    <s v="10828"/>
    <s v="GLNANDA"/>
    <n v="0"/>
    <n v="30"/>
    <s v="Billed Revenues"/>
    <s v="EXV"/>
    <s v="NONBU"/>
    <s v="G0000110"/>
    <s v="N"/>
    <s v="MACSS Dist Billed Revenue-03"/>
    <s v=""/>
    <x v="0"/>
    <s v="CAD0330728"/>
    <s v="S"/>
    <s v="KY"/>
    <s v="REV"/>
    <s v="974"/>
    <s v="GLBATCH"/>
    <n v="7"/>
    <n v="2016"/>
  </r>
  <r>
    <s v="110"/>
    <d v="2016-07-15T00:00:00"/>
    <x v="3"/>
    <x v="0"/>
    <s v="10828"/>
    <s v="GLNANDA"/>
    <n v="-434107.97"/>
    <n v="-4550111"/>
    <s v="Billed Revenues"/>
    <s v="EXV"/>
    <s v="NONBU"/>
    <s v="G0000110"/>
    <s v="N"/>
    <s v="MACSS Dist Billed Revenue-03"/>
    <s v=""/>
    <x v="0"/>
    <s v="CAD0330728"/>
    <s v="S"/>
    <s v="KY"/>
    <s v="REV"/>
    <s v="974"/>
    <s v="GLBATCH"/>
    <n v="7"/>
    <n v="2016"/>
  </r>
  <r>
    <s v="110"/>
    <d v="2016-07-15T00:00:00"/>
    <x v="6"/>
    <x v="0"/>
    <s v="10828"/>
    <s v="GLNANDA"/>
    <n v="0"/>
    <n v="19"/>
    <s v="Billed Revenues"/>
    <s v="EXV"/>
    <s v="NONBU"/>
    <s v="G0000110"/>
    <s v="N"/>
    <s v="MACSS Dist Billed Revenue-03"/>
    <s v=""/>
    <x v="0"/>
    <s v="CAD0330728"/>
    <s v="S"/>
    <s v="KY"/>
    <s v="REV"/>
    <s v="974"/>
    <s v="GLBATCH"/>
    <n v="7"/>
    <n v="2016"/>
  </r>
  <r>
    <s v="110"/>
    <d v="2016-07-15T00:00:00"/>
    <x v="6"/>
    <x v="0"/>
    <s v="10828"/>
    <s v="GLNANDA"/>
    <n v="-3675.15"/>
    <n v="-17153"/>
    <s v="Billed Revenues"/>
    <s v="EXV"/>
    <s v="NONBU"/>
    <s v="G0000110"/>
    <s v="N"/>
    <s v="MACSS Dist Billed Revenue-03"/>
    <s v=""/>
    <x v="0"/>
    <s v="CAD0330728"/>
    <s v="S"/>
    <s v="KY"/>
    <s v="REV"/>
    <s v="974"/>
    <s v="GLBATCH"/>
    <n v="7"/>
    <n v="2016"/>
  </r>
  <r>
    <s v="110"/>
    <d v="2016-07-15T00:00:00"/>
    <x v="5"/>
    <x v="0"/>
    <s v="10828"/>
    <s v="GLNANDA"/>
    <n v="0"/>
    <n v="203"/>
    <s v="Billed Revenues"/>
    <s v="EXV"/>
    <s v="NONBU"/>
    <s v="G0000110"/>
    <s v="N"/>
    <s v="MACSS Dist Billed Revenue-03"/>
    <s v=""/>
    <x v="0"/>
    <s v="CAD0330728"/>
    <s v="S"/>
    <s v="KY"/>
    <s v="REV"/>
    <s v="974"/>
    <s v="GLBATCH"/>
    <n v="7"/>
    <n v="2016"/>
  </r>
  <r>
    <s v="110"/>
    <d v="2016-07-15T00:00:00"/>
    <x v="4"/>
    <x v="0"/>
    <s v="10828"/>
    <s v="GLNANDA"/>
    <n v="-464855.72"/>
    <n v="-3785274"/>
    <s v="Billed Revenues"/>
    <s v="EXV"/>
    <s v="NONBU"/>
    <s v="G0000110"/>
    <s v="N"/>
    <s v="MACSS Dist Billed Revenue-03"/>
    <s v=""/>
    <x v="0"/>
    <s v="CAD0330728"/>
    <s v="S"/>
    <s v="KY"/>
    <s v="REV"/>
    <s v="974"/>
    <s v="GLBATCH"/>
    <n v="7"/>
    <n v="2016"/>
  </r>
  <r>
    <s v="110"/>
    <d v="2016-08-15T00:00:00"/>
    <x v="3"/>
    <x v="0"/>
    <s v="10828"/>
    <s v="GLNANDA"/>
    <n v="-10279.34"/>
    <n v="-86492"/>
    <s v="Billed Revenues"/>
    <s v="EXV"/>
    <s v="NONBU"/>
    <s v="G0000110"/>
    <s v="N"/>
    <s v="MACSS Dist Billed Revenue-03"/>
    <s v=""/>
    <x v="0"/>
    <s v="CAD0330729"/>
    <s v="S"/>
    <s v="KY"/>
    <s v="REV"/>
    <s v="974"/>
    <s v="GLBATCH"/>
    <n v="8"/>
    <n v="2016"/>
  </r>
  <r>
    <s v="110"/>
    <d v="2016-08-15T00:00:00"/>
    <x v="5"/>
    <x v="0"/>
    <s v="10828"/>
    <s v="GLNANDA"/>
    <n v="0"/>
    <n v="141"/>
    <s v="Billed Revenues"/>
    <s v="EXV"/>
    <s v="NONBU"/>
    <s v="G0000110"/>
    <s v="N"/>
    <s v="MACSS Dist Billed Revenue-03"/>
    <s v=""/>
    <x v="0"/>
    <s v="CAD0330729"/>
    <s v="S"/>
    <s v="KY"/>
    <s v="REV"/>
    <s v="974"/>
    <s v="GLBATCH"/>
    <n v="8"/>
    <n v="2016"/>
  </r>
  <r>
    <s v="110"/>
    <d v="2016-08-15T00:00:00"/>
    <x v="6"/>
    <x v="0"/>
    <s v="10828"/>
    <s v="GLNANDA"/>
    <n v="-978.92"/>
    <n v="-4985"/>
    <s v="Billed Revenues"/>
    <s v="EXV"/>
    <s v="NONBU"/>
    <s v="G0000110"/>
    <s v="N"/>
    <s v="MACSS Dist Billed Revenue-03"/>
    <s v=""/>
    <x v="0"/>
    <s v="CAD0330729"/>
    <s v="S"/>
    <s v="KY"/>
    <s v="REV"/>
    <s v="974"/>
    <s v="GLBATCH"/>
    <n v="8"/>
    <n v="2016"/>
  </r>
  <r>
    <s v="110"/>
    <d v="2016-08-15T00:00:00"/>
    <x v="6"/>
    <x v="0"/>
    <s v="10828"/>
    <s v="GLNANDA"/>
    <n v="0"/>
    <n v="20"/>
    <s v="Billed Revenues"/>
    <s v="EXV"/>
    <s v="NONBU"/>
    <s v="G0000110"/>
    <s v="N"/>
    <s v="MACSS Dist Billed Revenue-03"/>
    <s v=""/>
    <x v="0"/>
    <s v="CAD0330729"/>
    <s v="S"/>
    <s v="KY"/>
    <s v="REV"/>
    <s v="974"/>
    <s v="GLBATCH"/>
    <n v="8"/>
    <n v="2016"/>
  </r>
  <r>
    <s v="110"/>
    <d v="2016-08-15T00:00:00"/>
    <x v="7"/>
    <x v="0"/>
    <s v="10828"/>
    <s v="GLNANDA"/>
    <n v="-54138.49"/>
    <n v="-462882"/>
    <s v="Billed Revenues"/>
    <s v="EXV"/>
    <s v="NONBU"/>
    <s v="G0000110"/>
    <s v="N"/>
    <s v="MACSS Dist Billed Revenue-03"/>
    <s v=""/>
    <x v="0"/>
    <s v="CAD0330729"/>
    <s v="S"/>
    <s v="KY"/>
    <s v="REV"/>
    <s v="974"/>
    <s v="GLBATCH"/>
    <n v="8"/>
    <n v="2016"/>
  </r>
  <r>
    <s v="110"/>
    <d v="2016-08-15T00:00:00"/>
    <x v="7"/>
    <x v="0"/>
    <s v="10828"/>
    <s v="GLNANDA"/>
    <n v="0"/>
    <n v="22"/>
    <s v="Billed Revenues"/>
    <s v="EXV"/>
    <s v="NONBU"/>
    <s v="G0000110"/>
    <s v="N"/>
    <s v="MACSS Dist Billed Revenue-03"/>
    <s v=""/>
    <x v="0"/>
    <s v="CAD0330729"/>
    <s v="S"/>
    <s v="KY"/>
    <s v="REV"/>
    <s v="974"/>
    <s v="GLBATCH"/>
    <n v="8"/>
    <n v="2016"/>
  </r>
  <r>
    <s v="110"/>
    <d v="2016-08-15T00:00:00"/>
    <x v="5"/>
    <x v="0"/>
    <s v="10828"/>
    <s v="GLNANDA"/>
    <n v="-74332.91"/>
    <n v="-607619"/>
    <s v="Billed Revenues"/>
    <s v="EXV"/>
    <s v="NONBU"/>
    <s v="G0000110"/>
    <s v="N"/>
    <s v="MACSS Dist Billed Revenue-03"/>
    <s v=""/>
    <x v="0"/>
    <s v="CAD0330729"/>
    <s v="S"/>
    <s v="KY"/>
    <s v="REV"/>
    <s v="974"/>
    <s v="GLBATCH"/>
    <n v="8"/>
    <n v="2016"/>
  </r>
  <r>
    <s v="110"/>
    <d v="2016-08-15T00:00:00"/>
    <x v="3"/>
    <x v="0"/>
    <s v="10828"/>
    <s v="GLNANDA"/>
    <n v="0"/>
    <n v="11"/>
    <s v="Billed Revenues"/>
    <s v="EXV"/>
    <s v="NONBU"/>
    <s v="G0000110"/>
    <s v="N"/>
    <s v="MACSS Dist Billed Revenue-03"/>
    <s v=""/>
    <x v="0"/>
    <s v="CAD0330729"/>
    <s v="S"/>
    <s v="KY"/>
    <s v="REV"/>
    <s v="974"/>
    <s v="GLBATCH"/>
    <n v="8"/>
    <n v="2016"/>
  </r>
  <r>
    <s v="110"/>
    <d v="2016-08-15T00:00:00"/>
    <x v="2"/>
    <x v="0"/>
    <s v="10828"/>
    <s v="GLNANDA"/>
    <n v="-779730.87"/>
    <n v="-6388450"/>
    <s v="Billed Revenues"/>
    <s v="EXV"/>
    <s v="NONBU"/>
    <s v="G0000110"/>
    <s v="N"/>
    <s v="MACSS Dist Billed Revenue-03"/>
    <s v=""/>
    <x v="0"/>
    <s v="CAD0330729"/>
    <s v="S"/>
    <s v="KY"/>
    <s v="REV"/>
    <s v="974"/>
    <s v="GLBATCH"/>
    <n v="8"/>
    <n v="2016"/>
  </r>
  <r>
    <s v="110"/>
    <d v="2016-08-15T00:00:00"/>
    <x v="2"/>
    <x v="0"/>
    <s v="10828"/>
    <s v="GLNANDA"/>
    <n v="0"/>
    <n v="1679"/>
    <s v="Billed Revenues"/>
    <s v="EXV"/>
    <s v="NONBU"/>
    <s v="G0000110"/>
    <s v="N"/>
    <s v="MACSS Dist Billed Revenue-03"/>
    <s v=""/>
    <x v="0"/>
    <s v="CAD0330729"/>
    <s v="S"/>
    <s v="KY"/>
    <s v="REV"/>
    <s v="974"/>
    <s v="GLBATCH"/>
    <n v="8"/>
    <n v="2016"/>
  </r>
  <r>
    <s v="110"/>
    <d v="2016-08-15T00:00:00"/>
    <x v="0"/>
    <x v="0"/>
    <s v="10828"/>
    <s v="GLNANDA"/>
    <n v="-153713.76"/>
    <n v="-1591705"/>
    <s v="Billed Revenues"/>
    <s v="EXV"/>
    <s v="NONBU"/>
    <s v="G0000110"/>
    <s v="N"/>
    <s v="MACSS Dist Billed Revenue-03"/>
    <s v=""/>
    <x v="0"/>
    <s v="CAD0330729"/>
    <s v="S"/>
    <s v="KY"/>
    <s v="REV"/>
    <s v="974"/>
    <s v="GLBATCH"/>
    <n v="8"/>
    <n v="2016"/>
  </r>
  <r>
    <s v="110"/>
    <d v="2016-08-15T00:00:00"/>
    <x v="0"/>
    <x v="0"/>
    <s v="10828"/>
    <s v="GLNANDA"/>
    <n v="0"/>
    <n v="52"/>
    <s v="Billed Revenues"/>
    <s v="EXV"/>
    <s v="NONBU"/>
    <s v="G0000110"/>
    <s v="N"/>
    <s v="MACSS Dist Billed Revenue-03"/>
    <s v=""/>
    <x v="0"/>
    <s v="CAD0330729"/>
    <s v="S"/>
    <s v="KY"/>
    <s v="REV"/>
    <s v="974"/>
    <s v="GLBATCH"/>
    <n v="8"/>
    <n v="2016"/>
  </r>
  <r>
    <s v="110"/>
    <d v="2016-08-15T00:00:00"/>
    <x v="1"/>
    <x v="0"/>
    <s v="10828"/>
    <s v="GLNANDA"/>
    <n v="-329758.21999999997"/>
    <n v="-2763263"/>
    <s v="Billed Revenues"/>
    <s v="EXV"/>
    <s v="NONBU"/>
    <s v="G0000110"/>
    <s v="N"/>
    <s v="MACSS Dist Billed Revenue-03"/>
    <s v=""/>
    <x v="0"/>
    <s v="CAD0330729"/>
    <s v="S"/>
    <s v="KY"/>
    <s v="REV"/>
    <s v="974"/>
    <s v="GLBATCH"/>
    <n v="8"/>
    <n v="2016"/>
  </r>
  <r>
    <s v="110"/>
    <d v="2016-08-15T00:00:00"/>
    <x v="1"/>
    <x v="0"/>
    <s v="10828"/>
    <s v="GLNANDA"/>
    <n v="0"/>
    <n v="2102"/>
    <s v="Billed Revenues"/>
    <s v="EXV"/>
    <s v="NONBU"/>
    <s v="G0000110"/>
    <s v="N"/>
    <s v="MACSS Dist Billed Revenue-03"/>
    <s v=""/>
    <x v="0"/>
    <s v="CAD0330729"/>
    <s v="S"/>
    <s v="KY"/>
    <s v="REV"/>
    <s v="974"/>
    <s v="GLBATCH"/>
    <n v="8"/>
    <n v="2016"/>
  </r>
  <r>
    <s v="110"/>
    <d v="2016-08-15T00:00:00"/>
    <x v="4"/>
    <x v="0"/>
    <s v="10828"/>
    <s v="GLNANDA"/>
    <n v="-770145.78"/>
    <n v="-6504820"/>
    <s v="Billed Revenues"/>
    <s v="EXV"/>
    <s v="NONBU"/>
    <s v="G0000110"/>
    <s v="N"/>
    <s v="MACSS Dist Billed Revenue-03"/>
    <s v=""/>
    <x v="0"/>
    <s v="CAD0330729"/>
    <s v="S"/>
    <s v="KY"/>
    <s v="REV"/>
    <s v="974"/>
    <s v="GLBATCH"/>
    <n v="8"/>
    <n v="2016"/>
  </r>
  <r>
    <s v="110"/>
    <d v="2016-08-15T00:00:00"/>
    <x v="4"/>
    <x v="0"/>
    <s v="10828"/>
    <s v="GLNANDA"/>
    <n v="0"/>
    <n v="4597"/>
    <s v="Billed Revenues"/>
    <s v="EXV"/>
    <s v="NONBU"/>
    <s v="G0000110"/>
    <s v="N"/>
    <s v="MACSS Dist Billed Revenue-03"/>
    <s v=""/>
    <x v="0"/>
    <s v="CAD0330729"/>
    <s v="S"/>
    <s v="KY"/>
    <s v="REV"/>
    <s v="974"/>
    <s v="GLBATCH"/>
    <n v="8"/>
    <n v="2016"/>
  </r>
  <r>
    <s v="110"/>
    <d v="2016-07-15T00:00:00"/>
    <x v="6"/>
    <x v="0"/>
    <s v="10828"/>
    <s v="GLNANDA"/>
    <n v="-24700.39"/>
    <n v="-96492"/>
    <s v="Billed Revenues"/>
    <s v="EXV"/>
    <s v="NONBU"/>
    <s v="G0000110"/>
    <s v="N"/>
    <s v="MACSS Dist Billed Revenue-03"/>
    <s v=""/>
    <x v="0"/>
    <s v="CAD0330729"/>
    <s v="S"/>
    <s v="KY"/>
    <s v="REV"/>
    <s v="974"/>
    <s v="GLBATCH"/>
    <n v="7"/>
    <n v="2016"/>
  </r>
  <r>
    <s v="110"/>
    <d v="2016-07-15T00:00:00"/>
    <x v="4"/>
    <x v="0"/>
    <s v="10828"/>
    <s v="GLNANDA"/>
    <n v="0"/>
    <n v="270"/>
    <s v="Billed Revenues"/>
    <s v="EXV"/>
    <s v="NONBU"/>
    <s v="G0000110"/>
    <s v="N"/>
    <s v="MACSS Dist Billed Revenue-03"/>
    <s v=""/>
    <x v="0"/>
    <s v="CAD0330729"/>
    <s v="S"/>
    <s v="KY"/>
    <s v="REV"/>
    <s v="974"/>
    <s v="GLBATCH"/>
    <n v="7"/>
    <n v="2016"/>
  </r>
  <r>
    <s v="110"/>
    <d v="2016-07-15T00:00:00"/>
    <x v="2"/>
    <x v="0"/>
    <s v="10828"/>
    <s v="GLNANDA"/>
    <n v="-7945.92"/>
    <n v="-46534"/>
    <s v="Billed Revenues"/>
    <s v="EXV"/>
    <s v="NONBU"/>
    <s v="G0000110"/>
    <s v="N"/>
    <s v="MACSS Dist Billed Revenue-03"/>
    <s v=""/>
    <x v="0"/>
    <s v="CAD0330729"/>
    <s v="S"/>
    <s v="KY"/>
    <s v="REV"/>
    <s v="974"/>
    <s v="GLBATCH"/>
    <n v="7"/>
    <n v="2016"/>
  </r>
  <r>
    <s v="110"/>
    <d v="2016-07-15T00:00:00"/>
    <x v="2"/>
    <x v="0"/>
    <s v="10828"/>
    <s v="GLNANDA"/>
    <n v="0"/>
    <n v="80"/>
    <s v="Billed Revenues"/>
    <s v="EXV"/>
    <s v="NONBU"/>
    <s v="G0000110"/>
    <s v="N"/>
    <s v="MACSS Dist Billed Revenue-03"/>
    <s v=""/>
    <x v="0"/>
    <s v="CAD0330729"/>
    <s v="S"/>
    <s v="KY"/>
    <s v="REV"/>
    <s v="974"/>
    <s v="GLBATCH"/>
    <n v="7"/>
    <n v="2016"/>
  </r>
  <r>
    <s v="110"/>
    <d v="2016-07-15T00:00:00"/>
    <x v="7"/>
    <x v="0"/>
    <s v="10828"/>
    <s v="GLNANDA"/>
    <n v="-3520.84"/>
    <n v="-18511"/>
    <s v="Billed Revenues"/>
    <s v="EXV"/>
    <s v="NONBU"/>
    <s v="G0000110"/>
    <s v="N"/>
    <s v="MACSS Dist Billed Revenue-03"/>
    <s v=""/>
    <x v="0"/>
    <s v="CAD0330729"/>
    <s v="S"/>
    <s v="KY"/>
    <s v="REV"/>
    <s v="974"/>
    <s v="GLBATCH"/>
    <n v="7"/>
    <n v="2016"/>
  </r>
  <r>
    <s v="110"/>
    <d v="2016-07-15T00:00:00"/>
    <x v="7"/>
    <x v="0"/>
    <s v="10828"/>
    <s v="GLNANDA"/>
    <n v="0"/>
    <n v="8"/>
    <s v="Billed Revenues"/>
    <s v="EXV"/>
    <s v="NONBU"/>
    <s v="G0000110"/>
    <s v="N"/>
    <s v="MACSS Dist Billed Revenue-03"/>
    <s v=""/>
    <x v="0"/>
    <s v="CAD0330729"/>
    <s v="S"/>
    <s v="KY"/>
    <s v="REV"/>
    <s v="974"/>
    <s v="GLBATCH"/>
    <n v="7"/>
    <n v="2016"/>
  </r>
  <r>
    <s v="110"/>
    <d v="2016-07-15T00:00:00"/>
    <x v="5"/>
    <x v="0"/>
    <s v="10828"/>
    <s v="GLNANDA"/>
    <n v="-494.03"/>
    <n v="-3595"/>
    <s v="Billed Revenues"/>
    <s v="EXV"/>
    <s v="NONBU"/>
    <s v="G0000110"/>
    <s v="N"/>
    <s v="MACSS Dist Billed Revenue-03"/>
    <s v=""/>
    <x v="0"/>
    <s v="CAD0330729"/>
    <s v="S"/>
    <s v="KY"/>
    <s v="REV"/>
    <s v="974"/>
    <s v="GLBATCH"/>
    <n v="7"/>
    <n v="2016"/>
  </r>
  <r>
    <s v="110"/>
    <d v="2016-07-15T00:00:00"/>
    <x v="5"/>
    <x v="0"/>
    <s v="10828"/>
    <s v="GLNANDA"/>
    <n v="0"/>
    <n v="5"/>
    <s v="Billed Revenues"/>
    <s v="EXV"/>
    <s v="NONBU"/>
    <s v="G0000110"/>
    <s v="N"/>
    <s v="MACSS Dist Billed Revenue-03"/>
    <s v=""/>
    <x v="0"/>
    <s v="CAD0330729"/>
    <s v="S"/>
    <s v="KY"/>
    <s v="REV"/>
    <s v="974"/>
    <s v="GLBATCH"/>
    <n v="7"/>
    <n v="2016"/>
  </r>
  <r>
    <s v="110"/>
    <d v="2016-07-15T00:00:00"/>
    <x v="1"/>
    <x v="0"/>
    <s v="10828"/>
    <s v="GLNANDA"/>
    <n v="-23978.67"/>
    <n v="-195650"/>
    <s v="Billed Revenues"/>
    <s v="EXV"/>
    <s v="NONBU"/>
    <s v="G0000110"/>
    <s v="N"/>
    <s v="MACSS Dist Billed Revenue-03"/>
    <s v=""/>
    <x v="0"/>
    <s v="CAD0330729"/>
    <s v="S"/>
    <s v="KY"/>
    <s v="REV"/>
    <s v="974"/>
    <s v="GLBATCH"/>
    <n v="7"/>
    <n v="2016"/>
  </r>
  <r>
    <s v="110"/>
    <d v="2016-07-15T00:00:00"/>
    <x v="1"/>
    <x v="0"/>
    <s v="10828"/>
    <s v="GLNANDA"/>
    <n v="0"/>
    <n v="178"/>
    <s v="Billed Revenues"/>
    <s v="EXV"/>
    <s v="NONBU"/>
    <s v="G0000110"/>
    <s v="N"/>
    <s v="MACSS Dist Billed Revenue-03"/>
    <s v=""/>
    <x v="0"/>
    <s v="CAD0330729"/>
    <s v="S"/>
    <s v="KY"/>
    <s v="REV"/>
    <s v="974"/>
    <s v="GLBATCH"/>
    <n v="7"/>
    <n v="2016"/>
  </r>
  <r>
    <s v="110"/>
    <d v="2016-07-15T00:00:00"/>
    <x v="0"/>
    <x v="0"/>
    <s v="10828"/>
    <s v="GLNANDA"/>
    <n v="-1577.33"/>
    <n v="-10688"/>
    <s v="Billed Revenues"/>
    <s v="EXV"/>
    <s v="NONBU"/>
    <s v="G0000110"/>
    <s v="N"/>
    <s v="MACSS Dist Billed Revenue-03"/>
    <s v=""/>
    <x v="0"/>
    <s v="CAD0330729"/>
    <s v="S"/>
    <s v="KY"/>
    <s v="REV"/>
    <s v="974"/>
    <s v="GLBATCH"/>
    <n v="7"/>
    <n v="2016"/>
  </r>
  <r>
    <s v="110"/>
    <d v="2016-07-15T00:00:00"/>
    <x v="0"/>
    <x v="0"/>
    <s v="10828"/>
    <s v="GLNANDA"/>
    <n v="0"/>
    <n v="20"/>
    <s v="Billed Revenues"/>
    <s v="EXV"/>
    <s v="NONBU"/>
    <s v="G0000110"/>
    <s v="N"/>
    <s v="MACSS Dist Billed Revenue-03"/>
    <s v=""/>
    <x v="0"/>
    <s v="CAD0330729"/>
    <s v="S"/>
    <s v="KY"/>
    <s v="REV"/>
    <s v="974"/>
    <s v="GLBATCH"/>
    <n v="7"/>
    <n v="2016"/>
  </r>
  <r>
    <s v="110"/>
    <d v="2016-07-15T00:00:00"/>
    <x v="3"/>
    <x v="0"/>
    <s v="10828"/>
    <s v="GLNANDA"/>
    <n v="-118033.89"/>
    <n v="-858541"/>
    <s v="Billed Revenues"/>
    <s v="EXV"/>
    <s v="NONBU"/>
    <s v="G0000110"/>
    <s v="N"/>
    <s v="MACSS Dist Billed Revenue-03"/>
    <s v=""/>
    <x v="0"/>
    <s v="CAD0330729"/>
    <s v="S"/>
    <s v="KY"/>
    <s v="REV"/>
    <s v="974"/>
    <s v="GLBATCH"/>
    <n v="7"/>
    <n v="2016"/>
  </r>
  <r>
    <s v="110"/>
    <d v="2016-07-15T00:00:00"/>
    <x v="3"/>
    <x v="0"/>
    <s v="10828"/>
    <s v="GLNANDA"/>
    <n v="0"/>
    <n v="7"/>
    <s v="Billed Revenues"/>
    <s v="EXV"/>
    <s v="NONBU"/>
    <s v="G0000110"/>
    <s v="N"/>
    <s v="MACSS Dist Billed Revenue-03"/>
    <s v=""/>
    <x v="0"/>
    <s v="CAD0330729"/>
    <s v="S"/>
    <s v="KY"/>
    <s v="REV"/>
    <s v="974"/>
    <s v="GLBATCH"/>
    <n v="7"/>
    <n v="2016"/>
  </r>
  <r>
    <s v="110"/>
    <d v="2016-07-15T00:00:00"/>
    <x v="4"/>
    <x v="0"/>
    <s v="10828"/>
    <s v="GLNANDA"/>
    <n v="-34706.5"/>
    <n v="-281212"/>
    <s v="Billed Revenues"/>
    <s v="EXV"/>
    <s v="NONBU"/>
    <s v="G0000110"/>
    <s v="N"/>
    <s v="MACSS Dist Billed Revenue-03"/>
    <s v=""/>
    <x v="0"/>
    <s v="CAD0330729"/>
    <s v="S"/>
    <s v="KY"/>
    <s v="REV"/>
    <s v="974"/>
    <s v="GLBATCH"/>
    <n v="7"/>
    <n v="2016"/>
  </r>
  <r>
    <s v="110"/>
    <d v="2016-07-15T00:00:00"/>
    <x v="6"/>
    <x v="0"/>
    <s v="10828"/>
    <s v="GLNANDA"/>
    <n v="0"/>
    <n v="9"/>
    <s v="Billed Revenues"/>
    <s v="EXV"/>
    <s v="NONBU"/>
    <s v="G0000110"/>
    <s v="N"/>
    <s v="MACSS Dist Billed Revenue-03"/>
    <s v=""/>
    <x v="0"/>
    <s v="CAD0330729"/>
    <s v="S"/>
    <s v="KY"/>
    <s v="REV"/>
    <s v="974"/>
    <s v="GLBATCH"/>
    <n v="7"/>
    <n v="2016"/>
  </r>
  <r>
    <s v="110"/>
    <d v="2016-08-15T00:00:00"/>
    <x v="5"/>
    <x v="0"/>
    <s v="10828"/>
    <s v="GLNANDA"/>
    <n v="0"/>
    <n v="72"/>
    <s v="Billed Revenues"/>
    <s v="EXV"/>
    <s v="NONBU"/>
    <s v="G0000110"/>
    <s v="N"/>
    <s v="MACSS Dist Billed Revenue-03"/>
    <s v=""/>
    <x v="0"/>
    <s v="CAD0330801"/>
    <s v="S"/>
    <s v="KY"/>
    <s v="REV"/>
    <s v="974"/>
    <s v="GLBATCH"/>
    <n v="8"/>
    <n v="2016"/>
  </r>
  <r>
    <s v="110"/>
    <d v="2016-08-15T00:00:00"/>
    <x v="7"/>
    <x v="0"/>
    <s v="10828"/>
    <s v="GLNANDA"/>
    <n v="-34768.26"/>
    <n v="-301960"/>
    <s v="Billed Revenues"/>
    <s v="EXV"/>
    <s v="NONBU"/>
    <s v="G0000110"/>
    <s v="N"/>
    <s v="MACSS Dist Billed Revenue-03"/>
    <s v=""/>
    <x v="0"/>
    <s v="CAD0330801"/>
    <s v="S"/>
    <s v="KY"/>
    <s v="REV"/>
    <s v="974"/>
    <s v="GLBATCH"/>
    <n v="8"/>
    <n v="2016"/>
  </r>
  <r>
    <s v="110"/>
    <d v="2016-08-15T00:00:00"/>
    <x v="0"/>
    <x v="0"/>
    <s v="10828"/>
    <s v="GLNANDA"/>
    <n v="0"/>
    <n v="66"/>
    <s v="Billed Revenues"/>
    <s v="EXV"/>
    <s v="NONBU"/>
    <s v="G0000110"/>
    <s v="N"/>
    <s v="MACSS Dist Billed Revenue-03"/>
    <s v=""/>
    <x v="0"/>
    <s v="CAD0330801"/>
    <s v="S"/>
    <s v="KY"/>
    <s v="REV"/>
    <s v="974"/>
    <s v="GLBATCH"/>
    <n v="8"/>
    <n v="2016"/>
  </r>
  <r>
    <s v="110"/>
    <d v="2016-08-15T00:00:00"/>
    <x v="3"/>
    <x v="0"/>
    <s v="10828"/>
    <s v="GLNANDA"/>
    <n v="-62147.66"/>
    <n v="-641396"/>
    <s v="Billed Revenues"/>
    <s v="EXV"/>
    <s v="NONBU"/>
    <s v="G0000110"/>
    <s v="N"/>
    <s v="MACSS Dist Billed Revenue-03"/>
    <s v=""/>
    <x v="0"/>
    <s v="CAD0330801"/>
    <s v="S"/>
    <s v="KY"/>
    <s v="REV"/>
    <s v="974"/>
    <s v="GLBATCH"/>
    <n v="8"/>
    <n v="2016"/>
  </r>
  <r>
    <s v="110"/>
    <d v="2016-08-15T00:00:00"/>
    <x v="3"/>
    <x v="0"/>
    <s v="10828"/>
    <s v="GLNANDA"/>
    <n v="0"/>
    <n v="11"/>
    <s v="Billed Revenues"/>
    <s v="EXV"/>
    <s v="NONBU"/>
    <s v="G0000110"/>
    <s v="N"/>
    <s v="MACSS Dist Billed Revenue-03"/>
    <s v=""/>
    <x v="0"/>
    <s v="CAD0330801"/>
    <s v="S"/>
    <s v="KY"/>
    <s v="REV"/>
    <s v="974"/>
    <s v="GLBATCH"/>
    <n v="8"/>
    <n v="2016"/>
  </r>
  <r>
    <s v="110"/>
    <d v="2016-08-15T00:00:00"/>
    <x v="2"/>
    <x v="0"/>
    <s v="10828"/>
    <s v="GLNANDA"/>
    <n v="-214422.44"/>
    <n v="-1794234"/>
    <s v="Billed Revenues"/>
    <s v="EXV"/>
    <s v="NONBU"/>
    <s v="G0000110"/>
    <s v="N"/>
    <s v="MACSS Dist Billed Revenue-03"/>
    <s v=""/>
    <x v="0"/>
    <s v="CAD0330801"/>
    <s v="S"/>
    <s v="KY"/>
    <s v="REV"/>
    <s v="974"/>
    <s v="GLBATCH"/>
    <n v="8"/>
    <n v="2016"/>
  </r>
  <r>
    <s v="110"/>
    <d v="2016-08-15T00:00:00"/>
    <x v="2"/>
    <x v="0"/>
    <s v="10828"/>
    <s v="GLNANDA"/>
    <n v="0"/>
    <n v="1017"/>
    <s v="Billed Revenues"/>
    <s v="EXV"/>
    <s v="NONBU"/>
    <s v="G0000110"/>
    <s v="N"/>
    <s v="MACSS Dist Billed Revenue-03"/>
    <s v=""/>
    <x v="0"/>
    <s v="CAD0330801"/>
    <s v="S"/>
    <s v="KY"/>
    <s v="REV"/>
    <s v="974"/>
    <s v="GLBATCH"/>
    <n v="8"/>
    <n v="2016"/>
  </r>
  <r>
    <s v="110"/>
    <d v="2016-08-15T00:00:00"/>
    <x v="4"/>
    <x v="0"/>
    <s v="10828"/>
    <s v="GLNANDA"/>
    <n v="-762566.71"/>
    <n v="-6409618"/>
    <s v="Billed Revenues"/>
    <s v="EXV"/>
    <s v="NONBU"/>
    <s v="G0000110"/>
    <s v="N"/>
    <s v="MACSS Dist Billed Revenue-03"/>
    <s v=""/>
    <x v="0"/>
    <s v="CAD0330801"/>
    <s v="S"/>
    <s v="KY"/>
    <s v="REV"/>
    <s v="974"/>
    <s v="GLBATCH"/>
    <n v="8"/>
    <n v="2016"/>
  </r>
  <r>
    <s v="110"/>
    <d v="2016-08-15T00:00:00"/>
    <x v="4"/>
    <x v="0"/>
    <s v="10828"/>
    <s v="GLNANDA"/>
    <n v="0"/>
    <n v="4700"/>
    <s v="Billed Revenues"/>
    <s v="EXV"/>
    <s v="NONBU"/>
    <s v="G0000110"/>
    <s v="N"/>
    <s v="MACSS Dist Billed Revenue-03"/>
    <s v=""/>
    <x v="0"/>
    <s v="CAD0330801"/>
    <s v="S"/>
    <s v="KY"/>
    <s v="REV"/>
    <s v="974"/>
    <s v="GLBATCH"/>
    <n v="8"/>
    <n v="2016"/>
  </r>
  <r>
    <s v="110"/>
    <d v="2016-08-15T00:00:00"/>
    <x v="1"/>
    <x v="0"/>
    <s v="10828"/>
    <s v="GLNANDA"/>
    <n v="-452768.45"/>
    <n v="-3789996"/>
    <s v="Billed Revenues"/>
    <s v="EXV"/>
    <s v="NONBU"/>
    <s v="G0000110"/>
    <s v="N"/>
    <s v="MACSS Dist Billed Revenue-03"/>
    <s v=""/>
    <x v="0"/>
    <s v="CAD0330801"/>
    <s v="S"/>
    <s v="KY"/>
    <s v="REV"/>
    <s v="974"/>
    <s v="GLBATCH"/>
    <n v="8"/>
    <n v="2016"/>
  </r>
  <r>
    <s v="110"/>
    <d v="2016-08-15T00:00:00"/>
    <x v="1"/>
    <x v="0"/>
    <s v="10828"/>
    <s v="GLNANDA"/>
    <n v="0"/>
    <n v="2887"/>
    <s v="Billed Revenues"/>
    <s v="EXV"/>
    <s v="NONBU"/>
    <s v="G0000110"/>
    <s v="N"/>
    <s v="MACSS Dist Billed Revenue-03"/>
    <s v=""/>
    <x v="0"/>
    <s v="CAD0330801"/>
    <s v="S"/>
    <s v="KY"/>
    <s v="REV"/>
    <s v="974"/>
    <s v="GLBATCH"/>
    <n v="8"/>
    <n v="2016"/>
  </r>
  <r>
    <s v="110"/>
    <d v="2016-08-15T00:00:00"/>
    <x v="6"/>
    <x v="0"/>
    <s v="10828"/>
    <s v="GLNANDA"/>
    <n v="-854.34"/>
    <n v="-5330"/>
    <s v="Billed Revenues"/>
    <s v="EXV"/>
    <s v="NONBU"/>
    <s v="G0000110"/>
    <s v="N"/>
    <s v="MACSS Dist Billed Revenue-03"/>
    <s v=""/>
    <x v="0"/>
    <s v="CAD0330801"/>
    <s v="S"/>
    <s v="KY"/>
    <s v="REV"/>
    <s v="974"/>
    <s v="GLBATCH"/>
    <n v="8"/>
    <n v="2016"/>
  </r>
  <r>
    <s v="110"/>
    <d v="2016-08-15T00:00:00"/>
    <x v="6"/>
    <x v="0"/>
    <s v="10828"/>
    <s v="GLNANDA"/>
    <n v="0"/>
    <n v="9"/>
    <s v="Billed Revenues"/>
    <s v="EXV"/>
    <s v="NONBU"/>
    <s v="G0000110"/>
    <s v="N"/>
    <s v="MACSS Dist Billed Revenue-03"/>
    <s v=""/>
    <x v="0"/>
    <s v="CAD0330801"/>
    <s v="S"/>
    <s v="KY"/>
    <s v="REV"/>
    <s v="974"/>
    <s v="GLBATCH"/>
    <n v="8"/>
    <n v="2016"/>
  </r>
  <r>
    <s v="110"/>
    <d v="2016-08-15T00:00:00"/>
    <x v="5"/>
    <x v="0"/>
    <s v="10828"/>
    <s v="GLNANDA"/>
    <n v="-32810.5"/>
    <n v="-273396"/>
    <s v="Billed Revenues"/>
    <s v="EXV"/>
    <s v="NONBU"/>
    <s v="G0000110"/>
    <s v="N"/>
    <s v="MACSS Dist Billed Revenue-03"/>
    <s v=""/>
    <x v="0"/>
    <s v="CAD0330801"/>
    <s v="S"/>
    <s v="KY"/>
    <s v="REV"/>
    <s v="974"/>
    <s v="GLBATCH"/>
    <n v="8"/>
    <n v="2016"/>
  </r>
  <r>
    <s v="110"/>
    <d v="2016-08-15T00:00:00"/>
    <x v="7"/>
    <x v="0"/>
    <s v="10828"/>
    <s v="GLNANDA"/>
    <n v="0"/>
    <n v="17"/>
    <s v="Billed Revenues"/>
    <s v="EXV"/>
    <s v="NONBU"/>
    <s v="G0000110"/>
    <s v="N"/>
    <s v="MACSS Dist Billed Revenue-03"/>
    <s v=""/>
    <x v="0"/>
    <s v="CAD0330801"/>
    <s v="S"/>
    <s v="KY"/>
    <s v="REV"/>
    <s v="974"/>
    <s v="GLBATCH"/>
    <n v="8"/>
    <n v="2016"/>
  </r>
  <r>
    <s v="110"/>
    <d v="2016-08-15T00:00:00"/>
    <x v="0"/>
    <x v="0"/>
    <s v="10828"/>
    <s v="GLNANDA"/>
    <n v="-75557.75"/>
    <n v="-909720"/>
    <s v="Billed Revenues"/>
    <s v="EXV"/>
    <s v="NONBU"/>
    <s v="G0000110"/>
    <s v="N"/>
    <s v="MACSS Dist Billed Revenue-03"/>
    <s v=""/>
    <x v="0"/>
    <s v="CAD0330801"/>
    <s v="S"/>
    <s v="KY"/>
    <s v="REV"/>
    <s v="974"/>
    <s v="GLBATCH"/>
    <n v="8"/>
    <n v="2016"/>
  </r>
  <r>
    <s v="110"/>
    <d v="2016-07-15T00:00:00"/>
    <x v="0"/>
    <x v="0"/>
    <s v="10828"/>
    <s v="GLNANDA"/>
    <n v="0"/>
    <n v="6"/>
    <s v="Billed Revenues"/>
    <s v="EXV"/>
    <s v="NONBU"/>
    <s v="G0000110"/>
    <s v="N"/>
    <s v="MACSS Dist Billed Revenue-03"/>
    <s v=""/>
    <x v="0"/>
    <s v="CAD0330801"/>
    <s v="S"/>
    <s v="KY"/>
    <s v="REV"/>
    <s v="974"/>
    <s v="GLBATCH"/>
    <n v="7"/>
    <n v="2016"/>
  </r>
  <r>
    <s v="110"/>
    <d v="2016-07-15T00:00:00"/>
    <x v="2"/>
    <x v="0"/>
    <s v="10828"/>
    <s v="GLNANDA"/>
    <n v="-1478.6"/>
    <n v="-10821"/>
    <s v="Billed Revenues"/>
    <s v="EXV"/>
    <s v="NONBU"/>
    <s v="G0000110"/>
    <s v="N"/>
    <s v="MACSS Dist Billed Revenue-03"/>
    <s v=""/>
    <x v="0"/>
    <s v="CAD0330801"/>
    <s v="S"/>
    <s v="KY"/>
    <s v="REV"/>
    <s v="974"/>
    <s v="GLBATCH"/>
    <n v="7"/>
    <n v="2016"/>
  </r>
  <r>
    <s v="110"/>
    <d v="2016-07-15T00:00:00"/>
    <x v="2"/>
    <x v="0"/>
    <s v="10828"/>
    <s v="GLNANDA"/>
    <n v="0"/>
    <n v="12"/>
    <s v="Billed Revenues"/>
    <s v="EXV"/>
    <s v="NONBU"/>
    <s v="G0000110"/>
    <s v="N"/>
    <s v="MACSS Dist Billed Revenue-03"/>
    <s v=""/>
    <x v="0"/>
    <s v="CAD0330801"/>
    <s v="S"/>
    <s v="KY"/>
    <s v="REV"/>
    <s v="974"/>
    <s v="GLBATCH"/>
    <n v="7"/>
    <n v="2016"/>
  </r>
  <r>
    <s v="110"/>
    <d v="2016-07-15T00:00:00"/>
    <x v="1"/>
    <x v="0"/>
    <s v="10828"/>
    <s v="GLNANDA"/>
    <n v="-312.12"/>
    <n v="-2541"/>
    <s v="Billed Revenues"/>
    <s v="EXV"/>
    <s v="NONBU"/>
    <s v="G0000110"/>
    <s v="N"/>
    <s v="MACSS Dist Billed Revenue-03"/>
    <s v=""/>
    <x v="0"/>
    <s v="CAD0330801"/>
    <s v="S"/>
    <s v="KY"/>
    <s v="REV"/>
    <s v="974"/>
    <s v="GLBATCH"/>
    <n v="7"/>
    <n v="2016"/>
  </r>
  <r>
    <s v="110"/>
    <d v="2016-07-15T00:00:00"/>
    <x v="1"/>
    <x v="0"/>
    <s v="10828"/>
    <s v="GLNANDA"/>
    <n v="0"/>
    <n v="3"/>
    <s v="Billed Revenues"/>
    <s v="EXV"/>
    <s v="NONBU"/>
    <s v="G0000110"/>
    <s v="N"/>
    <s v="MACSS Dist Billed Revenue-03"/>
    <s v=""/>
    <x v="0"/>
    <s v="CAD0330801"/>
    <s v="S"/>
    <s v="KY"/>
    <s v="REV"/>
    <s v="974"/>
    <s v="GLBATCH"/>
    <n v="7"/>
    <n v="2016"/>
  </r>
  <r>
    <s v="110"/>
    <d v="2016-07-15T00:00:00"/>
    <x v="4"/>
    <x v="0"/>
    <s v="10828"/>
    <s v="GLNANDA"/>
    <n v="-1793.4"/>
    <n v="-15211"/>
    <s v="Billed Revenues"/>
    <s v="EXV"/>
    <s v="NONBU"/>
    <s v="G0000110"/>
    <s v="N"/>
    <s v="MACSS Dist Billed Revenue-03"/>
    <s v=""/>
    <x v="0"/>
    <s v="CAD0330801"/>
    <s v="S"/>
    <s v="KY"/>
    <s v="REV"/>
    <s v="974"/>
    <s v="GLBATCH"/>
    <n v="7"/>
    <n v="2016"/>
  </r>
  <r>
    <s v="110"/>
    <d v="2016-07-15T00:00:00"/>
    <x v="4"/>
    <x v="0"/>
    <s v="10828"/>
    <s v="GLNANDA"/>
    <n v="0"/>
    <n v="10"/>
    <s v="Billed Revenues"/>
    <s v="EXV"/>
    <s v="NONBU"/>
    <s v="G0000110"/>
    <s v="N"/>
    <s v="MACSS Dist Billed Revenue-03"/>
    <s v=""/>
    <x v="0"/>
    <s v="CAD0330801"/>
    <s v="S"/>
    <s v="KY"/>
    <s v="REV"/>
    <s v="974"/>
    <s v="GLBATCH"/>
    <n v="7"/>
    <n v="2016"/>
  </r>
  <r>
    <s v="110"/>
    <d v="2016-07-15T00:00:00"/>
    <x v="5"/>
    <x v="0"/>
    <s v="10828"/>
    <s v="GLNANDA"/>
    <n v="-87.45"/>
    <n v="-384"/>
    <s v="Billed Revenues"/>
    <s v="EXV"/>
    <s v="NONBU"/>
    <s v="G0000110"/>
    <s v="N"/>
    <s v="MACSS Dist Billed Revenue-03"/>
    <s v=""/>
    <x v="0"/>
    <s v="CAD0330801"/>
    <s v="S"/>
    <s v="KY"/>
    <s v="REV"/>
    <s v="974"/>
    <s v="GLBATCH"/>
    <n v="7"/>
    <n v="2016"/>
  </r>
  <r>
    <s v="110"/>
    <d v="2016-07-15T00:00:00"/>
    <x v="5"/>
    <x v="0"/>
    <s v="10828"/>
    <s v="GLNANDA"/>
    <n v="0"/>
    <n v="2"/>
    <s v="Billed Revenues"/>
    <s v="EXV"/>
    <s v="NONBU"/>
    <s v="G0000110"/>
    <s v="N"/>
    <s v="MACSS Dist Billed Revenue-03"/>
    <s v=""/>
    <x v="0"/>
    <s v="CAD0330801"/>
    <s v="S"/>
    <s v="KY"/>
    <s v="REV"/>
    <s v="974"/>
    <s v="GLBATCH"/>
    <n v="7"/>
    <n v="2016"/>
  </r>
  <r>
    <s v="110"/>
    <d v="2016-07-15T00:00:00"/>
    <x v="6"/>
    <x v="0"/>
    <s v="10828"/>
    <s v="GLNANDA"/>
    <n v="-112613.06"/>
    <n v="-434762"/>
    <s v="Billed Revenues"/>
    <s v="EXV"/>
    <s v="NONBU"/>
    <s v="G0000110"/>
    <s v="N"/>
    <s v="MACSS Dist Billed Revenue-03"/>
    <s v=""/>
    <x v="0"/>
    <s v="CAD0330801"/>
    <s v="S"/>
    <s v="KY"/>
    <s v="REV"/>
    <s v="974"/>
    <s v="GLBATCH"/>
    <n v="7"/>
    <n v="2016"/>
  </r>
  <r>
    <s v="110"/>
    <d v="2016-07-15T00:00:00"/>
    <x v="6"/>
    <x v="0"/>
    <s v="10828"/>
    <s v="GLNANDA"/>
    <n v="0"/>
    <n v="43"/>
    <s v="Billed Revenues"/>
    <s v="EXV"/>
    <s v="NONBU"/>
    <s v="G0000110"/>
    <s v="N"/>
    <s v="MACSS Dist Billed Revenue-03"/>
    <s v=""/>
    <x v="0"/>
    <s v="CAD0330801"/>
    <s v="S"/>
    <s v="KY"/>
    <s v="REV"/>
    <s v="974"/>
    <s v="GLBATCH"/>
    <n v="7"/>
    <n v="2016"/>
  </r>
  <r>
    <s v="110"/>
    <d v="2016-07-15T00:00:00"/>
    <x v="0"/>
    <x v="0"/>
    <s v="10828"/>
    <s v="GLNANDA"/>
    <n v="-1545331.06"/>
    <n v="-22761700"/>
    <s v="Billed Revenues"/>
    <s v="EXV"/>
    <s v="NONBU"/>
    <s v="G0000110"/>
    <s v="N"/>
    <s v="MACSS Dist Billed Revenue-03"/>
    <s v=""/>
    <x v="0"/>
    <s v="CAD0330801"/>
    <s v="S"/>
    <s v="KY"/>
    <s v="REV"/>
    <s v="974"/>
    <s v="GLBATCH"/>
    <n v="7"/>
    <n v="2016"/>
  </r>
  <r>
    <s v="110"/>
    <d v="2016-07-15T00:00:00"/>
    <x v="3"/>
    <x v="0"/>
    <s v="10828"/>
    <s v="GLNANDA"/>
    <n v="0"/>
    <n v="5"/>
    <s v="Billed Revenues"/>
    <s v="EXV"/>
    <s v="NONBU"/>
    <s v="G0000110"/>
    <s v="N"/>
    <s v="MACSS Dist Billed Revenue-03"/>
    <s v=""/>
    <x v="0"/>
    <s v="CAD0330801"/>
    <s v="S"/>
    <s v="KY"/>
    <s v="REV"/>
    <s v="974"/>
    <s v="GLBATCH"/>
    <n v="7"/>
    <n v="2016"/>
  </r>
  <r>
    <s v="110"/>
    <d v="2016-07-15T00:00:00"/>
    <x v="3"/>
    <x v="0"/>
    <s v="10828"/>
    <s v="GLNANDA"/>
    <n v="-4252.37"/>
    <n v="-17780"/>
    <s v="Billed Revenues"/>
    <s v="EXV"/>
    <s v="NONBU"/>
    <s v="G0000110"/>
    <s v="N"/>
    <s v="MACSS Dist Billed Revenue-03"/>
    <s v=""/>
    <x v="0"/>
    <s v="CAD0330801"/>
    <s v="S"/>
    <s v="KY"/>
    <s v="REV"/>
    <s v="974"/>
    <s v="GLBATCH"/>
    <n v="7"/>
    <n v="2016"/>
  </r>
  <r>
    <s v="110"/>
    <d v="2016-08-15T00:00:00"/>
    <x v="5"/>
    <x v="0"/>
    <s v="10828"/>
    <s v="GLNANDA"/>
    <n v="0"/>
    <n v="58"/>
    <s v="Billed Revenues"/>
    <s v="EXV"/>
    <s v="NONBU"/>
    <s v="G0000110"/>
    <s v="N"/>
    <s v="MACSS Dist Billed Revenue-03"/>
    <s v=""/>
    <x v="0"/>
    <s v="CAD0330802"/>
    <s v="S"/>
    <s v="KY"/>
    <s v="REV"/>
    <s v="974"/>
    <s v="GLBATCH"/>
    <n v="8"/>
    <n v="2016"/>
  </r>
  <r>
    <s v="110"/>
    <d v="2016-08-15T00:00:00"/>
    <x v="0"/>
    <x v="0"/>
    <s v="10828"/>
    <s v="GLNANDA"/>
    <n v="-5450309.5700000003"/>
    <n v="-98499939"/>
    <s v="Billed Revenues"/>
    <s v="EXV"/>
    <s v="NONBU"/>
    <s v="G0000110"/>
    <s v="N"/>
    <s v="MACSS Dist Billed Revenue-03"/>
    <s v=""/>
    <x v="0"/>
    <s v="CAD0330802"/>
    <s v="S"/>
    <s v="KY"/>
    <s v="REV"/>
    <s v="974"/>
    <s v="GLBATCH"/>
    <n v="8"/>
    <n v="2016"/>
  </r>
  <r>
    <s v="110"/>
    <d v="2016-08-15T00:00:00"/>
    <x v="7"/>
    <x v="0"/>
    <s v="10828"/>
    <s v="GLNANDA"/>
    <n v="0"/>
    <n v="44"/>
    <s v="Billed Revenues"/>
    <s v="EXV"/>
    <s v="NONBU"/>
    <s v="G0000110"/>
    <s v="N"/>
    <s v="MACSS Dist Billed Revenue-03"/>
    <s v=""/>
    <x v="0"/>
    <s v="CAD0330802"/>
    <s v="S"/>
    <s v="KY"/>
    <s v="REV"/>
    <s v="974"/>
    <s v="GLBATCH"/>
    <n v="8"/>
    <n v="2016"/>
  </r>
  <r>
    <s v="110"/>
    <d v="2016-08-15T00:00:00"/>
    <x v="7"/>
    <x v="0"/>
    <s v="10828"/>
    <s v="GLNANDA"/>
    <n v="-66807.02"/>
    <n v="-552760"/>
    <s v="Billed Revenues"/>
    <s v="EXV"/>
    <s v="NONBU"/>
    <s v="G0000110"/>
    <s v="N"/>
    <s v="MACSS Dist Billed Revenue-03"/>
    <s v=""/>
    <x v="0"/>
    <s v="CAD0330802"/>
    <s v="S"/>
    <s v="KY"/>
    <s v="REV"/>
    <s v="974"/>
    <s v="GLBATCH"/>
    <n v="8"/>
    <n v="2016"/>
  </r>
  <r>
    <s v="110"/>
    <d v="2016-08-15T00:00:00"/>
    <x v="6"/>
    <x v="0"/>
    <s v="10828"/>
    <s v="GLNANDA"/>
    <n v="0"/>
    <n v="18"/>
    <s v="Billed Revenues"/>
    <s v="EXV"/>
    <s v="NONBU"/>
    <s v="G0000110"/>
    <s v="N"/>
    <s v="MACSS Dist Billed Revenue-03"/>
    <s v=""/>
    <x v="0"/>
    <s v="CAD0330802"/>
    <s v="S"/>
    <s v="KY"/>
    <s v="REV"/>
    <s v="974"/>
    <s v="GLBATCH"/>
    <n v="8"/>
    <n v="2016"/>
  </r>
  <r>
    <s v="110"/>
    <d v="2016-08-15T00:00:00"/>
    <x v="6"/>
    <x v="0"/>
    <s v="10828"/>
    <s v="GLNANDA"/>
    <n v="-1855.76"/>
    <n v="-12255"/>
    <s v="Billed Revenues"/>
    <s v="EXV"/>
    <s v="NONBU"/>
    <s v="G0000110"/>
    <s v="N"/>
    <s v="MACSS Dist Billed Revenue-03"/>
    <s v=""/>
    <x v="0"/>
    <s v="CAD0330802"/>
    <s v="S"/>
    <s v="KY"/>
    <s v="REV"/>
    <s v="974"/>
    <s v="GLBATCH"/>
    <n v="8"/>
    <n v="2016"/>
  </r>
  <r>
    <s v="110"/>
    <d v="2016-08-15T00:00:00"/>
    <x v="1"/>
    <x v="0"/>
    <s v="10828"/>
    <s v="GLNANDA"/>
    <n v="0"/>
    <n v="2698"/>
    <s v="Billed Revenues"/>
    <s v="EXV"/>
    <s v="NONBU"/>
    <s v="G0000110"/>
    <s v="N"/>
    <s v="MACSS Dist Billed Revenue-03"/>
    <s v=""/>
    <x v="0"/>
    <s v="CAD0330802"/>
    <s v="S"/>
    <s v="KY"/>
    <s v="REV"/>
    <s v="974"/>
    <s v="GLBATCH"/>
    <n v="8"/>
    <n v="2016"/>
  </r>
  <r>
    <s v="110"/>
    <d v="2016-08-15T00:00:00"/>
    <x v="1"/>
    <x v="0"/>
    <s v="10828"/>
    <s v="GLNANDA"/>
    <n v="-431355.81"/>
    <n v="-3605703"/>
    <s v="Billed Revenues"/>
    <s v="EXV"/>
    <s v="NONBU"/>
    <s v="G0000110"/>
    <s v="N"/>
    <s v="MACSS Dist Billed Revenue-03"/>
    <s v=""/>
    <x v="0"/>
    <s v="CAD0330802"/>
    <s v="S"/>
    <s v="KY"/>
    <s v="REV"/>
    <s v="974"/>
    <s v="GLBATCH"/>
    <n v="8"/>
    <n v="2016"/>
  </r>
  <r>
    <s v="110"/>
    <d v="2016-08-15T00:00:00"/>
    <x v="4"/>
    <x v="0"/>
    <s v="10828"/>
    <s v="GLNANDA"/>
    <n v="0"/>
    <n v="3843"/>
    <s v="Billed Revenues"/>
    <s v="EXV"/>
    <s v="NONBU"/>
    <s v="G0000110"/>
    <s v="N"/>
    <s v="MACSS Dist Billed Revenue-03"/>
    <s v=""/>
    <x v="0"/>
    <s v="CAD0330802"/>
    <s v="S"/>
    <s v="KY"/>
    <s v="REV"/>
    <s v="974"/>
    <s v="GLBATCH"/>
    <n v="8"/>
    <n v="2016"/>
  </r>
  <r>
    <s v="110"/>
    <d v="2016-08-15T00:00:00"/>
    <x v="4"/>
    <x v="0"/>
    <s v="10828"/>
    <s v="GLNANDA"/>
    <n v="-666314.34"/>
    <n v="-5626978"/>
    <s v="Billed Revenues"/>
    <s v="EXV"/>
    <s v="NONBU"/>
    <s v="G0000110"/>
    <s v="N"/>
    <s v="MACSS Dist Billed Revenue-03"/>
    <s v=""/>
    <x v="0"/>
    <s v="CAD0330802"/>
    <s v="S"/>
    <s v="KY"/>
    <s v="REV"/>
    <s v="974"/>
    <s v="GLBATCH"/>
    <n v="8"/>
    <n v="2016"/>
  </r>
  <r>
    <s v="110"/>
    <d v="2016-08-15T00:00:00"/>
    <x v="2"/>
    <x v="0"/>
    <s v="10828"/>
    <s v="GLNANDA"/>
    <n v="0"/>
    <n v="1108"/>
    <s v="Billed Revenues"/>
    <s v="EXV"/>
    <s v="NONBU"/>
    <s v="G0000110"/>
    <s v="N"/>
    <s v="MACSS Dist Billed Revenue-03"/>
    <s v=""/>
    <x v="0"/>
    <s v="CAD0330802"/>
    <s v="S"/>
    <s v="KY"/>
    <s v="REV"/>
    <s v="974"/>
    <s v="GLBATCH"/>
    <n v="8"/>
    <n v="2016"/>
  </r>
  <r>
    <s v="110"/>
    <d v="2016-08-15T00:00:00"/>
    <x v="2"/>
    <x v="0"/>
    <s v="10828"/>
    <s v="GLNANDA"/>
    <n v="-262428.64"/>
    <n v="-2038733"/>
    <s v="Billed Revenues"/>
    <s v="EXV"/>
    <s v="NONBU"/>
    <s v="G0000110"/>
    <s v="N"/>
    <s v="MACSS Dist Billed Revenue-03"/>
    <s v=""/>
    <x v="0"/>
    <s v="CAD0330802"/>
    <s v="S"/>
    <s v="KY"/>
    <s v="REV"/>
    <s v="974"/>
    <s v="GLBATCH"/>
    <n v="8"/>
    <n v="2016"/>
  </r>
  <r>
    <s v="110"/>
    <d v="2016-08-15T00:00:00"/>
    <x v="3"/>
    <x v="0"/>
    <s v="10828"/>
    <s v="GLNANDA"/>
    <n v="0"/>
    <n v="12"/>
    <s v="Billed Revenues"/>
    <s v="EXV"/>
    <s v="NONBU"/>
    <s v="G0000110"/>
    <s v="N"/>
    <s v="MACSS Dist Billed Revenue-03"/>
    <s v=""/>
    <x v="0"/>
    <s v="CAD0330802"/>
    <s v="S"/>
    <s v="KY"/>
    <s v="REV"/>
    <s v="974"/>
    <s v="GLBATCH"/>
    <n v="8"/>
    <n v="2016"/>
  </r>
  <r>
    <s v="110"/>
    <d v="2016-08-15T00:00:00"/>
    <x v="3"/>
    <x v="0"/>
    <s v="10828"/>
    <s v="GLNANDA"/>
    <n v="-20083.02"/>
    <n v="-147783"/>
    <s v="Billed Revenues"/>
    <s v="EXV"/>
    <s v="NONBU"/>
    <s v="G0000110"/>
    <s v="N"/>
    <s v="MACSS Dist Billed Revenue-03"/>
    <s v=""/>
    <x v="0"/>
    <s v="CAD0330802"/>
    <s v="S"/>
    <s v="KY"/>
    <s v="REV"/>
    <s v="974"/>
    <s v="GLBATCH"/>
    <n v="8"/>
    <n v="2016"/>
  </r>
  <r>
    <s v="110"/>
    <d v="2016-08-15T00:00:00"/>
    <x v="0"/>
    <x v="0"/>
    <s v="10828"/>
    <s v="GLNANDA"/>
    <n v="0"/>
    <n v="38"/>
    <s v="Billed Revenues"/>
    <s v="EXV"/>
    <s v="NONBU"/>
    <s v="G0000110"/>
    <s v="N"/>
    <s v="MACSS Dist Billed Revenue-03"/>
    <s v=""/>
    <x v="0"/>
    <s v="CAD0330802"/>
    <s v="S"/>
    <s v="KY"/>
    <s v="REV"/>
    <s v="974"/>
    <s v="GLBATCH"/>
    <n v="8"/>
    <n v="2016"/>
  </r>
  <r>
    <s v="110"/>
    <d v="2016-08-15T00:00:00"/>
    <x v="5"/>
    <x v="0"/>
    <s v="10828"/>
    <s v="GLNANDA"/>
    <n v="-28554.84"/>
    <n v="-239549"/>
    <s v="Billed Revenues"/>
    <s v="EXV"/>
    <s v="NONBU"/>
    <s v="G0000110"/>
    <s v="N"/>
    <s v="MACSS Dist Billed Revenue-03"/>
    <s v=""/>
    <x v="0"/>
    <s v="CAD0330802"/>
    <s v="S"/>
    <s v="KY"/>
    <s v="REV"/>
    <s v="974"/>
    <s v="GLBATCH"/>
    <n v="8"/>
    <n v="2016"/>
  </r>
  <r>
    <s v="110"/>
    <d v="2016-08-15T00:00:00"/>
    <x v="5"/>
    <x v="0"/>
    <s v="10828"/>
    <s v="GLNANDA"/>
    <n v="0"/>
    <n v="154"/>
    <s v="Billed Revenues"/>
    <s v="EXV"/>
    <s v="NONBU"/>
    <s v="G0000110"/>
    <s v="N"/>
    <s v="MACSS Dist Billed Revenue-03"/>
    <s v=""/>
    <x v="0"/>
    <s v="CAD0330803"/>
    <s v="S"/>
    <s v="KY"/>
    <s v="REV"/>
    <s v="974"/>
    <s v="GLBATCH"/>
    <n v="8"/>
    <n v="2016"/>
  </r>
  <r>
    <s v="110"/>
    <d v="2016-08-15T00:00:00"/>
    <x v="0"/>
    <x v="0"/>
    <s v="10828"/>
    <s v="GLNANDA"/>
    <n v="-15990.89"/>
    <n v="-160046"/>
    <s v="Billed Revenues"/>
    <s v="EXV"/>
    <s v="NONBU"/>
    <s v="G0000110"/>
    <s v="N"/>
    <s v="MACSS Dist Billed Revenue-03"/>
    <s v=""/>
    <x v="0"/>
    <s v="CAD0330803"/>
    <s v="S"/>
    <s v="KY"/>
    <s v="REV"/>
    <s v="974"/>
    <s v="GLBATCH"/>
    <n v="8"/>
    <n v="2016"/>
  </r>
  <r>
    <s v="110"/>
    <d v="2016-08-15T00:00:00"/>
    <x v="7"/>
    <x v="0"/>
    <s v="10828"/>
    <s v="GLNANDA"/>
    <n v="0"/>
    <n v="38"/>
    <s v="Billed Revenues"/>
    <s v="EXV"/>
    <s v="NONBU"/>
    <s v="G0000110"/>
    <s v="N"/>
    <s v="MACSS Dist Billed Revenue-03"/>
    <s v=""/>
    <x v="0"/>
    <s v="CAD0330803"/>
    <s v="S"/>
    <s v="KY"/>
    <s v="REV"/>
    <s v="974"/>
    <s v="GLBATCH"/>
    <n v="8"/>
    <n v="2016"/>
  </r>
  <r>
    <s v="110"/>
    <d v="2016-08-15T00:00:00"/>
    <x v="7"/>
    <x v="0"/>
    <s v="10828"/>
    <s v="GLNANDA"/>
    <n v="-69461.570000000007"/>
    <n v="-581707"/>
    <s v="Billed Revenues"/>
    <s v="EXV"/>
    <s v="NONBU"/>
    <s v="G0000110"/>
    <s v="N"/>
    <s v="MACSS Dist Billed Revenue-03"/>
    <s v=""/>
    <x v="0"/>
    <s v="CAD0330803"/>
    <s v="S"/>
    <s v="KY"/>
    <s v="REV"/>
    <s v="974"/>
    <s v="GLBATCH"/>
    <n v="8"/>
    <n v="2016"/>
  </r>
  <r>
    <s v="110"/>
    <d v="2016-08-15T00:00:00"/>
    <x v="6"/>
    <x v="0"/>
    <s v="10828"/>
    <s v="GLNANDA"/>
    <n v="0"/>
    <n v="20"/>
    <s v="Billed Revenues"/>
    <s v="EXV"/>
    <s v="NONBU"/>
    <s v="G0000110"/>
    <s v="N"/>
    <s v="MACSS Dist Billed Revenue-03"/>
    <s v=""/>
    <x v="0"/>
    <s v="CAD0330803"/>
    <s v="S"/>
    <s v="KY"/>
    <s v="REV"/>
    <s v="974"/>
    <s v="GLBATCH"/>
    <n v="8"/>
    <n v="2016"/>
  </r>
  <r>
    <s v="110"/>
    <d v="2016-08-15T00:00:00"/>
    <x v="6"/>
    <x v="0"/>
    <s v="10828"/>
    <s v="GLNANDA"/>
    <n v="-775.7"/>
    <n v="-1948"/>
    <s v="Billed Revenues"/>
    <s v="EXV"/>
    <s v="NONBU"/>
    <s v="G0000110"/>
    <s v="N"/>
    <s v="MACSS Dist Billed Revenue-03"/>
    <s v=""/>
    <x v="0"/>
    <s v="CAD0330803"/>
    <s v="S"/>
    <s v="KY"/>
    <s v="REV"/>
    <s v="974"/>
    <s v="GLBATCH"/>
    <n v="8"/>
    <n v="2016"/>
  </r>
  <r>
    <s v="110"/>
    <d v="2016-08-15T00:00:00"/>
    <x v="1"/>
    <x v="0"/>
    <s v="10828"/>
    <s v="GLNANDA"/>
    <n v="0"/>
    <n v="3377"/>
    <s v="Billed Revenues"/>
    <s v="EXV"/>
    <s v="NONBU"/>
    <s v="G0000110"/>
    <s v="N"/>
    <s v="MACSS Dist Billed Revenue-03"/>
    <s v=""/>
    <x v="0"/>
    <s v="CAD0330803"/>
    <s v="S"/>
    <s v="KY"/>
    <s v="REV"/>
    <s v="974"/>
    <s v="GLBATCH"/>
    <n v="8"/>
    <n v="2016"/>
  </r>
  <r>
    <s v="110"/>
    <d v="2016-08-15T00:00:00"/>
    <x v="1"/>
    <x v="0"/>
    <s v="10828"/>
    <s v="GLNANDA"/>
    <n v="-586522.77"/>
    <n v="-4977467"/>
    <s v="Billed Revenues"/>
    <s v="EXV"/>
    <s v="NONBU"/>
    <s v="G0000110"/>
    <s v="N"/>
    <s v="MACSS Dist Billed Revenue-03"/>
    <s v=""/>
    <x v="0"/>
    <s v="CAD0330803"/>
    <s v="S"/>
    <s v="KY"/>
    <s v="REV"/>
    <s v="974"/>
    <s v="GLBATCH"/>
    <n v="8"/>
    <n v="2016"/>
  </r>
  <r>
    <s v="110"/>
    <d v="2016-08-15T00:00:00"/>
    <x v="4"/>
    <x v="0"/>
    <s v="10828"/>
    <s v="GLNANDA"/>
    <n v="0"/>
    <n v="3684"/>
    <s v="Billed Revenues"/>
    <s v="EXV"/>
    <s v="NONBU"/>
    <s v="G0000110"/>
    <s v="N"/>
    <s v="MACSS Dist Billed Revenue-03"/>
    <s v=""/>
    <x v="0"/>
    <s v="CAD0330803"/>
    <s v="S"/>
    <s v="KY"/>
    <s v="REV"/>
    <s v="974"/>
    <s v="GLBATCH"/>
    <n v="8"/>
    <n v="2016"/>
  </r>
  <r>
    <s v="110"/>
    <d v="2016-08-15T00:00:00"/>
    <x v="4"/>
    <x v="0"/>
    <s v="10828"/>
    <s v="GLNANDA"/>
    <n v="-619847.28"/>
    <n v="-5230446"/>
    <s v="Billed Revenues"/>
    <s v="EXV"/>
    <s v="NONBU"/>
    <s v="G0000110"/>
    <s v="N"/>
    <s v="MACSS Dist Billed Revenue-03"/>
    <s v=""/>
    <x v="0"/>
    <s v="CAD0330803"/>
    <s v="S"/>
    <s v="KY"/>
    <s v="REV"/>
    <s v="974"/>
    <s v="GLBATCH"/>
    <n v="8"/>
    <n v="2016"/>
  </r>
  <r>
    <s v="110"/>
    <d v="2016-08-15T00:00:00"/>
    <x v="2"/>
    <x v="0"/>
    <s v="10828"/>
    <s v="GLNANDA"/>
    <n v="0"/>
    <n v="1352"/>
    <s v="Billed Revenues"/>
    <s v="EXV"/>
    <s v="NONBU"/>
    <s v="G0000110"/>
    <s v="N"/>
    <s v="MACSS Dist Billed Revenue-03"/>
    <s v=""/>
    <x v="0"/>
    <s v="CAD0330803"/>
    <s v="S"/>
    <s v="KY"/>
    <s v="REV"/>
    <s v="974"/>
    <s v="GLBATCH"/>
    <n v="8"/>
    <n v="2016"/>
  </r>
  <r>
    <s v="110"/>
    <d v="2016-08-15T00:00:00"/>
    <x v="2"/>
    <x v="0"/>
    <s v="10828"/>
    <s v="GLNANDA"/>
    <n v="-731671.59"/>
    <n v="-6589363"/>
    <s v="Billed Revenues"/>
    <s v="EXV"/>
    <s v="NONBU"/>
    <s v="G0000110"/>
    <s v="N"/>
    <s v="MACSS Dist Billed Revenue-03"/>
    <s v=""/>
    <x v="0"/>
    <s v="CAD0330803"/>
    <s v="S"/>
    <s v="KY"/>
    <s v="REV"/>
    <s v="974"/>
    <s v="GLBATCH"/>
    <n v="8"/>
    <n v="2016"/>
  </r>
  <r>
    <s v="110"/>
    <d v="2016-08-15T00:00:00"/>
    <x v="3"/>
    <x v="0"/>
    <s v="10828"/>
    <s v="GLNANDA"/>
    <n v="0"/>
    <n v="16"/>
    <s v="Billed Revenues"/>
    <s v="EXV"/>
    <s v="NONBU"/>
    <s v="G0000110"/>
    <s v="N"/>
    <s v="MACSS Dist Billed Revenue-03"/>
    <s v=""/>
    <x v="0"/>
    <s v="CAD0330803"/>
    <s v="S"/>
    <s v="KY"/>
    <s v="REV"/>
    <s v="974"/>
    <s v="GLBATCH"/>
    <n v="8"/>
    <n v="2016"/>
  </r>
  <r>
    <s v="110"/>
    <d v="2016-08-15T00:00:00"/>
    <x v="3"/>
    <x v="0"/>
    <s v="10828"/>
    <s v="GLNANDA"/>
    <n v="-45279.27"/>
    <n v="-412573"/>
    <s v="Billed Revenues"/>
    <s v="EXV"/>
    <s v="NONBU"/>
    <s v="G0000110"/>
    <s v="N"/>
    <s v="MACSS Dist Billed Revenue-03"/>
    <s v=""/>
    <x v="0"/>
    <s v="CAD0330803"/>
    <s v="S"/>
    <s v="KY"/>
    <s v="REV"/>
    <s v="974"/>
    <s v="GLBATCH"/>
    <n v="8"/>
    <n v="2016"/>
  </r>
  <r>
    <s v="110"/>
    <d v="2016-08-15T00:00:00"/>
    <x v="0"/>
    <x v="0"/>
    <s v="10828"/>
    <s v="GLNANDA"/>
    <n v="0"/>
    <n v="29"/>
    <s v="Billed Revenues"/>
    <s v="EXV"/>
    <s v="NONBU"/>
    <s v="G0000110"/>
    <s v="N"/>
    <s v="MACSS Dist Billed Revenue-03"/>
    <s v=""/>
    <x v="0"/>
    <s v="CAD0330803"/>
    <s v="S"/>
    <s v="KY"/>
    <s v="REV"/>
    <s v="974"/>
    <s v="GLBATCH"/>
    <n v="8"/>
    <n v="2016"/>
  </r>
  <r>
    <s v="110"/>
    <d v="2016-08-15T00:00:00"/>
    <x v="5"/>
    <x v="0"/>
    <s v="10828"/>
    <s v="GLNANDA"/>
    <n v="-215517.66"/>
    <n v="-2283275"/>
    <s v="Billed Revenues"/>
    <s v="EXV"/>
    <s v="NONBU"/>
    <s v="G0000110"/>
    <s v="N"/>
    <s v="MACSS Dist Billed Revenue-03"/>
    <s v=""/>
    <x v="0"/>
    <s v="CAD0330803"/>
    <s v="S"/>
    <s v="KY"/>
    <s v="REV"/>
    <s v="974"/>
    <s v="GLBATCH"/>
    <n v="8"/>
    <n v="2016"/>
  </r>
  <r>
    <s v="110"/>
    <d v="2016-08-15T00:00:00"/>
    <x v="7"/>
    <x v="0"/>
    <s v="10828"/>
    <s v="GLNANDA"/>
    <n v="0"/>
    <n v="48"/>
    <s v="Billed Revenues"/>
    <s v="EXV"/>
    <s v="NONBU"/>
    <s v="G0000110"/>
    <s v="N"/>
    <s v="MACSS Dist Billed Revenue-03"/>
    <s v=""/>
    <x v="0"/>
    <s v="CAD0330804"/>
    <s v="S"/>
    <s v="KY"/>
    <s v="REV"/>
    <s v="974"/>
    <s v="GLBATCH"/>
    <n v="8"/>
    <n v="2016"/>
  </r>
  <r>
    <s v="110"/>
    <d v="2016-08-15T00:00:00"/>
    <x v="0"/>
    <x v="0"/>
    <s v="10828"/>
    <s v="GLNANDA"/>
    <n v="-145113.76999999999"/>
    <n v="-1916201"/>
    <s v="Billed Revenues"/>
    <s v="EXV"/>
    <s v="NONBU"/>
    <s v="G0000110"/>
    <s v="N"/>
    <s v="MACSS Dist Billed Revenue-03"/>
    <s v=""/>
    <x v="0"/>
    <s v="CAD0330804"/>
    <s v="S"/>
    <s v="KY"/>
    <s v="REV"/>
    <s v="974"/>
    <s v="GLBATCH"/>
    <n v="8"/>
    <n v="2016"/>
  </r>
  <r>
    <s v="110"/>
    <d v="2016-08-15T00:00:00"/>
    <x v="3"/>
    <x v="0"/>
    <s v="10828"/>
    <s v="GLNANDA"/>
    <n v="0"/>
    <n v="6"/>
    <s v="Billed Revenues"/>
    <s v="EXV"/>
    <s v="NONBU"/>
    <s v="G0000110"/>
    <s v="N"/>
    <s v="MACSS Dist Billed Revenue-03"/>
    <s v=""/>
    <x v="0"/>
    <s v="CAD0330804"/>
    <s v="S"/>
    <s v="KY"/>
    <s v="REV"/>
    <s v="974"/>
    <s v="GLBATCH"/>
    <n v="8"/>
    <n v="2016"/>
  </r>
  <r>
    <s v="110"/>
    <d v="2016-08-15T00:00:00"/>
    <x v="3"/>
    <x v="0"/>
    <s v="10828"/>
    <s v="GLNANDA"/>
    <n v="-34286.019999999997"/>
    <n v="-291611"/>
    <s v="Billed Revenues"/>
    <s v="EXV"/>
    <s v="NONBU"/>
    <s v="G0000110"/>
    <s v="N"/>
    <s v="MACSS Dist Billed Revenue-03"/>
    <s v=""/>
    <x v="0"/>
    <s v="CAD0330804"/>
    <s v="S"/>
    <s v="KY"/>
    <s v="REV"/>
    <s v="974"/>
    <s v="GLBATCH"/>
    <n v="8"/>
    <n v="2016"/>
  </r>
  <r>
    <s v="110"/>
    <d v="2016-08-15T00:00:00"/>
    <x v="5"/>
    <x v="0"/>
    <s v="10828"/>
    <s v="GLNANDA"/>
    <n v="0"/>
    <n v="226"/>
    <s v="Billed Revenues"/>
    <s v="EXV"/>
    <s v="NONBU"/>
    <s v="G0000110"/>
    <s v="N"/>
    <s v="MACSS Dist Billed Revenue-03"/>
    <s v=""/>
    <x v="0"/>
    <s v="CAD0330804"/>
    <s v="S"/>
    <s v="KY"/>
    <s v="REV"/>
    <s v="974"/>
    <s v="GLBATCH"/>
    <n v="8"/>
    <n v="2016"/>
  </r>
  <r>
    <s v="110"/>
    <d v="2016-08-15T00:00:00"/>
    <x v="5"/>
    <x v="0"/>
    <s v="10828"/>
    <s v="GLNANDA"/>
    <n v="-114223.96"/>
    <n v="-944884"/>
    <s v="Billed Revenues"/>
    <s v="EXV"/>
    <s v="NONBU"/>
    <s v="G0000110"/>
    <s v="N"/>
    <s v="MACSS Dist Billed Revenue-03"/>
    <s v=""/>
    <x v="0"/>
    <s v="CAD0330804"/>
    <s v="S"/>
    <s v="KY"/>
    <s v="REV"/>
    <s v="974"/>
    <s v="GLBATCH"/>
    <n v="8"/>
    <n v="2016"/>
  </r>
  <r>
    <s v="110"/>
    <d v="2016-08-15T00:00:00"/>
    <x v="6"/>
    <x v="0"/>
    <s v="10828"/>
    <s v="GLNANDA"/>
    <n v="0"/>
    <n v="16"/>
    <s v="Billed Revenues"/>
    <s v="EXV"/>
    <s v="NONBU"/>
    <s v="G0000110"/>
    <s v="N"/>
    <s v="MACSS Dist Billed Revenue-03"/>
    <s v=""/>
    <x v="0"/>
    <s v="CAD0330804"/>
    <s v="S"/>
    <s v="KY"/>
    <s v="REV"/>
    <s v="974"/>
    <s v="GLBATCH"/>
    <n v="8"/>
    <n v="2016"/>
  </r>
  <r>
    <s v="110"/>
    <d v="2016-08-15T00:00:00"/>
    <x v="6"/>
    <x v="0"/>
    <s v="10828"/>
    <s v="GLNANDA"/>
    <n v="-1333.09"/>
    <n v="-8757"/>
    <s v="Billed Revenues"/>
    <s v="EXV"/>
    <s v="NONBU"/>
    <s v="G0000110"/>
    <s v="N"/>
    <s v="MACSS Dist Billed Revenue-03"/>
    <s v=""/>
    <x v="0"/>
    <s v="CAD0330804"/>
    <s v="S"/>
    <s v="KY"/>
    <s v="REV"/>
    <s v="974"/>
    <s v="GLBATCH"/>
    <n v="8"/>
    <n v="2016"/>
  </r>
  <r>
    <s v="110"/>
    <d v="2016-08-15T00:00:00"/>
    <x v="4"/>
    <x v="0"/>
    <s v="10828"/>
    <s v="GLNANDA"/>
    <n v="0"/>
    <n v="3672"/>
    <s v="Billed Revenues"/>
    <s v="EXV"/>
    <s v="NONBU"/>
    <s v="G0000110"/>
    <s v="N"/>
    <s v="MACSS Dist Billed Revenue-03"/>
    <s v=""/>
    <x v="0"/>
    <s v="CAD0330804"/>
    <s v="S"/>
    <s v="KY"/>
    <s v="REV"/>
    <s v="974"/>
    <s v="GLBATCH"/>
    <n v="8"/>
    <n v="2016"/>
  </r>
  <r>
    <s v="110"/>
    <d v="2016-08-15T00:00:00"/>
    <x v="4"/>
    <x v="0"/>
    <s v="10828"/>
    <s v="GLNANDA"/>
    <n v="-621211.55000000005"/>
    <n v="-5224923"/>
    <s v="Billed Revenues"/>
    <s v="EXV"/>
    <s v="NONBU"/>
    <s v="G0000110"/>
    <s v="N"/>
    <s v="MACSS Dist Billed Revenue-03"/>
    <s v=""/>
    <x v="0"/>
    <s v="CAD0330804"/>
    <s v="S"/>
    <s v="KY"/>
    <s v="REV"/>
    <s v="974"/>
    <s v="GLBATCH"/>
    <n v="8"/>
    <n v="2016"/>
  </r>
  <r>
    <s v="110"/>
    <d v="2016-08-15T00:00:00"/>
    <x v="1"/>
    <x v="0"/>
    <s v="10828"/>
    <s v="GLNANDA"/>
    <n v="0"/>
    <n v="3282"/>
    <s v="Billed Revenues"/>
    <s v="EXV"/>
    <s v="NONBU"/>
    <s v="G0000110"/>
    <s v="N"/>
    <s v="MACSS Dist Billed Revenue-03"/>
    <s v=""/>
    <x v="0"/>
    <s v="CAD0330804"/>
    <s v="S"/>
    <s v="KY"/>
    <s v="REV"/>
    <s v="974"/>
    <s v="GLBATCH"/>
    <n v="8"/>
    <n v="2016"/>
  </r>
  <r>
    <s v="110"/>
    <d v="2016-08-15T00:00:00"/>
    <x v="1"/>
    <x v="0"/>
    <s v="10828"/>
    <s v="GLNANDA"/>
    <n v="-561334.15"/>
    <n v="-4744981"/>
    <s v="Billed Revenues"/>
    <s v="EXV"/>
    <s v="NONBU"/>
    <s v="G0000110"/>
    <s v="N"/>
    <s v="MACSS Dist Billed Revenue-03"/>
    <s v=""/>
    <x v="0"/>
    <s v="CAD0330804"/>
    <s v="S"/>
    <s v="KY"/>
    <s v="REV"/>
    <s v="974"/>
    <s v="GLBATCH"/>
    <n v="8"/>
    <n v="2016"/>
  </r>
  <r>
    <s v="110"/>
    <d v="2016-08-15T00:00:00"/>
    <x v="2"/>
    <x v="0"/>
    <s v="10828"/>
    <s v="GLNANDA"/>
    <n v="0"/>
    <n v="1192"/>
    <s v="Billed Revenues"/>
    <s v="EXV"/>
    <s v="NONBU"/>
    <s v="G0000110"/>
    <s v="N"/>
    <s v="MACSS Dist Billed Revenue-03"/>
    <s v=""/>
    <x v="0"/>
    <s v="CAD0330804"/>
    <s v="S"/>
    <s v="KY"/>
    <s v="REV"/>
    <s v="974"/>
    <s v="GLBATCH"/>
    <n v="8"/>
    <n v="2016"/>
  </r>
  <r>
    <s v="110"/>
    <d v="2016-08-15T00:00:00"/>
    <x v="2"/>
    <x v="0"/>
    <s v="10828"/>
    <s v="GLNANDA"/>
    <n v="-471975.77"/>
    <n v="-4241429"/>
    <s v="Billed Revenues"/>
    <s v="EXV"/>
    <s v="NONBU"/>
    <s v="G0000110"/>
    <s v="N"/>
    <s v="MACSS Dist Billed Revenue-03"/>
    <s v=""/>
    <x v="0"/>
    <s v="CAD0330804"/>
    <s v="S"/>
    <s v="KY"/>
    <s v="REV"/>
    <s v="974"/>
    <s v="GLBATCH"/>
    <n v="8"/>
    <n v="2016"/>
  </r>
  <r>
    <s v="110"/>
    <d v="2016-08-15T00:00:00"/>
    <x v="0"/>
    <x v="0"/>
    <s v="10828"/>
    <s v="GLNANDA"/>
    <n v="0"/>
    <n v="23"/>
    <s v="Billed Revenues"/>
    <s v="EXV"/>
    <s v="NONBU"/>
    <s v="G0000110"/>
    <s v="N"/>
    <s v="MACSS Dist Billed Revenue-03"/>
    <s v=""/>
    <x v="0"/>
    <s v="CAD0330804"/>
    <s v="S"/>
    <s v="KY"/>
    <s v="REV"/>
    <s v="974"/>
    <s v="GLBATCH"/>
    <n v="8"/>
    <n v="2016"/>
  </r>
  <r>
    <s v="110"/>
    <d v="2016-08-15T00:00:00"/>
    <x v="7"/>
    <x v="0"/>
    <s v="10828"/>
    <s v="GLNANDA"/>
    <n v="-116471.09"/>
    <n v="-991235"/>
    <s v="Billed Revenues"/>
    <s v="EXV"/>
    <s v="NONBU"/>
    <s v="G0000110"/>
    <s v="N"/>
    <s v="MACSS Dist Billed Revenue-03"/>
    <s v=""/>
    <x v="0"/>
    <s v="CAD0330804"/>
    <s v="S"/>
    <s v="KY"/>
    <s v="REV"/>
    <s v="974"/>
    <s v="GLBATCH"/>
    <n v="8"/>
    <n v="2016"/>
  </r>
  <r>
    <s v="110"/>
    <d v="2016-08-15T00:00:00"/>
    <x v="7"/>
    <x v="0"/>
    <s v="10828"/>
    <s v="GLNANDA"/>
    <n v="0"/>
    <n v="42"/>
    <s v="Billed Revenues"/>
    <s v="EXV"/>
    <s v="NONBU"/>
    <s v="G0000110"/>
    <s v="N"/>
    <s v="MACSS Dist Billed Revenue-03"/>
    <s v=""/>
    <x v="0"/>
    <s v="CAD0330805"/>
    <s v="S"/>
    <s v="KY"/>
    <s v="REV"/>
    <s v="974"/>
    <s v="GLBATCH"/>
    <n v="8"/>
    <n v="2016"/>
  </r>
  <r>
    <s v="110"/>
    <d v="2016-08-15T00:00:00"/>
    <x v="7"/>
    <x v="0"/>
    <s v="10828"/>
    <s v="GLNANDA"/>
    <n v="-99989.42"/>
    <n v="-858781"/>
    <s v="Billed Revenues"/>
    <s v="EXV"/>
    <s v="NONBU"/>
    <s v="G0000110"/>
    <s v="N"/>
    <s v="MACSS Dist Billed Revenue-03"/>
    <s v=""/>
    <x v="0"/>
    <s v="CAD0330805"/>
    <s v="S"/>
    <s v="KY"/>
    <s v="REV"/>
    <s v="974"/>
    <s v="GLBATCH"/>
    <n v="8"/>
    <n v="2016"/>
  </r>
  <r>
    <s v="110"/>
    <d v="2016-08-15T00:00:00"/>
    <x v="3"/>
    <x v="0"/>
    <s v="10828"/>
    <s v="GLNANDA"/>
    <n v="0"/>
    <n v="2"/>
    <s v="Billed Revenues"/>
    <s v="EXV"/>
    <s v="NONBU"/>
    <s v="G0000110"/>
    <s v="N"/>
    <s v="MACSS Dist Billed Revenue-03"/>
    <s v=""/>
    <x v="0"/>
    <s v="CAD0330805"/>
    <s v="S"/>
    <s v="KY"/>
    <s v="REV"/>
    <s v="974"/>
    <s v="GLBATCH"/>
    <n v="8"/>
    <n v="2016"/>
  </r>
  <r>
    <s v="110"/>
    <d v="2016-08-15T00:00:00"/>
    <x v="3"/>
    <x v="0"/>
    <s v="10828"/>
    <s v="GLNANDA"/>
    <n v="-4626.3100000000004"/>
    <n v="-38556"/>
    <s v="Billed Revenues"/>
    <s v="EXV"/>
    <s v="NONBU"/>
    <s v="G0000110"/>
    <s v="N"/>
    <s v="MACSS Dist Billed Revenue-03"/>
    <s v=""/>
    <x v="0"/>
    <s v="CAD0330805"/>
    <s v="S"/>
    <s v="KY"/>
    <s v="REV"/>
    <s v="974"/>
    <s v="GLBATCH"/>
    <n v="8"/>
    <n v="2016"/>
  </r>
  <r>
    <s v="110"/>
    <d v="2016-08-15T00:00:00"/>
    <x v="5"/>
    <x v="0"/>
    <s v="10828"/>
    <s v="GLNANDA"/>
    <n v="0"/>
    <n v="131"/>
    <s v="Billed Revenues"/>
    <s v="EXV"/>
    <s v="NONBU"/>
    <s v="G0000110"/>
    <s v="N"/>
    <s v="MACSS Dist Billed Revenue-03"/>
    <s v=""/>
    <x v="0"/>
    <s v="CAD0330805"/>
    <s v="S"/>
    <s v="KY"/>
    <s v="REV"/>
    <s v="974"/>
    <s v="GLBATCH"/>
    <n v="8"/>
    <n v="2016"/>
  </r>
  <r>
    <s v="110"/>
    <d v="2016-08-15T00:00:00"/>
    <x v="5"/>
    <x v="0"/>
    <s v="10828"/>
    <s v="GLNANDA"/>
    <n v="-73359.13"/>
    <n v="-599610"/>
    <s v="Billed Revenues"/>
    <s v="EXV"/>
    <s v="NONBU"/>
    <s v="G0000110"/>
    <s v="N"/>
    <s v="MACSS Dist Billed Revenue-03"/>
    <s v=""/>
    <x v="0"/>
    <s v="CAD0330805"/>
    <s v="S"/>
    <s v="KY"/>
    <s v="REV"/>
    <s v="974"/>
    <s v="GLBATCH"/>
    <n v="8"/>
    <n v="2016"/>
  </r>
  <r>
    <s v="110"/>
    <d v="2016-08-15T00:00:00"/>
    <x v="6"/>
    <x v="0"/>
    <s v="10828"/>
    <s v="GLNANDA"/>
    <n v="0"/>
    <n v="26"/>
    <s v="Billed Revenues"/>
    <s v="EXV"/>
    <s v="NONBU"/>
    <s v="G0000110"/>
    <s v="N"/>
    <s v="MACSS Dist Billed Revenue-03"/>
    <s v=""/>
    <x v="0"/>
    <s v="CAD0330805"/>
    <s v="S"/>
    <s v="KY"/>
    <s v="REV"/>
    <s v="974"/>
    <s v="GLBATCH"/>
    <n v="8"/>
    <n v="2016"/>
  </r>
  <r>
    <s v="110"/>
    <d v="2016-08-15T00:00:00"/>
    <x v="6"/>
    <x v="0"/>
    <s v="10828"/>
    <s v="GLNANDA"/>
    <n v="-1783.83"/>
    <n v="-9487"/>
    <s v="Billed Revenues"/>
    <s v="EXV"/>
    <s v="NONBU"/>
    <s v="G0000110"/>
    <s v="N"/>
    <s v="MACSS Dist Billed Revenue-03"/>
    <s v=""/>
    <x v="0"/>
    <s v="CAD0330805"/>
    <s v="S"/>
    <s v="KY"/>
    <s v="REV"/>
    <s v="974"/>
    <s v="GLBATCH"/>
    <n v="8"/>
    <n v="2016"/>
  </r>
  <r>
    <s v="110"/>
    <d v="2016-08-15T00:00:00"/>
    <x v="4"/>
    <x v="0"/>
    <s v="10828"/>
    <s v="GLNANDA"/>
    <n v="0"/>
    <n v="4273"/>
    <s v="Billed Revenues"/>
    <s v="EXV"/>
    <s v="NONBU"/>
    <s v="G0000110"/>
    <s v="N"/>
    <s v="MACSS Dist Billed Revenue-03"/>
    <s v=""/>
    <x v="0"/>
    <s v="CAD0330805"/>
    <s v="S"/>
    <s v="KY"/>
    <s v="REV"/>
    <s v="974"/>
    <s v="GLBATCH"/>
    <n v="8"/>
    <n v="2016"/>
  </r>
  <r>
    <s v="110"/>
    <d v="2016-08-15T00:00:00"/>
    <x v="4"/>
    <x v="0"/>
    <s v="10828"/>
    <s v="GLNANDA"/>
    <n v="-715174.1"/>
    <n v="-6008698"/>
    <s v="Billed Revenues"/>
    <s v="EXV"/>
    <s v="NONBU"/>
    <s v="G0000110"/>
    <s v="N"/>
    <s v="MACSS Dist Billed Revenue-03"/>
    <s v=""/>
    <x v="0"/>
    <s v="CAD0330805"/>
    <s v="S"/>
    <s v="KY"/>
    <s v="REV"/>
    <s v="974"/>
    <s v="GLBATCH"/>
    <n v="8"/>
    <n v="2016"/>
  </r>
  <r>
    <s v="110"/>
    <d v="2016-08-15T00:00:00"/>
    <x v="1"/>
    <x v="0"/>
    <s v="10828"/>
    <s v="GLNANDA"/>
    <n v="0"/>
    <n v="3054"/>
    <s v="Billed Revenues"/>
    <s v="EXV"/>
    <s v="NONBU"/>
    <s v="G0000110"/>
    <s v="N"/>
    <s v="MACSS Dist Billed Revenue-03"/>
    <s v=""/>
    <x v="0"/>
    <s v="CAD0330805"/>
    <s v="S"/>
    <s v="KY"/>
    <s v="REV"/>
    <s v="974"/>
    <s v="GLBATCH"/>
    <n v="8"/>
    <n v="2016"/>
  </r>
  <r>
    <s v="110"/>
    <d v="2016-08-15T00:00:00"/>
    <x v="1"/>
    <x v="0"/>
    <s v="10828"/>
    <s v="GLNANDA"/>
    <n v="-490702.9"/>
    <n v="-4101905"/>
    <s v="Billed Revenues"/>
    <s v="EXV"/>
    <s v="NONBU"/>
    <s v="G0000110"/>
    <s v="N"/>
    <s v="MACSS Dist Billed Revenue-03"/>
    <s v=""/>
    <x v="0"/>
    <s v="CAD0330805"/>
    <s v="S"/>
    <s v="KY"/>
    <s v="REV"/>
    <s v="974"/>
    <s v="GLBATCH"/>
    <n v="8"/>
    <n v="2016"/>
  </r>
  <r>
    <s v="110"/>
    <d v="2016-08-15T00:00:00"/>
    <x v="2"/>
    <x v="0"/>
    <s v="10828"/>
    <s v="GLNANDA"/>
    <n v="0"/>
    <n v="1314"/>
    <s v="Billed Revenues"/>
    <s v="EXV"/>
    <s v="NONBU"/>
    <s v="G0000110"/>
    <s v="N"/>
    <s v="MACSS Dist Billed Revenue-03"/>
    <s v=""/>
    <x v="0"/>
    <s v="CAD0330805"/>
    <s v="S"/>
    <s v="KY"/>
    <s v="REV"/>
    <s v="974"/>
    <s v="GLBATCH"/>
    <n v="8"/>
    <n v="2016"/>
  </r>
  <r>
    <s v="110"/>
    <d v="2016-08-15T00:00:00"/>
    <x v="2"/>
    <x v="0"/>
    <s v="10828"/>
    <s v="GLNANDA"/>
    <n v="-523123.20000000001"/>
    <n v="-4283768"/>
    <s v="Billed Revenues"/>
    <s v="EXV"/>
    <s v="NONBU"/>
    <s v="G0000110"/>
    <s v="N"/>
    <s v="MACSS Dist Billed Revenue-03"/>
    <s v=""/>
    <x v="0"/>
    <s v="CAD0330805"/>
    <s v="S"/>
    <s v="KY"/>
    <s v="REV"/>
    <s v="974"/>
    <s v="GLBATCH"/>
    <n v="8"/>
    <n v="2016"/>
  </r>
  <r>
    <s v="110"/>
    <d v="2016-08-15T00:00:00"/>
    <x v="0"/>
    <x v="0"/>
    <s v="10828"/>
    <s v="GLNANDA"/>
    <n v="0"/>
    <n v="42"/>
    <s v="Billed Revenues"/>
    <s v="EXV"/>
    <s v="NONBU"/>
    <s v="G0000110"/>
    <s v="N"/>
    <s v="MACSS Dist Billed Revenue-03"/>
    <s v=""/>
    <x v="0"/>
    <s v="CAD0330805"/>
    <s v="S"/>
    <s v="KY"/>
    <s v="REV"/>
    <s v="974"/>
    <s v="GLBATCH"/>
    <n v="8"/>
    <n v="2016"/>
  </r>
  <r>
    <s v="110"/>
    <d v="2016-08-15T00:00:00"/>
    <x v="0"/>
    <x v="0"/>
    <s v="10828"/>
    <s v="GLNANDA"/>
    <n v="-128664.8"/>
    <n v="-1020211"/>
    <s v="Billed Revenues"/>
    <s v="EXV"/>
    <s v="NONBU"/>
    <s v="G0000110"/>
    <s v="N"/>
    <s v="MACSS Dist Billed Revenue-03"/>
    <s v=""/>
    <x v="0"/>
    <s v="CAD0330805"/>
    <s v="S"/>
    <s v="KY"/>
    <s v="REV"/>
    <s v="974"/>
    <s v="GLBATCH"/>
    <n v="8"/>
    <n v="2016"/>
  </r>
  <r>
    <s v="110"/>
    <d v="2016-08-15T00:00:00"/>
    <x v="5"/>
    <x v="0"/>
    <s v="10828"/>
    <s v="GLNANDA"/>
    <n v="-114671.83"/>
    <n v="-1148205"/>
    <s v="Billed Revenues"/>
    <s v="EXV"/>
    <s v="NONBU"/>
    <s v="G0000110"/>
    <s v="N"/>
    <s v="MACSS Dist Billed Revenue-03"/>
    <s v=""/>
    <x v="0"/>
    <s v="CAD0330808"/>
    <s v="S"/>
    <s v="KY"/>
    <s v="REV"/>
    <s v="974"/>
    <s v="GLBATCH"/>
    <n v="8"/>
    <n v="2016"/>
  </r>
  <r>
    <s v="110"/>
    <d v="2016-08-15T00:00:00"/>
    <x v="2"/>
    <x v="0"/>
    <s v="10828"/>
    <s v="GLNANDA"/>
    <n v="0"/>
    <n v="1083"/>
    <s v="Billed Revenues"/>
    <s v="EXV"/>
    <s v="NONBU"/>
    <s v="G0000110"/>
    <s v="N"/>
    <s v="MACSS Dist Billed Revenue-03"/>
    <s v=""/>
    <x v="0"/>
    <s v="CAD0330808"/>
    <s v="S"/>
    <s v="KY"/>
    <s v="REV"/>
    <s v="974"/>
    <s v="GLBATCH"/>
    <n v="8"/>
    <n v="2016"/>
  </r>
  <r>
    <s v="110"/>
    <d v="2016-08-15T00:00:00"/>
    <x v="1"/>
    <x v="0"/>
    <s v="10828"/>
    <s v="GLNANDA"/>
    <n v="-430719.89"/>
    <n v="-3575523"/>
    <s v="Billed Revenues"/>
    <s v="EXV"/>
    <s v="NONBU"/>
    <s v="G0000110"/>
    <s v="N"/>
    <s v="MACSS Dist Billed Revenue-03"/>
    <s v=""/>
    <x v="0"/>
    <s v="CAD0330808"/>
    <s v="S"/>
    <s v="KY"/>
    <s v="REV"/>
    <s v="974"/>
    <s v="GLBATCH"/>
    <n v="8"/>
    <n v="2016"/>
  </r>
  <r>
    <s v="110"/>
    <d v="2016-08-15T00:00:00"/>
    <x v="1"/>
    <x v="0"/>
    <s v="10828"/>
    <s v="GLNANDA"/>
    <n v="0"/>
    <n v="2780"/>
    <s v="Billed Revenues"/>
    <s v="EXV"/>
    <s v="NONBU"/>
    <s v="G0000110"/>
    <s v="N"/>
    <s v="MACSS Dist Billed Revenue-03"/>
    <s v=""/>
    <x v="0"/>
    <s v="CAD0330808"/>
    <s v="S"/>
    <s v="KY"/>
    <s v="REV"/>
    <s v="974"/>
    <s v="GLBATCH"/>
    <n v="8"/>
    <n v="2016"/>
  </r>
  <r>
    <s v="110"/>
    <d v="2016-08-15T00:00:00"/>
    <x v="4"/>
    <x v="0"/>
    <s v="10828"/>
    <s v="GLNANDA"/>
    <n v="-668950.46"/>
    <n v="-5612884"/>
    <s v="Billed Revenues"/>
    <s v="EXV"/>
    <s v="NONBU"/>
    <s v="G0000110"/>
    <s v="N"/>
    <s v="MACSS Dist Billed Revenue-03"/>
    <s v=""/>
    <x v="0"/>
    <s v="CAD0330808"/>
    <s v="S"/>
    <s v="KY"/>
    <s v="REV"/>
    <s v="974"/>
    <s v="GLBATCH"/>
    <n v="8"/>
    <n v="2016"/>
  </r>
  <r>
    <s v="110"/>
    <d v="2016-08-15T00:00:00"/>
    <x v="4"/>
    <x v="0"/>
    <s v="10828"/>
    <s v="GLNANDA"/>
    <n v="0"/>
    <n v="3859"/>
    <s v="Billed Revenues"/>
    <s v="EXV"/>
    <s v="NONBU"/>
    <s v="G0000110"/>
    <s v="N"/>
    <s v="MACSS Dist Billed Revenue-03"/>
    <s v=""/>
    <x v="0"/>
    <s v="CAD0330808"/>
    <s v="S"/>
    <s v="KY"/>
    <s v="REV"/>
    <s v="974"/>
    <s v="GLBATCH"/>
    <n v="8"/>
    <n v="2016"/>
  </r>
  <r>
    <s v="110"/>
    <d v="2016-08-15T00:00:00"/>
    <x v="6"/>
    <x v="0"/>
    <s v="10828"/>
    <s v="GLNANDA"/>
    <n v="-1087.27"/>
    <n v="-5764"/>
    <s v="Billed Revenues"/>
    <s v="EXV"/>
    <s v="NONBU"/>
    <s v="G0000110"/>
    <s v="N"/>
    <s v="MACSS Dist Billed Revenue-03"/>
    <s v=""/>
    <x v="0"/>
    <s v="CAD0330808"/>
    <s v="S"/>
    <s v="KY"/>
    <s v="REV"/>
    <s v="974"/>
    <s v="GLBATCH"/>
    <n v="8"/>
    <n v="2016"/>
  </r>
  <r>
    <s v="110"/>
    <d v="2016-08-15T00:00:00"/>
    <x v="6"/>
    <x v="0"/>
    <s v="10828"/>
    <s v="GLNANDA"/>
    <n v="0"/>
    <n v="16"/>
    <s v="Billed Revenues"/>
    <s v="EXV"/>
    <s v="NONBU"/>
    <s v="G0000110"/>
    <s v="N"/>
    <s v="MACSS Dist Billed Revenue-03"/>
    <s v=""/>
    <x v="0"/>
    <s v="CAD0330808"/>
    <s v="S"/>
    <s v="KY"/>
    <s v="REV"/>
    <s v="974"/>
    <s v="GLBATCH"/>
    <n v="8"/>
    <n v="2016"/>
  </r>
  <r>
    <s v="110"/>
    <d v="2016-08-15T00:00:00"/>
    <x v="2"/>
    <x v="0"/>
    <s v="10828"/>
    <s v="GLNANDA"/>
    <n v="-363080.37"/>
    <n v="-2950942"/>
    <s v="Billed Revenues"/>
    <s v="EXV"/>
    <s v="NONBU"/>
    <s v="G0000110"/>
    <s v="N"/>
    <s v="MACSS Dist Billed Revenue-03"/>
    <s v=""/>
    <x v="0"/>
    <s v="CAD0330808"/>
    <s v="S"/>
    <s v="KY"/>
    <s v="REV"/>
    <s v="974"/>
    <s v="GLBATCH"/>
    <n v="8"/>
    <n v="2016"/>
  </r>
  <r>
    <s v="110"/>
    <d v="2016-08-15T00:00:00"/>
    <x v="5"/>
    <x v="0"/>
    <s v="10828"/>
    <s v="GLNANDA"/>
    <n v="0"/>
    <n v="117"/>
    <s v="Billed Revenues"/>
    <s v="EXV"/>
    <s v="NONBU"/>
    <s v="G0000110"/>
    <s v="N"/>
    <s v="MACSS Dist Billed Revenue-03"/>
    <s v=""/>
    <x v="0"/>
    <s v="CAD0330808"/>
    <s v="S"/>
    <s v="KY"/>
    <s v="REV"/>
    <s v="974"/>
    <s v="GLBATCH"/>
    <n v="8"/>
    <n v="2016"/>
  </r>
  <r>
    <s v="110"/>
    <d v="2016-08-15T00:00:00"/>
    <x v="3"/>
    <x v="0"/>
    <s v="10828"/>
    <s v="GLNANDA"/>
    <n v="-106135.26"/>
    <n v="-873282"/>
    <s v="Billed Revenues"/>
    <s v="EXV"/>
    <s v="NONBU"/>
    <s v="G0000110"/>
    <s v="N"/>
    <s v="MACSS Dist Billed Revenue-03"/>
    <s v=""/>
    <x v="0"/>
    <s v="CAD0330808"/>
    <s v="S"/>
    <s v="KY"/>
    <s v="REV"/>
    <s v="974"/>
    <s v="GLBATCH"/>
    <n v="8"/>
    <n v="2016"/>
  </r>
  <r>
    <s v="110"/>
    <d v="2016-08-15T00:00:00"/>
    <x v="3"/>
    <x v="0"/>
    <s v="10828"/>
    <s v="GLNANDA"/>
    <n v="0"/>
    <n v="7"/>
    <s v="Billed Revenues"/>
    <s v="EXV"/>
    <s v="NONBU"/>
    <s v="G0000110"/>
    <s v="N"/>
    <s v="MACSS Dist Billed Revenue-03"/>
    <s v=""/>
    <x v="0"/>
    <s v="CAD0330808"/>
    <s v="S"/>
    <s v="KY"/>
    <s v="REV"/>
    <s v="974"/>
    <s v="GLBATCH"/>
    <n v="8"/>
    <n v="2016"/>
  </r>
  <r>
    <s v="110"/>
    <d v="2016-08-15T00:00:00"/>
    <x v="7"/>
    <x v="0"/>
    <s v="10828"/>
    <s v="GLNANDA"/>
    <n v="-94757.66"/>
    <n v="-837821"/>
    <s v="Billed Revenues"/>
    <s v="EXV"/>
    <s v="NONBU"/>
    <s v="G0000110"/>
    <s v="N"/>
    <s v="MACSS Dist Billed Revenue-03"/>
    <s v=""/>
    <x v="0"/>
    <s v="CAD0330808"/>
    <s v="S"/>
    <s v="KY"/>
    <s v="REV"/>
    <s v="974"/>
    <s v="GLBATCH"/>
    <n v="8"/>
    <n v="2016"/>
  </r>
  <r>
    <s v="110"/>
    <d v="2016-08-15T00:00:00"/>
    <x v="7"/>
    <x v="0"/>
    <s v="10828"/>
    <s v="GLNANDA"/>
    <n v="0"/>
    <n v="33"/>
    <s v="Billed Revenues"/>
    <s v="EXV"/>
    <s v="NONBU"/>
    <s v="G0000110"/>
    <s v="N"/>
    <s v="MACSS Dist Billed Revenue-03"/>
    <s v=""/>
    <x v="0"/>
    <s v="CAD0330808"/>
    <s v="S"/>
    <s v="KY"/>
    <s v="REV"/>
    <s v="974"/>
    <s v="GLBATCH"/>
    <n v="8"/>
    <n v="2016"/>
  </r>
  <r>
    <s v="110"/>
    <d v="2016-08-15T00:00:00"/>
    <x v="0"/>
    <x v="0"/>
    <s v="10828"/>
    <s v="GLNANDA"/>
    <n v="-1077553.5900000001"/>
    <n v="-17158324"/>
    <s v="Billed Revenues"/>
    <s v="EXV"/>
    <s v="NONBU"/>
    <s v="G0000110"/>
    <s v="N"/>
    <s v="MACSS Dist Billed Revenue-03"/>
    <s v=""/>
    <x v="0"/>
    <s v="CAD0330808"/>
    <s v="S"/>
    <s v="KY"/>
    <s v="REV"/>
    <s v="974"/>
    <s v="GLBATCH"/>
    <n v="8"/>
    <n v="2016"/>
  </r>
  <r>
    <s v="110"/>
    <d v="2016-08-15T00:00:00"/>
    <x v="0"/>
    <x v="0"/>
    <s v="10828"/>
    <s v="GLNANDA"/>
    <n v="0"/>
    <n v="35"/>
    <s v="Billed Revenues"/>
    <s v="EXV"/>
    <s v="NONBU"/>
    <s v="G0000110"/>
    <s v="N"/>
    <s v="MACSS Dist Billed Revenue-03"/>
    <s v=""/>
    <x v="0"/>
    <s v="CAD0330808"/>
    <s v="S"/>
    <s v="KY"/>
    <s v="REV"/>
    <s v="974"/>
    <s v="GLBATCH"/>
    <n v="8"/>
    <n v="2016"/>
  </r>
  <r>
    <s v="110"/>
    <d v="2016-08-15T00:00:00"/>
    <x v="2"/>
    <x v="0"/>
    <s v="10828"/>
    <s v="GLNANDA"/>
    <n v="-931767.11"/>
    <n v="-8849868"/>
    <s v="Billed Revenues"/>
    <s v="EXV"/>
    <s v="NONBU"/>
    <s v="G0000110"/>
    <s v="N"/>
    <s v="MACSS Dist Billed Revenue-03"/>
    <s v=""/>
    <x v="0"/>
    <s v="CAD0330809"/>
    <s v="S"/>
    <s v="KY"/>
    <s v="REV"/>
    <s v="974"/>
    <s v="GLBATCH"/>
    <n v="8"/>
    <n v="2016"/>
  </r>
  <r>
    <s v="110"/>
    <d v="2016-08-15T00:00:00"/>
    <x v="0"/>
    <x v="0"/>
    <s v="10828"/>
    <s v="GLNANDA"/>
    <n v="0"/>
    <n v="22"/>
    <s v="Billed Revenues"/>
    <s v="EXV"/>
    <s v="NONBU"/>
    <s v="G0000110"/>
    <s v="N"/>
    <s v="MACSS Dist Billed Revenue-03"/>
    <s v=""/>
    <x v="0"/>
    <s v="CAD0330809"/>
    <s v="S"/>
    <s v="KY"/>
    <s v="REV"/>
    <s v="974"/>
    <s v="GLBATCH"/>
    <n v="8"/>
    <n v="2016"/>
  </r>
  <r>
    <s v="110"/>
    <d v="2016-08-15T00:00:00"/>
    <x v="5"/>
    <x v="0"/>
    <s v="10828"/>
    <s v="GLNANDA"/>
    <n v="-137602.12"/>
    <n v="-1160900"/>
    <s v="Billed Revenues"/>
    <s v="EXV"/>
    <s v="NONBU"/>
    <s v="G0000110"/>
    <s v="N"/>
    <s v="MACSS Dist Billed Revenue-03"/>
    <s v=""/>
    <x v="0"/>
    <s v="CAD0330809"/>
    <s v="S"/>
    <s v="KY"/>
    <s v="REV"/>
    <s v="974"/>
    <s v="GLBATCH"/>
    <n v="8"/>
    <n v="2016"/>
  </r>
  <r>
    <s v="110"/>
    <d v="2016-08-15T00:00:00"/>
    <x v="5"/>
    <x v="0"/>
    <s v="10828"/>
    <s v="GLNANDA"/>
    <n v="0"/>
    <n v="134"/>
    <s v="Billed Revenues"/>
    <s v="EXV"/>
    <s v="NONBU"/>
    <s v="G0000110"/>
    <s v="N"/>
    <s v="MACSS Dist Billed Revenue-03"/>
    <s v=""/>
    <x v="0"/>
    <s v="CAD0330809"/>
    <s v="S"/>
    <s v="KY"/>
    <s v="REV"/>
    <s v="974"/>
    <s v="GLBATCH"/>
    <n v="8"/>
    <n v="2016"/>
  </r>
  <r>
    <s v="110"/>
    <d v="2016-08-15T00:00:00"/>
    <x v="4"/>
    <x v="0"/>
    <s v="10828"/>
    <s v="GLNANDA"/>
    <n v="-815286.69"/>
    <n v="-6841414"/>
    <s v="Billed Revenues"/>
    <s v="EXV"/>
    <s v="NONBU"/>
    <s v="G0000110"/>
    <s v="N"/>
    <s v="MACSS Dist Billed Revenue-03"/>
    <s v=""/>
    <x v="0"/>
    <s v="CAD0330809"/>
    <s v="S"/>
    <s v="KY"/>
    <s v="REV"/>
    <s v="974"/>
    <s v="GLBATCH"/>
    <n v="8"/>
    <n v="2016"/>
  </r>
  <r>
    <s v="110"/>
    <d v="2016-08-15T00:00:00"/>
    <x v="4"/>
    <x v="0"/>
    <s v="10828"/>
    <s v="GLNANDA"/>
    <n v="0"/>
    <n v="4807"/>
    <s v="Billed Revenues"/>
    <s v="EXV"/>
    <s v="NONBU"/>
    <s v="G0000110"/>
    <s v="N"/>
    <s v="MACSS Dist Billed Revenue-03"/>
    <s v=""/>
    <x v="0"/>
    <s v="CAD0330809"/>
    <s v="S"/>
    <s v="KY"/>
    <s v="REV"/>
    <s v="974"/>
    <s v="GLBATCH"/>
    <n v="8"/>
    <n v="2016"/>
  </r>
  <r>
    <s v="110"/>
    <d v="2016-08-15T00:00:00"/>
    <x v="3"/>
    <x v="0"/>
    <s v="10828"/>
    <s v="GLNANDA"/>
    <n v="-108494.19"/>
    <n v="-576208"/>
    <s v="Billed Revenues"/>
    <s v="EXV"/>
    <s v="NONBU"/>
    <s v="G0000110"/>
    <s v="N"/>
    <s v="MACSS Dist Billed Revenue-03"/>
    <s v=""/>
    <x v="0"/>
    <s v="CAD0330809"/>
    <s v="S"/>
    <s v="KY"/>
    <s v="REV"/>
    <s v="974"/>
    <s v="GLBATCH"/>
    <n v="8"/>
    <n v="2016"/>
  </r>
  <r>
    <s v="110"/>
    <d v="2016-08-15T00:00:00"/>
    <x v="3"/>
    <x v="0"/>
    <s v="10828"/>
    <s v="GLNANDA"/>
    <n v="0"/>
    <n v="23"/>
    <s v="Billed Revenues"/>
    <s v="EXV"/>
    <s v="NONBU"/>
    <s v="G0000110"/>
    <s v="N"/>
    <s v="MACSS Dist Billed Revenue-03"/>
    <s v=""/>
    <x v="0"/>
    <s v="CAD0330809"/>
    <s v="S"/>
    <s v="KY"/>
    <s v="REV"/>
    <s v="974"/>
    <s v="GLBATCH"/>
    <n v="8"/>
    <n v="2016"/>
  </r>
  <r>
    <s v="110"/>
    <d v="2016-08-15T00:00:00"/>
    <x v="1"/>
    <x v="0"/>
    <s v="10828"/>
    <s v="GLNANDA"/>
    <n v="-402159.84"/>
    <n v="-3355051"/>
    <s v="Billed Revenues"/>
    <s v="EXV"/>
    <s v="NONBU"/>
    <s v="G0000110"/>
    <s v="N"/>
    <s v="MACSS Dist Billed Revenue-03"/>
    <s v=""/>
    <x v="0"/>
    <s v="CAD0330809"/>
    <s v="S"/>
    <s v="KY"/>
    <s v="REV"/>
    <s v="974"/>
    <s v="GLBATCH"/>
    <n v="8"/>
    <n v="2016"/>
  </r>
  <r>
    <s v="110"/>
    <d v="2016-08-15T00:00:00"/>
    <x v="1"/>
    <x v="0"/>
    <s v="10828"/>
    <s v="GLNANDA"/>
    <n v="0"/>
    <n v="2416"/>
    <s v="Billed Revenues"/>
    <s v="EXV"/>
    <s v="NONBU"/>
    <s v="G0000110"/>
    <s v="N"/>
    <s v="MACSS Dist Billed Revenue-03"/>
    <s v=""/>
    <x v="0"/>
    <s v="CAD0330809"/>
    <s v="S"/>
    <s v="KY"/>
    <s v="REV"/>
    <s v="974"/>
    <s v="GLBATCH"/>
    <n v="8"/>
    <n v="2016"/>
  </r>
  <r>
    <s v="110"/>
    <d v="2016-08-15T00:00:00"/>
    <x v="7"/>
    <x v="0"/>
    <s v="10828"/>
    <s v="GLNANDA"/>
    <n v="-58033.05"/>
    <n v="-465240"/>
    <s v="Billed Revenues"/>
    <s v="EXV"/>
    <s v="NONBU"/>
    <s v="G0000110"/>
    <s v="N"/>
    <s v="MACSS Dist Billed Revenue-03"/>
    <s v=""/>
    <x v="0"/>
    <s v="CAD0330809"/>
    <s v="S"/>
    <s v="KY"/>
    <s v="REV"/>
    <s v="974"/>
    <s v="GLBATCH"/>
    <n v="8"/>
    <n v="2016"/>
  </r>
  <r>
    <s v="110"/>
    <d v="2016-08-15T00:00:00"/>
    <x v="7"/>
    <x v="0"/>
    <s v="10828"/>
    <s v="GLNANDA"/>
    <n v="0"/>
    <n v="49"/>
    <s v="Billed Revenues"/>
    <s v="EXV"/>
    <s v="NONBU"/>
    <s v="G0000110"/>
    <s v="N"/>
    <s v="MACSS Dist Billed Revenue-03"/>
    <s v=""/>
    <x v="0"/>
    <s v="CAD0330809"/>
    <s v="S"/>
    <s v="KY"/>
    <s v="REV"/>
    <s v="974"/>
    <s v="GLBATCH"/>
    <n v="8"/>
    <n v="2016"/>
  </r>
  <r>
    <s v="110"/>
    <d v="2016-08-15T00:00:00"/>
    <x v="6"/>
    <x v="0"/>
    <s v="10828"/>
    <s v="GLNANDA"/>
    <n v="-599.99"/>
    <n v="-2227"/>
    <s v="Billed Revenues"/>
    <s v="EXV"/>
    <s v="NONBU"/>
    <s v="G0000110"/>
    <s v="N"/>
    <s v="MACSS Dist Billed Revenue-03"/>
    <s v=""/>
    <x v="0"/>
    <s v="CAD0330809"/>
    <s v="S"/>
    <s v="KY"/>
    <s v="REV"/>
    <s v="974"/>
    <s v="GLBATCH"/>
    <n v="8"/>
    <n v="2016"/>
  </r>
  <r>
    <s v="110"/>
    <d v="2016-08-15T00:00:00"/>
    <x v="6"/>
    <x v="0"/>
    <s v="10828"/>
    <s v="GLNANDA"/>
    <n v="0"/>
    <n v="14"/>
    <s v="Billed Revenues"/>
    <s v="EXV"/>
    <s v="NONBU"/>
    <s v="G0000110"/>
    <s v="N"/>
    <s v="MACSS Dist Billed Revenue-03"/>
    <s v=""/>
    <x v="0"/>
    <s v="CAD0330809"/>
    <s v="S"/>
    <s v="KY"/>
    <s v="REV"/>
    <s v="974"/>
    <s v="GLBATCH"/>
    <n v="8"/>
    <n v="2016"/>
  </r>
  <r>
    <s v="110"/>
    <d v="2016-08-15T00:00:00"/>
    <x v="0"/>
    <x v="0"/>
    <s v="10828"/>
    <s v="GLNANDA"/>
    <n v="-21747.81"/>
    <n v="-176637"/>
    <s v="Billed Revenues"/>
    <s v="EXV"/>
    <s v="NONBU"/>
    <s v="G0000110"/>
    <s v="N"/>
    <s v="MACSS Dist Billed Revenue-03"/>
    <s v=""/>
    <x v="0"/>
    <s v="CAD0330809"/>
    <s v="S"/>
    <s v="KY"/>
    <s v="REV"/>
    <s v="974"/>
    <s v="GLBATCH"/>
    <n v="8"/>
    <n v="2016"/>
  </r>
  <r>
    <s v="110"/>
    <d v="2016-08-15T00:00:00"/>
    <x v="2"/>
    <x v="0"/>
    <s v="10828"/>
    <s v="GLNANDA"/>
    <n v="0"/>
    <n v="1571"/>
    <s v="Billed Revenues"/>
    <s v="EXV"/>
    <s v="NONBU"/>
    <s v="G0000110"/>
    <s v="N"/>
    <s v="MACSS Dist Billed Revenue-03"/>
    <s v=""/>
    <x v="0"/>
    <s v="CAD0330809"/>
    <s v="S"/>
    <s v="KY"/>
    <s v="REV"/>
    <s v="974"/>
    <s v="GLBATCH"/>
    <n v="8"/>
    <n v="2016"/>
  </r>
  <r>
    <s v="110"/>
    <d v="2016-08-15T00:00:00"/>
    <x v="0"/>
    <x v="0"/>
    <s v="10828"/>
    <s v="GLNANDA"/>
    <n v="0"/>
    <n v="44"/>
    <s v="Billed Revenues"/>
    <s v="EXV"/>
    <s v="NONBU"/>
    <s v="G0000110"/>
    <s v="N"/>
    <s v="MACSS Dist Billed Revenue-03"/>
    <s v=""/>
    <x v="0"/>
    <s v="CAD0330810"/>
    <s v="S"/>
    <s v="KY"/>
    <s v="REV"/>
    <s v="974"/>
    <s v="GLBATCH"/>
    <n v="8"/>
    <n v="2016"/>
  </r>
  <r>
    <s v="110"/>
    <d v="2016-08-15T00:00:00"/>
    <x v="2"/>
    <x v="0"/>
    <s v="10828"/>
    <s v="GLNANDA"/>
    <n v="-530622.16"/>
    <n v="-4264992"/>
    <s v="Billed Revenues"/>
    <s v="EXV"/>
    <s v="NONBU"/>
    <s v="G0000110"/>
    <s v="N"/>
    <s v="MACSS Dist Billed Revenue-03"/>
    <s v=""/>
    <x v="0"/>
    <s v="CAD0330810"/>
    <s v="S"/>
    <s v="KY"/>
    <s v="REV"/>
    <s v="974"/>
    <s v="GLBATCH"/>
    <n v="8"/>
    <n v="2016"/>
  </r>
  <r>
    <s v="110"/>
    <d v="2016-08-15T00:00:00"/>
    <x v="7"/>
    <x v="0"/>
    <s v="10828"/>
    <s v="GLNANDA"/>
    <n v="0"/>
    <n v="34"/>
    <s v="Billed Revenues"/>
    <s v="EXV"/>
    <s v="NONBU"/>
    <s v="G0000110"/>
    <s v="N"/>
    <s v="MACSS Dist Billed Revenue-03"/>
    <s v=""/>
    <x v="0"/>
    <s v="CAD0330810"/>
    <s v="S"/>
    <s v="KY"/>
    <s v="REV"/>
    <s v="974"/>
    <s v="GLBATCH"/>
    <n v="8"/>
    <n v="2016"/>
  </r>
  <r>
    <s v="110"/>
    <d v="2016-08-15T00:00:00"/>
    <x v="7"/>
    <x v="0"/>
    <s v="10828"/>
    <s v="GLNANDA"/>
    <n v="-70812.88"/>
    <n v="-699769"/>
    <s v="Billed Revenues"/>
    <s v="EXV"/>
    <s v="NONBU"/>
    <s v="G0000110"/>
    <s v="N"/>
    <s v="MACSS Dist Billed Revenue-03"/>
    <s v=""/>
    <x v="0"/>
    <s v="CAD0330810"/>
    <s v="S"/>
    <s v="KY"/>
    <s v="REV"/>
    <s v="974"/>
    <s v="GLBATCH"/>
    <n v="8"/>
    <n v="2016"/>
  </r>
  <r>
    <s v="110"/>
    <d v="2016-08-15T00:00:00"/>
    <x v="3"/>
    <x v="0"/>
    <s v="10828"/>
    <s v="GLNANDA"/>
    <n v="0"/>
    <n v="19"/>
    <s v="Billed Revenues"/>
    <s v="EXV"/>
    <s v="NONBU"/>
    <s v="G0000110"/>
    <s v="N"/>
    <s v="MACSS Dist Billed Revenue-03"/>
    <s v=""/>
    <x v="0"/>
    <s v="CAD0330810"/>
    <s v="S"/>
    <s v="KY"/>
    <s v="REV"/>
    <s v="974"/>
    <s v="GLBATCH"/>
    <n v="8"/>
    <n v="2016"/>
  </r>
  <r>
    <s v="110"/>
    <d v="2016-08-15T00:00:00"/>
    <x v="3"/>
    <x v="0"/>
    <s v="10828"/>
    <s v="GLNANDA"/>
    <n v="-15571.54"/>
    <n v="-113328"/>
    <s v="Billed Revenues"/>
    <s v="EXV"/>
    <s v="NONBU"/>
    <s v="G0000110"/>
    <s v="N"/>
    <s v="MACSS Dist Billed Revenue-03"/>
    <s v=""/>
    <x v="0"/>
    <s v="CAD0330810"/>
    <s v="S"/>
    <s v="KY"/>
    <s v="REV"/>
    <s v="974"/>
    <s v="GLBATCH"/>
    <n v="8"/>
    <n v="2016"/>
  </r>
  <r>
    <s v="110"/>
    <d v="2016-08-15T00:00:00"/>
    <x v="5"/>
    <x v="0"/>
    <s v="10828"/>
    <s v="GLNANDA"/>
    <n v="0"/>
    <n v="168"/>
    <s v="Billed Revenues"/>
    <s v="EXV"/>
    <s v="NONBU"/>
    <s v="G0000110"/>
    <s v="N"/>
    <s v="MACSS Dist Billed Revenue-03"/>
    <s v=""/>
    <x v="0"/>
    <s v="CAD0330810"/>
    <s v="S"/>
    <s v="KY"/>
    <s v="REV"/>
    <s v="974"/>
    <s v="GLBATCH"/>
    <n v="8"/>
    <n v="2016"/>
  </r>
  <r>
    <s v="110"/>
    <d v="2016-08-15T00:00:00"/>
    <x v="5"/>
    <x v="0"/>
    <s v="10828"/>
    <s v="GLNANDA"/>
    <n v="-144393.41"/>
    <n v="-1333360"/>
    <s v="Billed Revenues"/>
    <s v="EXV"/>
    <s v="NONBU"/>
    <s v="G0000110"/>
    <s v="N"/>
    <s v="MACSS Dist Billed Revenue-03"/>
    <s v=""/>
    <x v="0"/>
    <s v="CAD0330810"/>
    <s v="S"/>
    <s v="KY"/>
    <s v="REV"/>
    <s v="974"/>
    <s v="GLBATCH"/>
    <n v="8"/>
    <n v="2016"/>
  </r>
  <r>
    <s v="110"/>
    <d v="2016-08-15T00:00:00"/>
    <x v="6"/>
    <x v="0"/>
    <s v="10828"/>
    <s v="GLNANDA"/>
    <n v="0"/>
    <n v="15"/>
    <s v="Billed Revenues"/>
    <s v="EXV"/>
    <s v="NONBU"/>
    <s v="G0000110"/>
    <s v="N"/>
    <s v="MACSS Dist Billed Revenue-03"/>
    <s v=""/>
    <x v="0"/>
    <s v="CAD0330810"/>
    <s v="S"/>
    <s v="KY"/>
    <s v="REV"/>
    <s v="974"/>
    <s v="GLBATCH"/>
    <n v="8"/>
    <n v="2016"/>
  </r>
  <r>
    <s v="110"/>
    <d v="2016-08-15T00:00:00"/>
    <x v="6"/>
    <x v="0"/>
    <s v="10828"/>
    <s v="GLNANDA"/>
    <n v="-3574.75"/>
    <n v="-25894"/>
    <s v="Billed Revenues"/>
    <s v="EXV"/>
    <s v="NONBU"/>
    <s v="G0000110"/>
    <s v="N"/>
    <s v="MACSS Dist Billed Revenue-03"/>
    <s v=""/>
    <x v="0"/>
    <s v="CAD0330810"/>
    <s v="S"/>
    <s v="KY"/>
    <s v="REV"/>
    <s v="974"/>
    <s v="GLBATCH"/>
    <n v="8"/>
    <n v="2016"/>
  </r>
  <r>
    <s v="110"/>
    <d v="2016-08-15T00:00:00"/>
    <x v="4"/>
    <x v="0"/>
    <s v="10828"/>
    <s v="GLNANDA"/>
    <n v="0"/>
    <n v="3698"/>
    <s v="Billed Revenues"/>
    <s v="EXV"/>
    <s v="NONBU"/>
    <s v="G0000110"/>
    <s v="N"/>
    <s v="MACSS Dist Billed Revenue-03"/>
    <s v=""/>
    <x v="0"/>
    <s v="CAD0330810"/>
    <s v="S"/>
    <s v="KY"/>
    <s v="REV"/>
    <s v="974"/>
    <s v="GLBATCH"/>
    <n v="8"/>
    <n v="2016"/>
  </r>
  <r>
    <s v="110"/>
    <d v="2016-08-15T00:00:00"/>
    <x v="4"/>
    <x v="0"/>
    <s v="10828"/>
    <s v="GLNANDA"/>
    <n v="-609851.85"/>
    <n v="-5069078"/>
    <s v="Billed Revenues"/>
    <s v="EXV"/>
    <s v="NONBU"/>
    <s v="G0000110"/>
    <s v="N"/>
    <s v="MACSS Dist Billed Revenue-03"/>
    <s v=""/>
    <x v="0"/>
    <s v="CAD0330810"/>
    <s v="S"/>
    <s v="KY"/>
    <s v="REV"/>
    <s v="974"/>
    <s v="GLBATCH"/>
    <n v="8"/>
    <n v="2016"/>
  </r>
  <r>
    <s v="110"/>
    <d v="2016-08-15T00:00:00"/>
    <x v="1"/>
    <x v="0"/>
    <s v="10828"/>
    <s v="GLNANDA"/>
    <n v="0"/>
    <n v="1890"/>
    <s v="Billed Revenues"/>
    <s v="EXV"/>
    <s v="NONBU"/>
    <s v="G0000110"/>
    <s v="N"/>
    <s v="MACSS Dist Billed Revenue-03"/>
    <s v=""/>
    <x v="0"/>
    <s v="CAD0330810"/>
    <s v="S"/>
    <s v="KY"/>
    <s v="REV"/>
    <s v="974"/>
    <s v="GLBATCH"/>
    <n v="8"/>
    <n v="2016"/>
  </r>
  <r>
    <s v="110"/>
    <d v="2016-08-15T00:00:00"/>
    <x v="1"/>
    <x v="0"/>
    <s v="10828"/>
    <s v="GLNANDA"/>
    <n v="-258518.95"/>
    <n v="-2092350"/>
    <s v="Billed Revenues"/>
    <s v="EXV"/>
    <s v="NONBU"/>
    <s v="G0000110"/>
    <s v="N"/>
    <s v="MACSS Dist Billed Revenue-03"/>
    <s v=""/>
    <x v="0"/>
    <s v="CAD0330810"/>
    <s v="S"/>
    <s v="KY"/>
    <s v="REV"/>
    <s v="974"/>
    <s v="GLBATCH"/>
    <n v="8"/>
    <n v="2016"/>
  </r>
  <r>
    <s v="110"/>
    <d v="2016-08-15T00:00:00"/>
    <x v="2"/>
    <x v="0"/>
    <s v="10828"/>
    <s v="GLNANDA"/>
    <n v="0"/>
    <n v="1474"/>
    <s v="Billed Revenues"/>
    <s v="EXV"/>
    <s v="NONBU"/>
    <s v="G0000110"/>
    <s v="N"/>
    <s v="MACSS Dist Billed Revenue-03"/>
    <s v=""/>
    <x v="0"/>
    <s v="CAD0330810"/>
    <s v="S"/>
    <s v="KY"/>
    <s v="REV"/>
    <s v="974"/>
    <s v="GLBATCH"/>
    <n v="8"/>
    <n v="2016"/>
  </r>
  <r>
    <s v="110"/>
    <d v="2016-08-15T00:00:00"/>
    <x v="0"/>
    <x v="0"/>
    <s v="10828"/>
    <s v="GLNANDA"/>
    <n v="-159913.69"/>
    <n v="-1205657"/>
    <s v="Billed Revenues"/>
    <s v="EXV"/>
    <s v="NONBU"/>
    <s v="G0000110"/>
    <s v="N"/>
    <s v="MACSS Dist Billed Revenue-03"/>
    <s v=""/>
    <x v="0"/>
    <s v="CAD0330810"/>
    <s v="S"/>
    <s v="KY"/>
    <s v="REV"/>
    <s v="974"/>
    <s v="GLBATCH"/>
    <n v="8"/>
    <n v="2016"/>
  </r>
  <r>
    <s v="110"/>
    <d v="2016-08-15T00:00:00"/>
    <x v="5"/>
    <x v="0"/>
    <s v="10828"/>
    <s v="GLNANDA"/>
    <n v="0"/>
    <n v="203"/>
    <s v="Billed Revenues"/>
    <s v="EXV"/>
    <s v="NONBU"/>
    <s v="G0000110"/>
    <s v="N"/>
    <s v="MACSS Dist Billed Revenue-03"/>
    <s v=""/>
    <x v="0"/>
    <s v="CAD0330811"/>
    <s v="S"/>
    <s v="KY"/>
    <s v="REV"/>
    <s v="974"/>
    <s v="GLBATCH"/>
    <n v="8"/>
    <n v="2016"/>
  </r>
  <r>
    <s v="110"/>
    <d v="2016-08-15T00:00:00"/>
    <x v="0"/>
    <x v="0"/>
    <s v="10828"/>
    <s v="GLNANDA"/>
    <n v="-46817.68"/>
    <n v="-442369"/>
    <s v="Billed Revenues"/>
    <s v="EXV"/>
    <s v="NONBU"/>
    <s v="G0000110"/>
    <s v="N"/>
    <s v="MACSS Dist Billed Revenue-03"/>
    <s v=""/>
    <x v="0"/>
    <s v="CAD0330811"/>
    <s v="S"/>
    <s v="KY"/>
    <s v="REV"/>
    <s v="974"/>
    <s v="GLBATCH"/>
    <n v="8"/>
    <n v="2016"/>
  </r>
  <r>
    <s v="110"/>
    <d v="2016-08-15T00:00:00"/>
    <x v="7"/>
    <x v="0"/>
    <s v="10828"/>
    <s v="GLNANDA"/>
    <n v="0"/>
    <n v="35"/>
    <s v="Billed Revenues"/>
    <s v="EXV"/>
    <s v="NONBU"/>
    <s v="G0000110"/>
    <s v="N"/>
    <s v="MACSS Dist Billed Revenue-03"/>
    <s v=""/>
    <x v="0"/>
    <s v="CAD0330811"/>
    <s v="S"/>
    <s v="KY"/>
    <s v="REV"/>
    <s v="974"/>
    <s v="GLBATCH"/>
    <n v="8"/>
    <n v="2016"/>
  </r>
  <r>
    <s v="110"/>
    <d v="2016-08-15T00:00:00"/>
    <x v="7"/>
    <x v="0"/>
    <s v="10828"/>
    <s v="GLNANDA"/>
    <n v="-74320.179999999993"/>
    <n v="-634257"/>
    <s v="Billed Revenues"/>
    <s v="EXV"/>
    <s v="NONBU"/>
    <s v="G0000110"/>
    <s v="N"/>
    <s v="MACSS Dist Billed Revenue-03"/>
    <s v=""/>
    <x v="0"/>
    <s v="CAD0330811"/>
    <s v="S"/>
    <s v="KY"/>
    <s v="REV"/>
    <s v="974"/>
    <s v="GLBATCH"/>
    <n v="8"/>
    <n v="2016"/>
  </r>
  <r>
    <s v="110"/>
    <d v="2016-08-15T00:00:00"/>
    <x v="6"/>
    <x v="0"/>
    <s v="10828"/>
    <s v="GLNANDA"/>
    <n v="0"/>
    <n v="19"/>
    <s v="Billed Revenues"/>
    <s v="EXV"/>
    <s v="NONBU"/>
    <s v="G0000110"/>
    <s v="N"/>
    <s v="MACSS Dist Billed Revenue-03"/>
    <s v=""/>
    <x v="0"/>
    <s v="CAD0330811"/>
    <s v="S"/>
    <s v="KY"/>
    <s v="REV"/>
    <s v="974"/>
    <s v="GLBATCH"/>
    <n v="8"/>
    <n v="2016"/>
  </r>
  <r>
    <s v="110"/>
    <d v="2016-08-15T00:00:00"/>
    <x v="6"/>
    <x v="0"/>
    <s v="10828"/>
    <s v="GLNANDA"/>
    <n v="-1191.06"/>
    <n v="-5911"/>
    <s v="Billed Revenues"/>
    <s v="EXV"/>
    <s v="NONBU"/>
    <s v="G0000110"/>
    <s v="N"/>
    <s v="MACSS Dist Billed Revenue-03"/>
    <s v=""/>
    <x v="0"/>
    <s v="CAD0330811"/>
    <s v="S"/>
    <s v="KY"/>
    <s v="REV"/>
    <s v="974"/>
    <s v="GLBATCH"/>
    <n v="8"/>
    <n v="2016"/>
  </r>
  <r>
    <s v="110"/>
    <d v="2016-08-15T00:00:00"/>
    <x v="4"/>
    <x v="0"/>
    <s v="10828"/>
    <s v="GLNANDA"/>
    <n v="0"/>
    <n v="4569"/>
    <s v="Billed Revenues"/>
    <s v="EXV"/>
    <s v="NONBU"/>
    <s v="G0000110"/>
    <s v="N"/>
    <s v="MACSS Dist Billed Revenue-03"/>
    <s v=""/>
    <x v="0"/>
    <s v="CAD0330811"/>
    <s v="S"/>
    <s v="KY"/>
    <s v="REV"/>
    <s v="974"/>
    <s v="GLBATCH"/>
    <n v="8"/>
    <n v="2016"/>
  </r>
  <r>
    <s v="110"/>
    <d v="2016-08-15T00:00:00"/>
    <x v="4"/>
    <x v="0"/>
    <s v="10828"/>
    <s v="GLNANDA"/>
    <n v="-716912.61"/>
    <n v="-5948613"/>
    <s v="Billed Revenues"/>
    <s v="EXV"/>
    <s v="NONBU"/>
    <s v="G0000110"/>
    <s v="N"/>
    <s v="MACSS Dist Billed Revenue-03"/>
    <s v=""/>
    <x v="0"/>
    <s v="CAD0330811"/>
    <s v="S"/>
    <s v="KY"/>
    <s v="REV"/>
    <s v="974"/>
    <s v="GLBATCH"/>
    <n v="8"/>
    <n v="2016"/>
  </r>
  <r>
    <s v="110"/>
    <d v="2016-08-15T00:00:00"/>
    <x v="1"/>
    <x v="0"/>
    <s v="10828"/>
    <s v="GLNANDA"/>
    <n v="0"/>
    <n v="2583"/>
    <s v="Billed Revenues"/>
    <s v="EXV"/>
    <s v="NONBU"/>
    <s v="G0000110"/>
    <s v="N"/>
    <s v="MACSS Dist Billed Revenue-03"/>
    <s v=""/>
    <x v="0"/>
    <s v="CAD0330811"/>
    <s v="S"/>
    <s v="KY"/>
    <s v="REV"/>
    <s v="974"/>
    <s v="GLBATCH"/>
    <n v="8"/>
    <n v="2016"/>
  </r>
  <r>
    <s v="110"/>
    <d v="2016-08-15T00:00:00"/>
    <x v="1"/>
    <x v="0"/>
    <s v="10828"/>
    <s v="GLNANDA"/>
    <n v="-390921.7"/>
    <n v="-3223010"/>
    <s v="Billed Revenues"/>
    <s v="EXV"/>
    <s v="NONBU"/>
    <s v="G0000110"/>
    <s v="N"/>
    <s v="MACSS Dist Billed Revenue-03"/>
    <s v=""/>
    <x v="0"/>
    <s v="CAD0330811"/>
    <s v="S"/>
    <s v="KY"/>
    <s v="REV"/>
    <s v="974"/>
    <s v="GLBATCH"/>
    <n v="8"/>
    <n v="2016"/>
  </r>
  <r>
    <s v="110"/>
    <d v="2016-08-15T00:00:00"/>
    <x v="2"/>
    <x v="0"/>
    <s v="10828"/>
    <s v="GLNANDA"/>
    <n v="0"/>
    <n v="1328"/>
    <s v="Billed Revenues"/>
    <s v="EXV"/>
    <s v="NONBU"/>
    <s v="G0000110"/>
    <s v="N"/>
    <s v="MACSS Dist Billed Revenue-03"/>
    <s v=""/>
    <x v="0"/>
    <s v="CAD0330811"/>
    <s v="S"/>
    <s v="KY"/>
    <s v="REV"/>
    <s v="974"/>
    <s v="GLBATCH"/>
    <n v="8"/>
    <n v="2016"/>
  </r>
  <r>
    <s v="110"/>
    <d v="2016-08-15T00:00:00"/>
    <x v="2"/>
    <x v="0"/>
    <s v="10828"/>
    <s v="GLNANDA"/>
    <n v="-593158.40000000002"/>
    <n v="-4989760"/>
    <s v="Billed Revenues"/>
    <s v="EXV"/>
    <s v="NONBU"/>
    <s v="G0000110"/>
    <s v="N"/>
    <s v="MACSS Dist Billed Revenue-03"/>
    <s v=""/>
    <x v="0"/>
    <s v="CAD0330811"/>
    <s v="S"/>
    <s v="KY"/>
    <s v="REV"/>
    <s v="974"/>
    <s v="GLBATCH"/>
    <n v="8"/>
    <n v="2016"/>
  </r>
  <r>
    <s v="110"/>
    <d v="2016-08-15T00:00:00"/>
    <x v="3"/>
    <x v="0"/>
    <s v="10828"/>
    <s v="GLNANDA"/>
    <n v="0"/>
    <n v="3"/>
    <s v="Billed Revenues"/>
    <s v="EXV"/>
    <s v="NONBU"/>
    <s v="G0000110"/>
    <s v="N"/>
    <s v="MACSS Dist Billed Revenue-03"/>
    <s v=""/>
    <x v="0"/>
    <s v="CAD0330811"/>
    <s v="S"/>
    <s v="KY"/>
    <s v="REV"/>
    <s v="974"/>
    <s v="GLBATCH"/>
    <n v="8"/>
    <n v="2016"/>
  </r>
  <r>
    <s v="110"/>
    <d v="2016-08-15T00:00:00"/>
    <x v="3"/>
    <x v="0"/>
    <s v="10828"/>
    <s v="GLNANDA"/>
    <n v="-281734.14"/>
    <n v="-3463900"/>
    <s v="Billed Revenues"/>
    <s v="EXV"/>
    <s v="NONBU"/>
    <s v="G0000110"/>
    <s v="N"/>
    <s v="MACSS Dist Billed Revenue-03"/>
    <s v=""/>
    <x v="0"/>
    <s v="CAD0330811"/>
    <s v="S"/>
    <s v="KY"/>
    <s v="REV"/>
    <s v="974"/>
    <s v="GLBATCH"/>
    <n v="8"/>
    <n v="2016"/>
  </r>
  <r>
    <s v="110"/>
    <d v="2016-08-15T00:00:00"/>
    <x v="0"/>
    <x v="0"/>
    <s v="10828"/>
    <s v="GLNANDA"/>
    <n v="0"/>
    <n v="24"/>
    <s v="Billed Revenues"/>
    <s v="EXV"/>
    <s v="NONBU"/>
    <s v="G0000110"/>
    <s v="N"/>
    <s v="MACSS Dist Billed Revenue-03"/>
    <s v=""/>
    <x v="0"/>
    <s v="CAD0330811"/>
    <s v="S"/>
    <s v="KY"/>
    <s v="REV"/>
    <s v="974"/>
    <s v="GLBATCH"/>
    <n v="8"/>
    <n v="2016"/>
  </r>
  <r>
    <s v="110"/>
    <d v="2016-08-15T00:00:00"/>
    <x v="5"/>
    <x v="0"/>
    <s v="10828"/>
    <s v="GLNANDA"/>
    <n v="-165265.51999999999"/>
    <n v="-1390110"/>
    <s v="Billed Revenues"/>
    <s v="EXV"/>
    <s v="NONBU"/>
    <s v="G0000110"/>
    <s v="N"/>
    <s v="MACSS Dist Billed Revenue-03"/>
    <s v=""/>
    <x v="0"/>
    <s v="CAD0330811"/>
    <s v="S"/>
    <s v="KY"/>
    <s v="REV"/>
    <s v="974"/>
    <s v="GLBATCH"/>
    <n v="8"/>
    <n v="2016"/>
  </r>
  <r>
    <s v="110"/>
    <d v="2016-08-15T00:00:00"/>
    <x v="5"/>
    <x v="0"/>
    <s v="10828"/>
    <s v="GLNANDA"/>
    <n v="0"/>
    <n v="228"/>
    <s v="Billed Revenues"/>
    <s v="EXV"/>
    <s v="NONBU"/>
    <s v="G0000110"/>
    <s v="N"/>
    <s v="MACSS Dist Billed Revenue-03"/>
    <s v=""/>
    <x v="0"/>
    <s v="CAD0330812"/>
    <s v="S"/>
    <s v="KY"/>
    <s v="REV"/>
    <s v="974"/>
    <s v="GLBATCH"/>
    <n v="8"/>
    <n v="2016"/>
  </r>
  <r>
    <s v="110"/>
    <d v="2016-08-15T00:00:00"/>
    <x v="0"/>
    <x v="0"/>
    <s v="10828"/>
    <s v="GLNANDA"/>
    <n v="-47682.55"/>
    <n v="-683183"/>
    <s v="Billed Revenues"/>
    <s v="EXV"/>
    <s v="NONBU"/>
    <s v="G0000110"/>
    <s v="N"/>
    <s v="MACSS Dist Billed Revenue-03"/>
    <s v=""/>
    <x v="0"/>
    <s v="CAD0330812"/>
    <s v="S"/>
    <s v="KY"/>
    <s v="REV"/>
    <s v="974"/>
    <s v="GLBATCH"/>
    <n v="8"/>
    <n v="2016"/>
  </r>
  <r>
    <s v="110"/>
    <d v="2016-08-15T00:00:00"/>
    <x v="7"/>
    <x v="0"/>
    <s v="10828"/>
    <s v="GLNANDA"/>
    <n v="0"/>
    <n v="47"/>
    <s v="Billed Revenues"/>
    <s v="EXV"/>
    <s v="NONBU"/>
    <s v="G0000110"/>
    <s v="N"/>
    <s v="MACSS Dist Billed Revenue-03"/>
    <s v=""/>
    <x v="0"/>
    <s v="CAD0330812"/>
    <s v="S"/>
    <s v="KY"/>
    <s v="REV"/>
    <s v="974"/>
    <s v="GLBATCH"/>
    <n v="8"/>
    <n v="2016"/>
  </r>
  <r>
    <s v="110"/>
    <d v="2016-08-15T00:00:00"/>
    <x v="7"/>
    <x v="0"/>
    <s v="10828"/>
    <s v="GLNANDA"/>
    <n v="-100821.83"/>
    <n v="-866119"/>
    <s v="Billed Revenues"/>
    <s v="EXV"/>
    <s v="NONBU"/>
    <s v="G0000110"/>
    <s v="N"/>
    <s v="MACSS Dist Billed Revenue-03"/>
    <s v=""/>
    <x v="0"/>
    <s v="CAD0330812"/>
    <s v="S"/>
    <s v="KY"/>
    <s v="REV"/>
    <s v="974"/>
    <s v="GLBATCH"/>
    <n v="8"/>
    <n v="2016"/>
  </r>
  <r>
    <s v="110"/>
    <d v="2016-08-15T00:00:00"/>
    <x v="6"/>
    <x v="0"/>
    <s v="10828"/>
    <s v="GLNANDA"/>
    <n v="0"/>
    <n v="11"/>
    <s v="Billed Revenues"/>
    <s v="EXV"/>
    <s v="NONBU"/>
    <s v="G0000110"/>
    <s v="N"/>
    <s v="MACSS Dist Billed Revenue-03"/>
    <s v=""/>
    <x v="0"/>
    <s v="CAD0330812"/>
    <s v="S"/>
    <s v="KY"/>
    <s v="REV"/>
    <s v="974"/>
    <s v="GLBATCH"/>
    <n v="8"/>
    <n v="2016"/>
  </r>
  <r>
    <s v="110"/>
    <d v="2016-08-15T00:00:00"/>
    <x v="6"/>
    <x v="0"/>
    <s v="10828"/>
    <s v="GLNANDA"/>
    <n v="-2451.35"/>
    <n v="-13241"/>
    <s v="Billed Revenues"/>
    <s v="EXV"/>
    <s v="NONBU"/>
    <s v="G0000110"/>
    <s v="N"/>
    <s v="MACSS Dist Billed Revenue-03"/>
    <s v=""/>
    <x v="0"/>
    <s v="CAD0330812"/>
    <s v="S"/>
    <s v="KY"/>
    <s v="REV"/>
    <s v="974"/>
    <s v="GLBATCH"/>
    <n v="8"/>
    <n v="2016"/>
  </r>
  <r>
    <s v="110"/>
    <d v="2016-08-15T00:00:00"/>
    <x v="4"/>
    <x v="0"/>
    <s v="10828"/>
    <s v="GLNANDA"/>
    <n v="0"/>
    <n v="4983"/>
    <s v="Billed Revenues"/>
    <s v="EXV"/>
    <s v="NONBU"/>
    <s v="G0000110"/>
    <s v="N"/>
    <s v="MACSS Dist Billed Revenue-03"/>
    <s v=""/>
    <x v="0"/>
    <s v="CAD0330812"/>
    <s v="S"/>
    <s v="KY"/>
    <s v="REV"/>
    <s v="974"/>
    <s v="GLBATCH"/>
    <n v="8"/>
    <n v="2016"/>
  </r>
  <r>
    <s v="110"/>
    <d v="2016-08-15T00:00:00"/>
    <x v="4"/>
    <x v="0"/>
    <s v="10828"/>
    <s v="GLNANDA"/>
    <n v="-831396.22"/>
    <n v="-6948875"/>
    <s v="Billed Revenues"/>
    <s v="EXV"/>
    <s v="NONBU"/>
    <s v="G0000110"/>
    <s v="N"/>
    <s v="MACSS Dist Billed Revenue-03"/>
    <s v=""/>
    <x v="0"/>
    <s v="CAD0330812"/>
    <s v="S"/>
    <s v="KY"/>
    <s v="REV"/>
    <s v="974"/>
    <s v="GLBATCH"/>
    <n v="8"/>
    <n v="2016"/>
  </r>
  <r>
    <s v="110"/>
    <d v="2016-08-15T00:00:00"/>
    <x v="1"/>
    <x v="0"/>
    <s v="10828"/>
    <s v="GLNANDA"/>
    <n v="0"/>
    <n v="2278"/>
    <s v="Billed Revenues"/>
    <s v="EXV"/>
    <s v="NONBU"/>
    <s v="G0000110"/>
    <s v="N"/>
    <s v="MACSS Dist Billed Revenue-03"/>
    <s v=""/>
    <x v="0"/>
    <s v="CAD0330812"/>
    <s v="S"/>
    <s v="KY"/>
    <s v="REV"/>
    <s v="974"/>
    <s v="GLBATCH"/>
    <n v="8"/>
    <n v="2016"/>
  </r>
  <r>
    <s v="110"/>
    <d v="2016-08-15T00:00:00"/>
    <x v="2"/>
    <x v="0"/>
    <s v="10828"/>
    <s v="GLNANDA"/>
    <n v="0"/>
    <n v="1813"/>
    <s v="Billed Revenues"/>
    <s v="EXV"/>
    <s v="NONBU"/>
    <s v="G0000110"/>
    <s v="N"/>
    <s v="MACSS Dist Billed Revenue-03"/>
    <s v=""/>
    <x v="0"/>
    <s v="CAD0330812"/>
    <s v="S"/>
    <s v="KY"/>
    <s v="REV"/>
    <s v="974"/>
    <s v="GLBATCH"/>
    <n v="8"/>
    <n v="2016"/>
  </r>
  <r>
    <s v="110"/>
    <d v="2016-08-15T00:00:00"/>
    <x v="2"/>
    <x v="0"/>
    <s v="10828"/>
    <s v="GLNANDA"/>
    <n v="-860191.8"/>
    <n v="-7237670"/>
    <s v="Billed Revenues"/>
    <s v="EXV"/>
    <s v="NONBU"/>
    <s v="G0000110"/>
    <s v="N"/>
    <s v="MACSS Dist Billed Revenue-03"/>
    <s v=""/>
    <x v="0"/>
    <s v="CAD0330812"/>
    <s v="S"/>
    <s v="KY"/>
    <s v="REV"/>
    <s v="974"/>
    <s v="GLBATCH"/>
    <n v="8"/>
    <n v="2016"/>
  </r>
  <r>
    <s v="110"/>
    <d v="2016-08-15T00:00:00"/>
    <x v="1"/>
    <x v="0"/>
    <s v="10828"/>
    <s v="GLNANDA"/>
    <n v="-350282.22"/>
    <n v="-2882532"/>
    <s v="Billed Revenues"/>
    <s v="EXV"/>
    <s v="NONBU"/>
    <s v="G0000110"/>
    <s v="N"/>
    <s v="MACSS Dist Billed Revenue-03"/>
    <s v=""/>
    <x v="0"/>
    <s v="CAD0330812"/>
    <s v="S"/>
    <s v="KY"/>
    <s v="REV"/>
    <s v="974"/>
    <s v="GLBATCH"/>
    <n v="8"/>
    <n v="2016"/>
  </r>
  <r>
    <s v="110"/>
    <d v="2016-08-15T00:00:00"/>
    <x v="3"/>
    <x v="0"/>
    <s v="10828"/>
    <s v="GLNANDA"/>
    <n v="0"/>
    <n v="6"/>
    <s v="Billed Revenues"/>
    <s v="EXV"/>
    <s v="NONBU"/>
    <s v="G0000110"/>
    <s v="N"/>
    <s v="MACSS Dist Billed Revenue-03"/>
    <s v=""/>
    <x v="0"/>
    <s v="CAD0330812"/>
    <s v="S"/>
    <s v="KY"/>
    <s v="REV"/>
    <s v="974"/>
    <s v="GLBATCH"/>
    <n v="8"/>
    <n v="2016"/>
  </r>
  <r>
    <s v="110"/>
    <d v="2016-08-15T00:00:00"/>
    <x v="3"/>
    <x v="0"/>
    <s v="10828"/>
    <s v="GLNANDA"/>
    <n v="-2198.3200000000002"/>
    <n v="-12022"/>
    <s v="Billed Revenues"/>
    <s v="EXV"/>
    <s v="NONBU"/>
    <s v="G0000110"/>
    <s v="N"/>
    <s v="MACSS Dist Billed Revenue-03"/>
    <s v=""/>
    <x v="0"/>
    <s v="CAD0330812"/>
    <s v="S"/>
    <s v="KY"/>
    <s v="REV"/>
    <s v="974"/>
    <s v="GLBATCH"/>
    <n v="8"/>
    <n v="2016"/>
  </r>
  <r>
    <s v="110"/>
    <d v="2016-08-15T00:00:00"/>
    <x v="0"/>
    <x v="0"/>
    <s v="10828"/>
    <s v="GLNANDA"/>
    <n v="0"/>
    <n v="33"/>
    <s v="Billed Revenues"/>
    <s v="EXV"/>
    <s v="NONBU"/>
    <s v="G0000110"/>
    <s v="N"/>
    <s v="MACSS Dist Billed Revenue-03"/>
    <s v=""/>
    <x v="0"/>
    <s v="CAD0330812"/>
    <s v="S"/>
    <s v="KY"/>
    <s v="REV"/>
    <s v="974"/>
    <s v="GLBATCH"/>
    <n v="8"/>
    <n v="2016"/>
  </r>
  <r>
    <s v="110"/>
    <d v="2016-08-15T00:00:00"/>
    <x v="5"/>
    <x v="0"/>
    <s v="10828"/>
    <s v="GLNANDA"/>
    <n v="-142327.28"/>
    <n v="-1184302"/>
    <s v="Billed Revenues"/>
    <s v="EXV"/>
    <s v="NONBU"/>
    <s v="G0000110"/>
    <s v="N"/>
    <s v="MACSS Dist Billed Revenue-03"/>
    <s v=""/>
    <x v="0"/>
    <s v="CAD0330812"/>
    <s v="S"/>
    <s v="KY"/>
    <s v="REV"/>
    <s v="974"/>
    <s v="GLBATCH"/>
    <n v="8"/>
    <n v="2016"/>
  </r>
  <r>
    <s v="110"/>
    <d v="2016-08-15T00:00:00"/>
    <x v="5"/>
    <x v="0"/>
    <s v="10828"/>
    <s v="GLNANDA"/>
    <n v="0"/>
    <n v="91"/>
    <s v="Billed Revenues"/>
    <s v="EXV"/>
    <s v="NONBU"/>
    <s v="G0000110"/>
    <s v="N"/>
    <s v="MACSS Dist Billed Revenue-03"/>
    <s v=""/>
    <x v="0"/>
    <s v="CAD0330815"/>
    <s v="S"/>
    <s v="KY"/>
    <s v="REV"/>
    <s v="974"/>
    <s v="GLBATCH"/>
    <n v="8"/>
    <n v="2016"/>
  </r>
  <r>
    <s v="110"/>
    <d v="2016-08-15T00:00:00"/>
    <x v="0"/>
    <x v="0"/>
    <s v="10828"/>
    <s v="GLNANDA"/>
    <n v="-31875.97"/>
    <n v="-226715"/>
    <s v="Billed Revenues"/>
    <s v="EXV"/>
    <s v="NONBU"/>
    <s v="G0000110"/>
    <s v="N"/>
    <s v="MACSS Dist Billed Revenue-03"/>
    <s v=""/>
    <x v="0"/>
    <s v="CAD0330815"/>
    <s v="S"/>
    <s v="KY"/>
    <s v="REV"/>
    <s v="974"/>
    <s v="GLBATCH"/>
    <n v="8"/>
    <n v="2016"/>
  </r>
  <r>
    <s v="110"/>
    <d v="2016-08-15T00:00:00"/>
    <x v="7"/>
    <x v="0"/>
    <s v="10828"/>
    <s v="GLNANDA"/>
    <n v="0"/>
    <n v="37"/>
    <s v="Billed Revenues"/>
    <s v="EXV"/>
    <s v="NONBU"/>
    <s v="G0000110"/>
    <s v="N"/>
    <s v="MACSS Dist Billed Revenue-03"/>
    <s v=""/>
    <x v="0"/>
    <s v="CAD0330815"/>
    <s v="S"/>
    <s v="KY"/>
    <s v="REV"/>
    <s v="974"/>
    <s v="GLBATCH"/>
    <n v="8"/>
    <n v="2016"/>
  </r>
  <r>
    <s v="110"/>
    <d v="2016-08-15T00:00:00"/>
    <x v="7"/>
    <x v="0"/>
    <s v="10828"/>
    <s v="GLNANDA"/>
    <n v="-121223"/>
    <n v="-1162940"/>
    <s v="Billed Revenues"/>
    <s v="EXV"/>
    <s v="NONBU"/>
    <s v="G0000110"/>
    <s v="N"/>
    <s v="MACSS Dist Billed Revenue-03"/>
    <s v=""/>
    <x v="0"/>
    <s v="CAD0330815"/>
    <s v="S"/>
    <s v="KY"/>
    <s v="REV"/>
    <s v="974"/>
    <s v="GLBATCH"/>
    <n v="8"/>
    <n v="2016"/>
  </r>
  <r>
    <s v="110"/>
    <d v="2016-08-15T00:00:00"/>
    <x v="6"/>
    <x v="0"/>
    <s v="10828"/>
    <s v="GLNANDA"/>
    <n v="0"/>
    <n v="18"/>
    <s v="Billed Revenues"/>
    <s v="EXV"/>
    <s v="NONBU"/>
    <s v="G0000110"/>
    <s v="N"/>
    <s v="MACSS Dist Billed Revenue-03"/>
    <s v=""/>
    <x v="0"/>
    <s v="CAD0330815"/>
    <s v="S"/>
    <s v="KY"/>
    <s v="REV"/>
    <s v="974"/>
    <s v="GLBATCH"/>
    <n v="8"/>
    <n v="2016"/>
  </r>
  <r>
    <s v="110"/>
    <d v="2016-08-15T00:00:00"/>
    <x v="6"/>
    <x v="0"/>
    <s v="10828"/>
    <s v="GLNANDA"/>
    <n v="-1123.71"/>
    <n v="-6986"/>
    <s v="Billed Revenues"/>
    <s v="EXV"/>
    <s v="NONBU"/>
    <s v="G0000110"/>
    <s v="N"/>
    <s v="MACSS Dist Billed Revenue-03"/>
    <s v=""/>
    <x v="0"/>
    <s v="CAD0330815"/>
    <s v="S"/>
    <s v="KY"/>
    <s v="REV"/>
    <s v="974"/>
    <s v="GLBATCH"/>
    <n v="8"/>
    <n v="2016"/>
  </r>
  <r>
    <s v="110"/>
    <d v="2016-08-15T00:00:00"/>
    <x v="4"/>
    <x v="0"/>
    <s v="10828"/>
    <s v="GLNANDA"/>
    <n v="0"/>
    <n v="4418"/>
    <s v="Billed Revenues"/>
    <s v="EXV"/>
    <s v="NONBU"/>
    <s v="G0000110"/>
    <s v="N"/>
    <s v="MACSS Dist Billed Revenue-03"/>
    <s v=""/>
    <x v="0"/>
    <s v="CAD0330815"/>
    <s v="S"/>
    <s v="KY"/>
    <s v="REV"/>
    <s v="974"/>
    <s v="GLBATCH"/>
    <n v="8"/>
    <n v="2016"/>
  </r>
  <r>
    <s v="110"/>
    <d v="2016-08-15T00:00:00"/>
    <x v="4"/>
    <x v="0"/>
    <s v="10828"/>
    <s v="GLNANDA"/>
    <n v="-764035.83"/>
    <n v="-6373020"/>
    <s v="Billed Revenues"/>
    <s v="EXV"/>
    <s v="NONBU"/>
    <s v="G0000110"/>
    <s v="N"/>
    <s v="MACSS Dist Billed Revenue-03"/>
    <s v=""/>
    <x v="0"/>
    <s v="CAD0330815"/>
    <s v="S"/>
    <s v="KY"/>
    <s v="REV"/>
    <s v="974"/>
    <s v="GLBATCH"/>
    <n v="8"/>
    <n v="2016"/>
  </r>
  <r>
    <s v="110"/>
    <d v="2016-08-15T00:00:00"/>
    <x v="1"/>
    <x v="0"/>
    <s v="10828"/>
    <s v="GLNANDA"/>
    <n v="0"/>
    <n v="2094"/>
    <s v="Billed Revenues"/>
    <s v="EXV"/>
    <s v="NONBU"/>
    <s v="G0000110"/>
    <s v="N"/>
    <s v="MACSS Dist Billed Revenue-03"/>
    <s v=""/>
    <x v="0"/>
    <s v="CAD0330815"/>
    <s v="S"/>
    <s v="KY"/>
    <s v="REV"/>
    <s v="974"/>
    <s v="GLBATCH"/>
    <n v="8"/>
    <n v="2016"/>
  </r>
  <r>
    <s v="110"/>
    <d v="2016-08-15T00:00:00"/>
    <x v="1"/>
    <x v="0"/>
    <s v="10828"/>
    <s v="GLNANDA"/>
    <n v="-331085.55"/>
    <n v="-2719410"/>
    <s v="Billed Revenues"/>
    <s v="EXV"/>
    <s v="NONBU"/>
    <s v="G0000110"/>
    <s v="N"/>
    <s v="MACSS Dist Billed Revenue-03"/>
    <s v=""/>
    <x v="0"/>
    <s v="CAD0330815"/>
    <s v="S"/>
    <s v="KY"/>
    <s v="REV"/>
    <s v="974"/>
    <s v="GLBATCH"/>
    <n v="8"/>
    <n v="2016"/>
  </r>
  <r>
    <s v="110"/>
    <d v="2016-08-15T00:00:00"/>
    <x v="2"/>
    <x v="0"/>
    <s v="10828"/>
    <s v="GLNANDA"/>
    <n v="0"/>
    <n v="1323"/>
    <s v="Billed Revenues"/>
    <s v="EXV"/>
    <s v="NONBU"/>
    <s v="G0000110"/>
    <s v="N"/>
    <s v="MACSS Dist Billed Revenue-03"/>
    <s v=""/>
    <x v="0"/>
    <s v="CAD0330815"/>
    <s v="S"/>
    <s v="KY"/>
    <s v="REV"/>
    <s v="974"/>
    <s v="GLBATCH"/>
    <n v="8"/>
    <n v="2016"/>
  </r>
  <r>
    <s v="110"/>
    <d v="2016-08-15T00:00:00"/>
    <x v="2"/>
    <x v="0"/>
    <s v="10828"/>
    <s v="GLNANDA"/>
    <n v="-455421.54"/>
    <n v="-3726463"/>
    <s v="Billed Revenues"/>
    <s v="EXV"/>
    <s v="NONBU"/>
    <s v="G0000110"/>
    <s v="N"/>
    <s v="MACSS Dist Billed Revenue-03"/>
    <s v=""/>
    <x v="0"/>
    <s v="CAD0330815"/>
    <s v="S"/>
    <s v="KY"/>
    <s v="REV"/>
    <s v="974"/>
    <s v="GLBATCH"/>
    <n v="8"/>
    <n v="2016"/>
  </r>
  <r>
    <s v="110"/>
    <d v="2016-08-15T00:00:00"/>
    <x v="3"/>
    <x v="0"/>
    <s v="10828"/>
    <s v="GLNANDA"/>
    <n v="0"/>
    <n v="9"/>
    <s v="Billed Revenues"/>
    <s v="EXV"/>
    <s v="NONBU"/>
    <s v="G0000110"/>
    <s v="N"/>
    <s v="MACSS Dist Billed Revenue-03"/>
    <s v=""/>
    <x v="0"/>
    <s v="CAD0330815"/>
    <s v="S"/>
    <s v="KY"/>
    <s v="REV"/>
    <s v="974"/>
    <s v="GLBATCH"/>
    <n v="8"/>
    <n v="2016"/>
  </r>
  <r>
    <s v="110"/>
    <d v="2016-08-15T00:00:00"/>
    <x v="3"/>
    <x v="0"/>
    <s v="10828"/>
    <s v="GLNANDA"/>
    <n v="-85174.91"/>
    <n v="-703299"/>
    <s v="Billed Revenues"/>
    <s v="EXV"/>
    <s v="NONBU"/>
    <s v="G0000110"/>
    <s v="N"/>
    <s v="MACSS Dist Billed Revenue-03"/>
    <s v=""/>
    <x v="0"/>
    <s v="CAD0330815"/>
    <s v="S"/>
    <s v="KY"/>
    <s v="REV"/>
    <s v="974"/>
    <s v="GLBATCH"/>
    <n v="8"/>
    <n v="2016"/>
  </r>
  <r>
    <s v="110"/>
    <d v="2016-08-15T00:00:00"/>
    <x v="0"/>
    <x v="0"/>
    <s v="10828"/>
    <s v="GLNANDA"/>
    <n v="0"/>
    <n v="32"/>
    <s v="Billed Revenues"/>
    <s v="EXV"/>
    <s v="NONBU"/>
    <s v="G0000110"/>
    <s v="N"/>
    <s v="MACSS Dist Billed Revenue-03"/>
    <s v=""/>
    <x v="0"/>
    <s v="CAD0330815"/>
    <s v="S"/>
    <s v="KY"/>
    <s v="REV"/>
    <s v="974"/>
    <s v="GLBATCH"/>
    <n v="8"/>
    <n v="2016"/>
  </r>
  <r>
    <s v="110"/>
    <d v="2016-08-15T00:00:00"/>
    <x v="5"/>
    <x v="0"/>
    <s v="10828"/>
    <s v="GLNANDA"/>
    <n v="-46128.97"/>
    <n v="-377034"/>
    <s v="Billed Revenues"/>
    <s v="EXV"/>
    <s v="NONBU"/>
    <s v="G0000110"/>
    <s v="N"/>
    <s v="MACSS Dist Billed Revenue-03"/>
    <s v=""/>
    <x v="0"/>
    <s v="CAD0330815"/>
    <s v="S"/>
    <s v="KY"/>
    <s v="REV"/>
    <s v="974"/>
    <s v="GLBATCH"/>
    <n v="8"/>
    <n v="2016"/>
  </r>
  <r>
    <s v="110"/>
    <d v="2016-08-15T00:00:00"/>
    <x v="5"/>
    <x v="0"/>
    <s v="10828"/>
    <s v="GLNANDA"/>
    <n v="0"/>
    <n v="85"/>
    <s v="Billed Revenues"/>
    <s v="EXV"/>
    <s v="NONBU"/>
    <s v="G0000110"/>
    <s v="N"/>
    <s v="MACSS Dist Billed Revenue-03"/>
    <s v=""/>
    <x v="0"/>
    <s v="CAD0330816"/>
    <s v="S"/>
    <s v="KY"/>
    <s v="REV"/>
    <s v="974"/>
    <s v="GLBATCH"/>
    <n v="8"/>
    <n v="2016"/>
  </r>
  <r>
    <s v="110"/>
    <d v="2016-08-15T00:00:00"/>
    <x v="0"/>
    <x v="0"/>
    <s v="10828"/>
    <s v="GLNANDA"/>
    <n v="-441445.55"/>
    <n v="-73156"/>
    <s v="Billed Revenues"/>
    <s v="EXV"/>
    <s v="NONBU"/>
    <s v="G0000110"/>
    <s v="N"/>
    <s v="MACSS Dist Billed Revenue-03"/>
    <s v=""/>
    <x v="0"/>
    <s v="CAD0330816"/>
    <s v="S"/>
    <s v="KY"/>
    <s v="REV"/>
    <s v="974"/>
    <s v="GLBATCH"/>
    <n v="8"/>
    <n v="2016"/>
  </r>
  <r>
    <s v="110"/>
    <d v="2016-08-15T00:00:00"/>
    <x v="7"/>
    <x v="0"/>
    <s v="10828"/>
    <s v="GLNANDA"/>
    <n v="0"/>
    <n v="17"/>
    <s v="Billed Revenues"/>
    <s v="EXV"/>
    <s v="NONBU"/>
    <s v="G0000110"/>
    <s v="N"/>
    <s v="MACSS Dist Billed Revenue-03"/>
    <s v=""/>
    <x v="0"/>
    <s v="CAD0330816"/>
    <s v="S"/>
    <s v="KY"/>
    <s v="REV"/>
    <s v="974"/>
    <s v="GLBATCH"/>
    <n v="8"/>
    <n v="2016"/>
  </r>
  <r>
    <s v="110"/>
    <d v="2016-08-15T00:00:00"/>
    <x v="7"/>
    <x v="0"/>
    <s v="10828"/>
    <s v="GLNANDA"/>
    <n v="-37292.160000000003"/>
    <n v="-308345"/>
    <s v="Billed Revenues"/>
    <s v="EXV"/>
    <s v="NONBU"/>
    <s v="G0000110"/>
    <s v="N"/>
    <s v="MACSS Dist Billed Revenue-03"/>
    <s v=""/>
    <x v="0"/>
    <s v="CAD0330816"/>
    <s v="S"/>
    <s v="KY"/>
    <s v="REV"/>
    <s v="974"/>
    <s v="GLBATCH"/>
    <n v="8"/>
    <n v="2016"/>
  </r>
  <r>
    <s v="110"/>
    <d v="2016-08-15T00:00:00"/>
    <x v="6"/>
    <x v="0"/>
    <s v="10828"/>
    <s v="GLNANDA"/>
    <n v="0"/>
    <n v="2"/>
    <s v="Billed Revenues"/>
    <s v="EXV"/>
    <s v="NONBU"/>
    <s v="G0000110"/>
    <s v="N"/>
    <s v="MACSS Dist Billed Revenue-03"/>
    <s v=""/>
    <x v="0"/>
    <s v="CAD0330816"/>
    <s v="S"/>
    <s v="KY"/>
    <s v="REV"/>
    <s v="974"/>
    <s v="GLBATCH"/>
    <n v="8"/>
    <n v="2016"/>
  </r>
  <r>
    <s v="110"/>
    <d v="2016-08-15T00:00:00"/>
    <x v="6"/>
    <x v="0"/>
    <s v="10828"/>
    <s v="GLNANDA"/>
    <n v="-112.14"/>
    <n v="-503"/>
    <s v="Billed Revenues"/>
    <s v="EXV"/>
    <s v="NONBU"/>
    <s v="G0000110"/>
    <s v="N"/>
    <s v="MACSS Dist Billed Revenue-03"/>
    <s v=""/>
    <x v="0"/>
    <s v="CAD0330816"/>
    <s v="S"/>
    <s v="KY"/>
    <s v="REV"/>
    <s v="974"/>
    <s v="GLBATCH"/>
    <n v="8"/>
    <n v="2016"/>
  </r>
  <r>
    <s v="110"/>
    <d v="2016-08-15T00:00:00"/>
    <x v="4"/>
    <x v="0"/>
    <s v="10828"/>
    <s v="GLNANDA"/>
    <n v="-687743.36"/>
    <n v="-5726817"/>
    <s v="Billed Revenues"/>
    <s v="EXV"/>
    <s v="NONBU"/>
    <s v="G0000110"/>
    <s v="N"/>
    <s v="MACSS Dist Billed Revenue-03"/>
    <s v=""/>
    <x v="0"/>
    <s v="CAD0330816"/>
    <s v="S"/>
    <s v="KY"/>
    <s v="REV"/>
    <s v="974"/>
    <s v="GLBATCH"/>
    <n v="8"/>
    <n v="2016"/>
  </r>
  <r>
    <s v="110"/>
    <d v="2016-08-15T00:00:00"/>
    <x v="1"/>
    <x v="0"/>
    <s v="10828"/>
    <s v="GLNANDA"/>
    <n v="0"/>
    <n v="2302"/>
    <s v="Billed Revenues"/>
    <s v="EXV"/>
    <s v="NONBU"/>
    <s v="G0000110"/>
    <s v="N"/>
    <s v="MACSS Dist Billed Revenue-03"/>
    <s v=""/>
    <x v="0"/>
    <s v="CAD0330816"/>
    <s v="S"/>
    <s v="KY"/>
    <s v="REV"/>
    <s v="974"/>
    <s v="GLBATCH"/>
    <n v="8"/>
    <n v="2016"/>
  </r>
  <r>
    <s v="110"/>
    <d v="2016-08-15T00:00:00"/>
    <x v="1"/>
    <x v="0"/>
    <s v="10828"/>
    <s v="GLNANDA"/>
    <n v="-356002.23"/>
    <n v="-2920089"/>
    <s v="Billed Revenues"/>
    <s v="EXV"/>
    <s v="NONBU"/>
    <s v="G0000110"/>
    <s v="N"/>
    <s v="MACSS Dist Billed Revenue-03"/>
    <s v=""/>
    <x v="0"/>
    <s v="CAD0330816"/>
    <s v="S"/>
    <s v="KY"/>
    <s v="REV"/>
    <s v="974"/>
    <s v="GLBATCH"/>
    <n v="8"/>
    <n v="2016"/>
  </r>
  <r>
    <s v="110"/>
    <d v="2016-08-15T00:00:00"/>
    <x v="4"/>
    <x v="0"/>
    <s v="10828"/>
    <s v="GLNANDA"/>
    <n v="0"/>
    <n v="3878"/>
    <s v="Billed Revenues"/>
    <s v="EXV"/>
    <s v="NONBU"/>
    <s v="G0000110"/>
    <s v="N"/>
    <s v="MACSS Dist Billed Revenue-03"/>
    <s v=""/>
    <x v="0"/>
    <s v="CAD0330816"/>
    <s v="S"/>
    <s v="KY"/>
    <s v="REV"/>
    <s v="974"/>
    <s v="GLBATCH"/>
    <n v="8"/>
    <n v="2016"/>
  </r>
  <r>
    <s v="110"/>
    <d v="2016-08-15T00:00:00"/>
    <x v="2"/>
    <x v="0"/>
    <s v="10828"/>
    <s v="GLNANDA"/>
    <n v="0"/>
    <n v="1072"/>
    <s v="Billed Revenues"/>
    <s v="EXV"/>
    <s v="NONBU"/>
    <s v="G0000110"/>
    <s v="N"/>
    <s v="MACSS Dist Billed Revenue-03"/>
    <s v=""/>
    <x v="0"/>
    <s v="CAD0330816"/>
    <s v="S"/>
    <s v="KY"/>
    <s v="REV"/>
    <s v="974"/>
    <s v="GLBATCH"/>
    <n v="8"/>
    <n v="2016"/>
  </r>
  <r>
    <s v="110"/>
    <d v="2016-08-15T00:00:00"/>
    <x v="2"/>
    <x v="0"/>
    <s v="10828"/>
    <s v="GLNANDA"/>
    <n v="-173900.27"/>
    <n v="-1290866"/>
    <s v="Billed Revenues"/>
    <s v="EXV"/>
    <s v="NONBU"/>
    <s v="G0000110"/>
    <s v="N"/>
    <s v="MACSS Dist Billed Revenue-03"/>
    <s v=""/>
    <x v="0"/>
    <s v="CAD0330816"/>
    <s v="S"/>
    <s v="KY"/>
    <s v="REV"/>
    <s v="974"/>
    <s v="GLBATCH"/>
    <n v="8"/>
    <n v="2016"/>
  </r>
  <r>
    <s v="110"/>
    <d v="2016-08-15T00:00:00"/>
    <x v="3"/>
    <x v="0"/>
    <s v="10828"/>
    <s v="GLNANDA"/>
    <n v="0"/>
    <n v="5"/>
    <s v="Billed Revenues"/>
    <s v="EXV"/>
    <s v="NONBU"/>
    <s v="G0000110"/>
    <s v="N"/>
    <s v="MACSS Dist Billed Revenue-03"/>
    <s v=""/>
    <x v="0"/>
    <s v="CAD0330816"/>
    <s v="S"/>
    <s v="KY"/>
    <s v="REV"/>
    <s v="974"/>
    <s v="GLBATCH"/>
    <n v="8"/>
    <n v="2016"/>
  </r>
  <r>
    <s v="110"/>
    <d v="2016-08-15T00:00:00"/>
    <x v="3"/>
    <x v="0"/>
    <s v="10828"/>
    <s v="GLNANDA"/>
    <n v="-4189.99"/>
    <n v="-36600"/>
    <s v="Billed Revenues"/>
    <s v="EXV"/>
    <s v="NONBU"/>
    <s v="G0000110"/>
    <s v="N"/>
    <s v="MACSS Dist Billed Revenue-03"/>
    <s v=""/>
    <x v="0"/>
    <s v="CAD0330816"/>
    <s v="S"/>
    <s v="KY"/>
    <s v="REV"/>
    <s v="974"/>
    <s v="GLBATCH"/>
    <n v="8"/>
    <n v="2016"/>
  </r>
  <r>
    <s v="110"/>
    <d v="2016-08-15T00:00:00"/>
    <x v="0"/>
    <x v="0"/>
    <s v="10828"/>
    <s v="GLNANDA"/>
    <n v="0"/>
    <n v="19"/>
    <s v="Billed Revenues"/>
    <s v="EXV"/>
    <s v="NONBU"/>
    <s v="G0000110"/>
    <s v="N"/>
    <s v="MACSS Dist Billed Revenue-03"/>
    <s v=""/>
    <x v="0"/>
    <s v="CAD0330816"/>
    <s v="S"/>
    <s v="KY"/>
    <s v="REV"/>
    <s v="974"/>
    <s v="GLBATCH"/>
    <n v="8"/>
    <n v="2016"/>
  </r>
  <r>
    <s v="110"/>
    <d v="2016-08-15T00:00:00"/>
    <x v="5"/>
    <x v="0"/>
    <s v="10828"/>
    <s v="GLNANDA"/>
    <n v="-42406.39"/>
    <n v="-343381"/>
    <s v="Billed Revenues"/>
    <s v="EXV"/>
    <s v="NONBU"/>
    <s v="G0000110"/>
    <s v="N"/>
    <s v="MACSS Dist Billed Revenue-03"/>
    <s v=""/>
    <x v="0"/>
    <s v="CAD0330816"/>
    <s v="S"/>
    <s v="KY"/>
    <s v="REV"/>
    <s v="974"/>
    <s v="GLBATCH"/>
    <n v="8"/>
    <n v="2016"/>
  </r>
  <r>
    <s v="110"/>
    <d v="2016-08-15T00:00:00"/>
    <x v="5"/>
    <x v="0"/>
    <s v="10828"/>
    <s v="GLNANDA"/>
    <n v="0"/>
    <n v="83"/>
    <s v="Billed Revenues"/>
    <s v="EXV"/>
    <s v="NONBU"/>
    <s v="G0000110"/>
    <s v="N"/>
    <s v="MACSS Dist Billed Revenue-03"/>
    <s v=""/>
    <x v="0"/>
    <s v="CAD0330817"/>
    <s v="S"/>
    <s v="KY"/>
    <s v="REV"/>
    <s v="974"/>
    <s v="GLBATCH"/>
    <n v="8"/>
    <n v="2016"/>
  </r>
  <r>
    <s v="110"/>
    <d v="2016-08-15T00:00:00"/>
    <x v="0"/>
    <x v="0"/>
    <s v="10828"/>
    <s v="GLNANDA"/>
    <n v="212487.03"/>
    <n v="-2765745"/>
    <s v="Billed Revenues"/>
    <s v="EXV"/>
    <s v="NONBU"/>
    <s v="G0000110"/>
    <s v="N"/>
    <s v="MACSS Dist Billed Revenue-03"/>
    <s v=""/>
    <x v="0"/>
    <s v="CAD0330817"/>
    <s v="S"/>
    <s v="KY"/>
    <s v="REV"/>
    <s v="974"/>
    <s v="GLBATCH"/>
    <n v="8"/>
    <n v="2016"/>
  </r>
  <r>
    <s v="110"/>
    <d v="2016-08-15T00:00:00"/>
    <x v="7"/>
    <x v="0"/>
    <s v="10828"/>
    <s v="GLNANDA"/>
    <n v="0"/>
    <n v="13"/>
    <s v="Billed Revenues"/>
    <s v="EXV"/>
    <s v="NONBU"/>
    <s v="G0000110"/>
    <s v="N"/>
    <s v="MACSS Dist Billed Revenue-03"/>
    <s v=""/>
    <x v="0"/>
    <s v="CAD0330817"/>
    <s v="S"/>
    <s v="KY"/>
    <s v="REV"/>
    <s v="974"/>
    <s v="GLBATCH"/>
    <n v="8"/>
    <n v="2016"/>
  </r>
  <r>
    <s v="110"/>
    <d v="2016-08-15T00:00:00"/>
    <x v="7"/>
    <x v="0"/>
    <s v="10828"/>
    <s v="GLNANDA"/>
    <n v="-61792.52"/>
    <n v="-542679"/>
    <s v="Billed Revenues"/>
    <s v="EXV"/>
    <s v="NONBU"/>
    <s v="G0000110"/>
    <s v="N"/>
    <s v="MACSS Dist Billed Revenue-03"/>
    <s v=""/>
    <x v="0"/>
    <s v="CAD0330817"/>
    <s v="S"/>
    <s v="KY"/>
    <s v="REV"/>
    <s v="974"/>
    <s v="GLBATCH"/>
    <n v="8"/>
    <n v="2016"/>
  </r>
  <r>
    <s v="110"/>
    <d v="2016-08-15T00:00:00"/>
    <x v="6"/>
    <x v="0"/>
    <s v="10828"/>
    <s v="GLNANDA"/>
    <n v="0"/>
    <n v="7"/>
    <s v="Billed Revenues"/>
    <s v="EXV"/>
    <s v="NONBU"/>
    <s v="G0000110"/>
    <s v="N"/>
    <s v="MACSS Dist Billed Revenue-03"/>
    <s v=""/>
    <x v="0"/>
    <s v="CAD0330817"/>
    <s v="S"/>
    <s v="KY"/>
    <s v="REV"/>
    <s v="974"/>
    <s v="GLBATCH"/>
    <n v="8"/>
    <n v="2016"/>
  </r>
  <r>
    <s v="110"/>
    <d v="2016-08-15T00:00:00"/>
    <x v="6"/>
    <x v="0"/>
    <s v="10828"/>
    <s v="GLNANDA"/>
    <n v="-227.46"/>
    <n v="-585"/>
    <s v="Billed Revenues"/>
    <s v="EXV"/>
    <s v="NONBU"/>
    <s v="G0000110"/>
    <s v="N"/>
    <s v="MACSS Dist Billed Revenue-03"/>
    <s v=""/>
    <x v="0"/>
    <s v="CAD0330817"/>
    <s v="S"/>
    <s v="KY"/>
    <s v="REV"/>
    <s v="974"/>
    <s v="GLBATCH"/>
    <n v="8"/>
    <n v="2016"/>
  </r>
  <r>
    <s v="110"/>
    <d v="2016-08-15T00:00:00"/>
    <x v="1"/>
    <x v="0"/>
    <s v="10828"/>
    <s v="GLNANDA"/>
    <n v="0"/>
    <n v="2307"/>
    <s v="Billed Revenues"/>
    <s v="EXV"/>
    <s v="NONBU"/>
    <s v="G0000110"/>
    <s v="N"/>
    <s v="MACSS Dist Billed Revenue-03"/>
    <s v=""/>
    <x v="0"/>
    <s v="CAD0330817"/>
    <s v="S"/>
    <s v="KY"/>
    <s v="REV"/>
    <s v="974"/>
    <s v="GLBATCH"/>
    <n v="8"/>
    <n v="2016"/>
  </r>
  <r>
    <s v="110"/>
    <d v="2016-08-15T00:00:00"/>
    <x v="1"/>
    <x v="0"/>
    <s v="10828"/>
    <s v="GLNANDA"/>
    <n v="-349717.16"/>
    <n v="-2861242"/>
    <s v="Billed Revenues"/>
    <s v="EXV"/>
    <s v="NONBU"/>
    <s v="G0000110"/>
    <s v="N"/>
    <s v="MACSS Dist Billed Revenue-03"/>
    <s v=""/>
    <x v="0"/>
    <s v="CAD0330817"/>
    <s v="S"/>
    <s v="KY"/>
    <s v="REV"/>
    <s v="974"/>
    <s v="GLBATCH"/>
    <n v="8"/>
    <n v="2016"/>
  </r>
  <r>
    <s v="110"/>
    <d v="2016-08-15T00:00:00"/>
    <x v="4"/>
    <x v="0"/>
    <s v="10828"/>
    <s v="GLNANDA"/>
    <n v="0"/>
    <n v="3471"/>
    <s v="Billed Revenues"/>
    <s v="EXV"/>
    <s v="NONBU"/>
    <s v="G0000110"/>
    <s v="N"/>
    <s v="MACSS Dist Billed Revenue-03"/>
    <s v=""/>
    <x v="0"/>
    <s v="CAD0330817"/>
    <s v="S"/>
    <s v="KY"/>
    <s v="REV"/>
    <s v="974"/>
    <s v="GLBATCH"/>
    <n v="8"/>
    <n v="2016"/>
  </r>
  <r>
    <s v="110"/>
    <d v="2016-08-15T00:00:00"/>
    <x v="4"/>
    <x v="0"/>
    <s v="10828"/>
    <s v="GLNANDA"/>
    <n v="-576347.18999999994"/>
    <n v="-4763758"/>
    <s v="Billed Revenues"/>
    <s v="EXV"/>
    <s v="NONBU"/>
    <s v="G0000110"/>
    <s v="N"/>
    <s v="MACSS Dist Billed Revenue-03"/>
    <s v=""/>
    <x v="0"/>
    <s v="CAD0330817"/>
    <s v="S"/>
    <s v="KY"/>
    <s v="REV"/>
    <s v="974"/>
    <s v="GLBATCH"/>
    <n v="8"/>
    <n v="2016"/>
  </r>
  <r>
    <s v="110"/>
    <d v="2016-08-15T00:00:00"/>
    <x v="2"/>
    <x v="0"/>
    <s v="10828"/>
    <s v="GLNANDA"/>
    <n v="0"/>
    <n v="961"/>
    <s v="Billed Revenues"/>
    <s v="EXV"/>
    <s v="NONBU"/>
    <s v="G0000110"/>
    <s v="N"/>
    <s v="MACSS Dist Billed Revenue-03"/>
    <s v=""/>
    <x v="0"/>
    <s v="CAD0330817"/>
    <s v="S"/>
    <s v="KY"/>
    <s v="REV"/>
    <s v="974"/>
    <s v="GLBATCH"/>
    <n v="8"/>
    <n v="2016"/>
  </r>
  <r>
    <s v="110"/>
    <d v="2016-08-15T00:00:00"/>
    <x v="2"/>
    <x v="0"/>
    <s v="10828"/>
    <s v="GLNANDA"/>
    <n v="-304356.13"/>
    <n v="-3329731"/>
    <s v="Billed Revenues"/>
    <s v="EXV"/>
    <s v="NONBU"/>
    <s v="G0000110"/>
    <s v="N"/>
    <s v="MACSS Dist Billed Revenue-03"/>
    <s v=""/>
    <x v="0"/>
    <s v="CAD0330817"/>
    <s v="S"/>
    <s v="KY"/>
    <s v="REV"/>
    <s v="974"/>
    <s v="GLBATCH"/>
    <n v="8"/>
    <n v="2016"/>
  </r>
  <r>
    <s v="110"/>
    <d v="2016-08-15T00:00:00"/>
    <x v="3"/>
    <x v="0"/>
    <s v="10828"/>
    <s v="GLNANDA"/>
    <n v="0"/>
    <n v="11"/>
    <s v="Billed Revenues"/>
    <s v="EXV"/>
    <s v="NONBU"/>
    <s v="G0000110"/>
    <s v="N"/>
    <s v="MACSS Dist Billed Revenue-03"/>
    <s v=""/>
    <x v="0"/>
    <s v="CAD0330817"/>
    <s v="S"/>
    <s v="KY"/>
    <s v="REV"/>
    <s v="974"/>
    <s v="GLBATCH"/>
    <n v="8"/>
    <n v="2016"/>
  </r>
  <r>
    <s v="110"/>
    <d v="2016-08-15T00:00:00"/>
    <x v="3"/>
    <x v="0"/>
    <s v="10828"/>
    <s v="GLNANDA"/>
    <n v="-127526.13"/>
    <n v="-1096156"/>
    <s v="Billed Revenues"/>
    <s v="EXV"/>
    <s v="NONBU"/>
    <s v="G0000110"/>
    <s v="N"/>
    <s v="MACSS Dist Billed Revenue-03"/>
    <s v=""/>
    <x v="0"/>
    <s v="CAD0330817"/>
    <s v="S"/>
    <s v="KY"/>
    <s v="REV"/>
    <s v="974"/>
    <s v="GLBATCH"/>
    <n v="8"/>
    <n v="2016"/>
  </r>
  <r>
    <s v="110"/>
    <d v="2016-08-15T00:00:00"/>
    <x v="0"/>
    <x v="0"/>
    <s v="10828"/>
    <s v="GLNANDA"/>
    <n v="0"/>
    <n v="49"/>
    <s v="Billed Revenues"/>
    <s v="EXV"/>
    <s v="NONBU"/>
    <s v="G0000110"/>
    <s v="N"/>
    <s v="MACSS Dist Billed Revenue-03"/>
    <s v=""/>
    <x v="0"/>
    <s v="CAD0330817"/>
    <s v="S"/>
    <s v="KY"/>
    <s v="REV"/>
    <s v="974"/>
    <s v="GLBATCH"/>
    <n v="8"/>
    <n v="2016"/>
  </r>
  <r>
    <s v="110"/>
    <d v="2016-08-15T00:00:00"/>
    <x v="5"/>
    <x v="0"/>
    <s v="10828"/>
    <s v="GLNANDA"/>
    <n v="-32393.53"/>
    <n v="-258097"/>
    <s v="Billed Revenues"/>
    <s v="EXV"/>
    <s v="NONBU"/>
    <s v="G0000110"/>
    <s v="N"/>
    <s v="MACSS Dist Billed Revenue-03"/>
    <s v=""/>
    <x v="0"/>
    <s v="CAD0330817"/>
    <s v="S"/>
    <s v="KY"/>
    <s v="REV"/>
    <s v="974"/>
    <s v="GLBATCH"/>
    <n v="8"/>
    <n v="2016"/>
  </r>
  <r>
    <s v="110"/>
    <d v="2016-08-15T00:00:00"/>
    <x v="7"/>
    <x v="0"/>
    <s v="10828"/>
    <s v="GLNANDA"/>
    <n v="0"/>
    <n v="18"/>
    <s v="Billed Revenues"/>
    <s v="EXV"/>
    <s v="NONBU"/>
    <s v="G0000110"/>
    <s v="N"/>
    <s v="MACSS Dist Billed Revenue-03"/>
    <s v=""/>
    <x v="0"/>
    <s v="CAD0330818"/>
    <s v="S"/>
    <s v="KY"/>
    <s v="REV"/>
    <s v="974"/>
    <s v="GLBATCH"/>
    <n v="8"/>
    <n v="2016"/>
  </r>
  <r>
    <s v="110"/>
    <d v="2016-08-15T00:00:00"/>
    <x v="7"/>
    <x v="0"/>
    <s v="10828"/>
    <s v="GLNANDA"/>
    <n v="-35188.519999999997"/>
    <n v="-286341"/>
    <s v="Billed Revenues"/>
    <s v="EXV"/>
    <s v="NONBU"/>
    <s v="G0000110"/>
    <s v="N"/>
    <s v="MACSS Dist Billed Revenue-03"/>
    <s v=""/>
    <x v="0"/>
    <s v="CAD0330818"/>
    <s v="S"/>
    <s v="KY"/>
    <s v="REV"/>
    <s v="974"/>
    <s v="GLBATCH"/>
    <n v="8"/>
    <n v="2016"/>
  </r>
  <r>
    <s v="110"/>
    <d v="2016-08-15T00:00:00"/>
    <x v="3"/>
    <x v="0"/>
    <s v="10828"/>
    <s v="GLNANDA"/>
    <n v="0"/>
    <n v="21"/>
    <s v="Billed Revenues"/>
    <s v="EXV"/>
    <s v="NONBU"/>
    <s v="G0000110"/>
    <s v="N"/>
    <s v="MACSS Dist Billed Revenue-03"/>
    <s v=""/>
    <x v="0"/>
    <s v="CAD0330818"/>
    <s v="S"/>
    <s v="KY"/>
    <s v="REV"/>
    <s v="974"/>
    <s v="GLBATCH"/>
    <n v="8"/>
    <n v="2016"/>
  </r>
  <r>
    <s v="110"/>
    <d v="2016-08-15T00:00:00"/>
    <x v="3"/>
    <x v="0"/>
    <s v="10828"/>
    <s v="GLNANDA"/>
    <n v="-20500.36"/>
    <n v="-177093"/>
    <s v="Billed Revenues"/>
    <s v="EXV"/>
    <s v="NONBU"/>
    <s v="G0000110"/>
    <s v="N"/>
    <s v="MACSS Dist Billed Revenue-03"/>
    <s v=""/>
    <x v="0"/>
    <s v="CAD0330818"/>
    <s v="S"/>
    <s v="KY"/>
    <s v="REV"/>
    <s v="974"/>
    <s v="GLBATCH"/>
    <n v="8"/>
    <n v="2016"/>
  </r>
  <r>
    <s v="110"/>
    <d v="2016-08-15T00:00:00"/>
    <x v="6"/>
    <x v="0"/>
    <s v="10828"/>
    <s v="GLNANDA"/>
    <n v="0"/>
    <n v="9"/>
    <s v="Billed Revenues"/>
    <s v="EXV"/>
    <s v="NONBU"/>
    <s v="G0000110"/>
    <s v="N"/>
    <s v="MACSS Dist Billed Revenue-03"/>
    <s v=""/>
    <x v="0"/>
    <s v="CAD0330818"/>
    <s v="S"/>
    <s v="KY"/>
    <s v="REV"/>
    <s v="974"/>
    <s v="GLBATCH"/>
    <n v="8"/>
    <n v="2016"/>
  </r>
  <r>
    <s v="110"/>
    <d v="2016-08-15T00:00:00"/>
    <x v="6"/>
    <x v="0"/>
    <s v="10828"/>
    <s v="GLNANDA"/>
    <n v="-1610.36"/>
    <n v="-11187"/>
    <s v="Billed Revenues"/>
    <s v="EXV"/>
    <s v="NONBU"/>
    <s v="G0000110"/>
    <s v="N"/>
    <s v="MACSS Dist Billed Revenue-03"/>
    <s v=""/>
    <x v="0"/>
    <s v="CAD0330818"/>
    <s v="S"/>
    <s v="KY"/>
    <s v="REV"/>
    <s v="974"/>
    <s v="GLBATCH"/>
    <n v="8"/>
    <n v="2016"/>
  </r>
  <r>
    <s v="110"/>
    <d v="2016-08-15T00:00:00"/>
    <x v="5"/>
    <x v="0"/>
    <s v="10828"/>
    <s v="GLNANDA"/>
    <n v="0"/>
    <n v="102"/>
    <s v="Billed Revenues"/>
    <s v="EXV"/>
    <s v="NONBU"/>
    <s v="G0000110"/>
    <s v="N"/>
    <s v="MACSS Dist Billed Revenue-03"/>
    <s v=""/>
    <x v="0"/>
    <s v="CAD0330818"/>
    <s v="S"/>
    <s v="KY"/>
    <s v="REV"/>
    <s v="974"/>
    <s v="GLBATCH"/>
    <n v="8"/>
    <n v="2016"/>
  </r>
  <r>
    <s v="110"/>
    <d v="2016-08-15T00:00:00"/>
    <x v="5"/>
    <x v="0"/>
    <s v="10828"/>
    <s v="GLNANDA"/>
    <n v="-80587.199999999997"/>
    <n v="-691620"/>
    <s v="Billed Revenues"/>
    <s v="EXV"/>
    <s v="NONBU"/>
    <s v="G0000110"/>
    <s v="N"/>
    <s v="MACSS Dist Billed Revenue-03"/>
    <s v=""/>
    <x v="0"/>
    <s v="CAD0330818"/>
    <s v="S"/>
    <s v="KY"/>
    <s v="REV"/>
    <s v="974"/>
    <s v="GLBATCH"/>
    <n v="8"/>
    <n v="2016"/>
  </r>
  <r>
    <s v="110"/>
    <d v="2016-08-15T00:00:00"/>
    <x v="4"/>
    <x v="0"/>
    <s v="10828"/>
    <s v="GLNANDA"/>
    <n v="0"/>
    <n v="4274"/>
    <s v="Billed Revenues"/>
    <s v="EXV"/>
    <s v="NONBU"/>
    <s v="G0000110"/>
    <s v="N"/>
    <s v="MACSS Dist Billed Revenue-03"/>
    <s v=""/>
    <x v="0"/>
    <s v="CAD0330818"/>
    <s v="S"/>
    <s v="KY"/>
    <s v="REV"/>
    <s v="974"/>
    <s v="GLBATCH"/>
    <n v="8"/>
    <n v="2016"/>
  </r>
  <r>
    <s v="110"/>
    <d v="2016-08-15T00:00:00"/>
    <x v="4"/>
    <x v="0"/>
    <s v="10828"/>
    <s v="GLNANDA"/>
    <n v="-729313.03"/>
    <n v="-6051734"/>
    <s v="Billed Revenues"/>
    <s v="EXV"/>
    <s v="NONBU"/>
    <s v="G0000110"/>
    <s v="N"/>
    <s v="MACSS Dist Billed Revenue-03"/>
    <s v=""/>
    <x v="0"/>
    <s v="CAD0330818"/>
    <s v="S"/>
    <s v="KY"/>
    <s v="REV"/>
    <s v="974"/>
    <s v="GLBATCH"/>
    <n v="8"/>
    <n v="2016"/>
  </r>
  <r>
    <s v="110"/>
    <d v="2016-08-15T00:00:00"/>
    <x v="1"/>
    <x v="0"/>
    <s v="10828"/>
    <s v="GLNANDA"/>
    <n v="0"/>
    <n v="2011"/>
    <s v="Billed Revenues"/>
    <s v="EXV"/>
    <s v="NONBU"/>
    <s v="G0000110"/>
    <s v="N"/>
    <s v="MACSS Dist Billed Revenue-03"/>
    <s v=""/>
    <x v="0"/>
    <s v="CAD0330818"/>
    <s v="S"/>
    <s v="KY"/>
    <s v="REV"/>
    <s v="974"/>
    <s v="GLBATCH"/>
    <n v="8"/>
    <n v="2016"/>
  </r>
  <r>
    <s v="110"/>
    <d v="2016-08-15T00:00:00"/>
    <x v="1"/>
    <x v="0"/>
    <s v="10828"/>
    <s v="GLNANDA"/>
    <n v="-305719.90000000002"/>
    <n v="-2490761"/>
    <s v="Billed Revenues"/>
    <s v="EXV"/>
    <s v="NONBU"/>
    <s v="G0000110"/>
    <s v="N"/>
    <s v="MACSS Dist Billed Revenue-03"/>
    <s v=""/>
    <x v="0"/>
    <s v="CAD0330818"/>
    <s v="S"/>
    <s v="KY"/>
    <s v="REV"/>
    <s v="974"/>
    <s v="GLBATCH"/>
    <n v="8"/>
    <n v="2016"/>
  </r>
  <r>
    <s v="110"/>
    <d v="2016-08-15T00:00:00"/>
    <x v="2"/>
    <x v="0"/>
    <s v="10828"/>
    <s v="GLNANDA"/>
    <n v="-313675.49"/>
    <n v="-2470050"/>
    <s v="Billed Revenues"/>
    <s v="EXV"/>
    <s v="NONBU"/>
    <s v="G0000110"/>
    <s v="N"/>
    <s v="MACSS Dist Billed Revenue-03"/>
    <s v=""/>
    <x v="0"/>
    <s v="CAD0330818"/>
    <s v="S"/>
    <s v="KY"/>
    <s v="REV"/>
    <s v="974"/>
    <s v="GLBATCH"/>
    <n v="8"/>
    <n v="2016"/>
  </r>
  <r>
    <s v="110"/>
    <d v="2016-08-15T00:00:00"/>
    <x v="2"/>
    <x v="0"/>
    <s v="10828"/>
    <s v="GLNANDA"/>
    <n v="0"/>
    <n v="1279"/>
    <s v="Billed Revenues"/>
    <s v="EXV"/>
    <s v="NONBU"/>
    <s v="G0000110"/>
    <s v="N"/>
    <s v="MACSS Dist Billed Revenue-03"/>
    <s v=""/>
    <x v="0"/>
    <s v="CAD0330818"/>
    <s v="S"/>
    <s v="KY"/>
    <s v="REV"/>
    <s v="974"/>
    <s v="GLBATCH"/>
    <n v="8"/>
    <n v="2016"/>
  </r>
  <r>
    <s v="110"/>
    <d v="2016-08-15T00:00:00"/>
    <x v="0"/>
    <x v="0"/>
    <s v="10828"/>
    <s v="GLNANDA"/>
    <n v="0"/>
    <n v="73"/>
    <s v="Billed Revenues"/>
    <s v="EXV"/>
    <s v="NONBU"/>
    <s v="G0000110"/>
    <s v="N"/>
    <s v="MACSS Dist Billed Revenue-03"/>
    <s v=""/>
    <x v="0"/>
    <s v="CAD0330818"/>
    <s v="S"/>
    <s v="KY"/>
    <s v="REV"/>
    <s v="974"/>
    <s v="GLBATCH"/>
    <n v="8"/>
    <n v="2016"/>
  </r>
  <r>
    <s v="110"/>
    <d v="2016-08-15T00:00:00"/>
    <x v="0"/>
    <x v="0"/>
    <s v="10828"/>
    <s v="GLNANDA"/>
    <n v="-82796.639999999999"/>
    <n v="-403529"/>
    <s v="Billed Revenues"/>
    <s v="EXV"/>
    <s v="NONBU"/>
    <s v="G0000110"/>
    <s v="N"/>
    <s v="MACSS Dist Billed Revenue-03"/>
    <s v=""/>
    <x v="0"/>
    <s v="CAD0330818"/>
    <s v="S"/>
    <s v="KY"/>
    <s v="REV"/>
    <s v="974"/>
    <s v="GLBATCH"/>
    <n v="8"/>
    <n v="2016"/>
  </r>
  <r>
    <s v="110"/>
    <d v="2016-08-15T00:00:00"/>
    <x v="4"/>
    <x v="0"/>
    <s v="10828"/>
    <s v="GLNANDA"/>
    <n v="0"/>
    <n v="3729"/>
    <s v="Billed Revenues"/>
    <s v="EXV"/>
    <s v="NONBU"/>
    <s v="G0000110"/>
    <s v="N"/>
    <s v="MACSS Dist Billed Revenue-03"/>
    <s v=""/>
    <x v="0"/>
    <s v="CAD0330819"/>
    <s v="S"/>
    <s v="KY"/>
    <s v="REV"/>
    <s v="974"/>
    <s v="GLBATCH"/>
    <n v="8"/>
    <n v="2016"/>
  </r>
  <r>
    <s v="110"/>
    <d v="2016-08-15T00:00:00"/>
    <x v="4"/>
    <x v="0"/>
    <s v="10828"/>
    <s v="GLNANDA"/>
    <n v="-642948.66"/>
    <n v="-5326598"/>
    <s v="Billed Revenues"/>
    <s v="EXV"/>
    <s v="NONBU"/>
    <s v="G0000110"/>
    <s v="N"/>
    <s v="MACSS Dist Billed Revenue-03"/>
    <s v=""/>
    <x v="0"/>
    <s v="CAD0330819"/>
    <s v="S"/>
    <s v="KY"/>
    <s v="REV"/>
    <s v="974"/>
    <s v="GLBATCH"/>
    <n v="8"/>
    <n v="2016"/>
  </r>
  <r>
    <s v="110"/>
    <d v="2016-08-15T00:00:00"/>
    <x v="1"/>
    <x v="0"/>
    <s v="10828"/>
    <s v="GLNANDA"/>
    <n v="0"/>
    <n v="2084"/>
    <s v="Billed Revenues"/>
    <s v="EXV"/>
    <s v="NONBU"/>
    <s v="G0000110"/>
    <s v="N"/>
    <s v="MACSS Dist Billed Revenue-03"/>
    <s v=""/>
    <x v="0"/>
    <s v="CAD0330819"/>
    <s v="S"/>
    <s v="KY"/>
    <s v="REV"/>
    <s v="974"/>
    <s v="GLBATCH"/>
    <n v="8"/>
    <n v="2016"/>
  </r>
  <r>
    <s v="110"/>
    <d v="2016-08-15T00:00:00"/>
    <x v="1"/>
    <x v="0"/>
    <s v="10828"/>
    <s v="GLNANDA"/>
    <n v="-309901.45"/>
    <n v="-2519255"/>
    <s v="Billed Revenues"/>
    <s v="EXV"/>
    <s v="NONBU"/>
    <s v="G0000110"/>
    <s v="N"/>
    <s v="MACSS Dist Billed Revenue-03"/>
    <s v=""/>
    <x v="0"/>
    <s v="CAD0330819"/>
    <s v="S"/>
    <s v="KY"/>
    <s v="REV"/>
    <s v="974"/>
    <s v="GLBATCH"/>
    <n v="8"/>
    <n v="2016"/>
  </r>
  <r>
    <s v="110"/>
    <d v="2016-08-15T00:00:00"/>
    <x v="2"/>
    <x v="0"/>
    <s v="10828"/>
    <s v="GLNANDA"/>
    <n v="0"/>
    <n v="1108"/>
    <s v="Billed Revenues"/>
    <s v="EXV"/>
    <s v="NONBU"/>
    <s v="G0000110"/>
    <s v="N"/>
    <s v="MACSS Dist Billed Revenue-03"/>
    <s v=""/>
    <x v="0"/>
    <s v="CAD0330819"/>
    <s v="S"/>
    <s v="KY"/>
    <s v="REV"/>
    <s v="974"/>
    <s v="GLBATCH"/>
    <n v="8"/>
    <n v="2016"/>
  </r>
  <r>
    <s v="110"/>
    <d v="2016-08-15T00:00:00"/>
    <x v="2"/>
    <x v="0"/>
    <s v="10828"/>
    <s v="GLNANDA"/>
    <n v="-285619.89"/>
    <n v="-2240045"/>
    <s v="Billed Revenues"/>
    <s v="EXV"/>
    <s v="NONBU"/>
    <s v="G0000110"/>
    <s v="N"/>
    <s v="MACSS Dist Billed Revenue-03"/>
    <s v=""/>
    <x v="0"/>
    <s v="CAD0330819"/>
    <s v="S"/>
    <s v="KY"/>
    <s v="REV"/>
    <s v="974"/>
    <s v="GLBATCH"/>
    <n v="8"/>
    <n v="2016"/>
  </r>
  <r>
    <s v="110"/>
    <d v="2016-08-15T00:00:00"/>
    <x v="0"/>
    <x v="0"/>
    <s v="10828"/>
    <s v="GLNANDA"/>
    <n v="0"/>
    <n v="55"/>
    <s v="Billed Revenues"/>
    <s v="EXV"/>
    <s v="NONBU"/>
    <s v="G0000110"/>
    <s v="N"/>
    <s v="MACSS Dist Billed Revenue-03"/>
    <s v=""/>
    <x v="0"/>
    <s v="CAD0330819"/>
    <s v="S"/>
    <s v="KY"/>
    <s v="REV"/>
    <s v="974"/>
    <s v="GLBATCH"/>
    <n v="8"/>
    <n v="2016"/>
  </r>
  <r>
    <s v="110"/>
    <d v="2016-08-15T00:00:00"/>
    <x v="0"/>
    <x v="0"/>
    <s v="10828"/>
    <s v="GLNANDA"/>
    <n v="-28833.53"/>
    <n v="-252562"/>
    <s v="Billed Revenues"/>
    <s v="EXV"/>
    <s v="NONBU"/>
    <s v="G0000110"/>
    <s v="N"/>
    <s v="MACSS Dist Billed Revenue-03"/>
    <s v=""/>
    <x v="0"/>
    <s v="CAD0330819"/>
    <s v="S"/>
    <s v="KY"/>
    <s v="REV"/>
    <s v="974"/>
    <s v="GLBATCH"/>
    <n v="8"/>
    <n v="2016"/>
  </r>
  <r>
    <s v="110"/>
    <d v="2016-08-15T00:00:00"/>
    <x v="7"/>
    <x v="0"/>
    <s v="10828"/>
    <s v="GLNANDA"/>
    <n v="0"/>
    <n v="34"/>
    <s v="Billed Revenues"/>
    <s v="EXV"/>
    <s v="NONBU"/>
    <s v="G0000110"/>
    <s v="N"/>
    <s v="MACSS Dist Billed Revenue-03"/>
    <s v=""/>
    <x v="0"/>
    <s v="CAD0330819"/>
    <s v="S"/>
    <s v="KY"/>
    <s v="REV"/>
    <s v="974"/>
    <s v="GLBATCH"/>
    <n v="8"/>
    <n v="2016"/>
  </r>
  <r>
    <s v="110"/>
    <d v="2016-08-15T00:00:00"/>
    <x v="7"/>
    <x v="0"/>
    <s v="10828"/>
    <s v="GLNANDA"/>
    <n v="-80039.259999999995"/>
    <n v="-656146"/>
    <s v="Billed Revenues"/>
    <s v="EXV"/>
    <s v="NONBU"/>
    <s v="G0000110"/>
    <s v="N"/>
    <s v="MACSS Dist Billed Revenue-03"/>
    <s v=""/>
    <x v="0"/>
    <s v="CAD0330819"/>
    <s v="S"/>
    <s v="KY"/>
    <s v="REV"/>
    <s v="974"/>
    <s v="GLBATCH"/>
    <n v="8"/>
    <n v="2016"/>
  </r>
  <r>
    <s v="110"/>
    <d v="2016-08-15T00:00:00"/>
    <x v="3"/>
    <x v="0"/>
    <s v="10828"/>
    <s v="GLNANDA"/>
    <n v="0"/>
    <n v="6"/>
    <s v="Billed Revenues"/>
    <s v="EXV"/>
    <s v="NONBU"/>
    <s v="G0000110"/>
    <s v="N"/>
    <s v="MACSS Dist Billed Revenue-03"/>
    <s v=""/>
    <x v="0"/>
    <s v="CAD0330819"/>
    <s v="S"/>
    <s v="KY"/>
    <s v="REV"/>
    <s v="974"/>
    <s v="GLBATCH"/>
    <n v="8"/>
    <n v="2016"/>
  </r>
  <r>
    <s v="110"/>
    <d v="2016-08-15T00:00:00"/>
    <x v="3"/>
    <x v="0"/>
    <s v="10828"/>
    <s v="GLNANDA"/>
    <n v="-59275.87"/>
    <n v="-280904"/>
    <s v="Billed Revenues"/>
    <s v="EXV"/>
    <s v="NONBU"/>
    <s v="G0000110"/>
    <s v="N"/>
    <s v="MACSS Dist Billed Revenue-03"/>
    <s v=""/>
    <x v="0"/>
    <s v="CAD0330819"/>
    <s v="S"/>
    <s v="KY"/>
    <s v="REV"/>
    <s v="974"/>
    <s v="GLBATCH"/>
    <n v="8"/>
    <n v="2016"/>
  </r>
  <r>
    <s v="110"/>
    <d v="2016-08-15T00:00:00"/>
    <x v="6"/>
    <x v="0"/>
    <s v="10828"/>
    <s v="GLNANDA"/>
    <n v="0"/>
    <n v="13"/>
    <s v="Billed Revenues"/>
    <s v="EXV"/>
    <s v="NONBU"/>
    <s v="G0000110"/>
    <s v="N"/>
    <s v="MACSS Dist Billed Revenue-03"/>
    <s v=""/>
    <x v="0"/>
    <s v="CAD0330819"/>
    <s v="S"/>
    <s v="KY"/>
    <s v="REV"/>
    <s v="974"/>
    <s v="GLBATCH"/>
    <n v="8"/>
    <n v="2016"/>
  </r>
  <r>
    <s v="110"/>
    <d v="2016-08-15T00:00:00"/>
    <x v="6"/>
    <x v="0"/>
    <s v="10828"/>
    <s v="GLNANDA"/>
    <n v="-595.16999999999996"/>
    <n v="-2786"/>
    <s v="Billed Revenues"/>
    <s v="EXV"/>
    <s v="NONBU"/>
    <s v="G0000110"/>
    <s v="N"/>
    <s v="MACSS Dist Billed Revenue-03"/>
    <s v=""/>
    <x v="0"/>
    <s v="CAD0330819"/>
    <s v="S"/>
    <s v="KY"/>
    <s v="REV"/>
    <s v="974"/>
    <s v="GLBATCH"/>
    <n v="8"/>
    <n v="2016"/>
  </r>
  <r>
    <s v="110"/>
    <d v="2016-08-15T00:00:00"/>
    <x v="5"/>
    <x v="0"/>
    <s v="10828"/>
    <s v="GLNANDA"/>
    <n v="0"/>
    <n v="144"/>
    <s v="Billed Revenues"/>
    <s v="EXV"/>
    <s v="NONBU"/>
    <s v="G0000110"/>
    <s v="N"/>
    <s v="MACSS Dist Billed Revenue-03"/>
    <s v=""/>
    <x v="0"/>
    <s v="CAD0330819"/>
    <s v="S"/>
    <s v="KY"/>
    <s v="REV"/>
    <s v="974"/>
    <s v="GLBATCH"/>
    <n v="8"/>
    <n v="2016"/>
  </r>
  <r>
    <s v="110"/>
    <d v="2016-08-15T00:00:00"/>
    <x v="5"/>
    <x v="0"/>
    <s v="10828"/>
    <s v="GLNANDA"/>
    <n v="-85728.97"/>
    <n v="-722152"/>
    <s v="Billed Revenues"/>
    <s v="EXV"/>
    <s v="NONBU"/>
    <s v="G0000110"/>
    <s v="N"/>
    <s v="MACSS Dist Billed Revenue-03"/>
    <s v=""/>
    <x v="0"/>
    <s v="CAD0330819"/>
    <s v="S"/>
    <s v="KY"/>
    <s v="REV"/>
    <s v="974"/>
    <s v="GLBATCH"/>
    <n v="8"/>
    <n v="2016"/>
  </r>
  <r>
    <s v="110"/>
    <d v="2016-08-15T00:00:00"/>
    <x v="3"/>
    <x v="0"/>
    <s v="10828"/>
    <s v="GLNANDA"/>
    <n v="0"/>
    <n v="9"/>
    <s v="Billed Revenues"/>
    <s v="EXV"/>
    <s v="NONBU"/>
    <s v="G0000110"/>
    <s v="N"/>
    <s v="MACSS Dist Billed Revenue-03"/>
    <s v=""/>
    <x v="0"/>
    <s v="CAD0330822"/>
    <s v="S"/>
    <s v="KY"/>
    <s v="REV"/>
    <s v="974"/>
    <s v="GLBATCH"/>
    <n v="8"/>
    <n v="2016"/>
  </r>
  <r>
    <s v="110"/>
    <d v="2016-08-15T00:00:00"/>
    <x v="7"/>
    <x v="0"/>
    <s v="10828"/>
    <s v="GLNANDA"/>
    <n v="-50584.160000000003"/>
    <n v="-446243"/>
    <s v="Billed Revenues"/>
    <s v="EXV"/>
    <s v="NONBU"/>
    <s v="G0000110"/>
    <s v="N"/>
    <s v="MACSS Dist Billed Revenue-03"/>
    <s v=""/>
    <x v="0"/>
    <s v="CAD0330822"/>
    <s v="S"/>
    <s v="KY"/>
    <s v="REV"/>
    <s v="974"/>
    <s v="GLBATCH"/>
    <n v="8"/>
    <n v="2016"/>
  </r>
  <r>
    <s v="110"/>
    <d v="2016-08-15T00:00:00"/>
    <x v="3"/>
    <x v="0"/>
    <s v="10828"/>
    <s v="GLNANDA"/>
    <n v="-39731.25"/>
    <n v="-352127"/>
    <s v="Billed Revenues"/>
    <s v="EXV"/>
    <s v="NONBU"/>
    <s v="G0000110"/>
    <s v="N"/>
    <s v="MACSS Dist Billed Revenue-03"/>
    <s v=""/>
    <x v="0"/>
    <s v="CAD0330822"/>
    <s v="S"/>
    <s v="KY"/>
    <s v="REV"/>
    <s v="974"/>
    <s v="GLBATCH"/>
    <n v="8"/>
    <n v="2016"/>
  </r>
  <r>
    <s v="110"/>
    <d v="2016-08-15T00:00:00"/>
    <x v="7"/>
    <x v="0"/>
    <s v="10828"/>
    <s v="GLNANDA"/>
    <n v="0"/>
    <n v="25"/>
    <s v="Billed Revenues"/>
    <s v="EXV"/>
    <s v="NONBU"/>
    <s v="G0000110"/>
    <s v="N"/>
    <s v="MACSS Dist Billed Revenue-03"/>
    <s v=""/>
    <x v="0"/>
    <s v="CAD0330822"/>
    <s v="S"/>
    <s v="KY"/>
    <s v="REV"/>
    <s v="974"/>
    <s v="GLBATCH"/>
    <n v="8"/>
    <n v="2016"/>
  </r>
  <r>
    <s v="110"/>
    <d v="2016-08-15T00:00:00"/>
    <x v="0"/>
    <x v="0"/>
    <s v="10828"/>
    <s v="GLNANDA"/>
    <n v="-12721.37"/>
    <n v="-81554"/>
    <s v="Billed Revenues"/>
    <s v="EXV"/>
    <s v="NONBU"/>
    <s v="G0000110"/>
    <s v="N"/>
    <s v="MACSS Dist Billed Revenue-03"/>
    <s v=""/>
    <x v="0"/>
    <s v="CAD0330822"/>
    <s v="S"/>
    <s v="KY"/>
    <s v="REV"/>
    <s v="974"/>
    <s v="GLBATCH"/>
    <n v="8"/>
    <n v="2016"/>
  </r>
  <r>
    <s v="110"/>
    <d v="2016-08-15T00:00:00"/>
    <x v="0"/>
    <x v="0"/>
    <s v="10828"/>
    <s v="GLNANDA"/>
    <n v="0"/>
    <n v="85"/>
    <s v="Billed Revenues"/>
    <s v="EXV"/>
    <s v="NONBU"/>
    <s v="G0000110"/>
    <s v="N"/>
    <s v="MACSS Dist Billed Revenue-03"/>
    <s v=""/>
    <x v="0"/>
    <s v="CAD0330822"/>
    <s v="S"/>
    <s v="KY"/>
    <s v="REV"/>
    <s v="974"/>
    <s v="GLBATCH"/>
    <n v="8"/>
    <n v="2016"/>
  </r>
  <r>
    <s v="110"/>
    <d v="2016-08-15T00:00:00"/>
    <x v="2"/>
    <x v="0"/>
    <s v="10828"/>
    <s v="GLNANDA"/>
    <n v="-315446.65999999997"/>
    <n v="-2438582"/>
    <s v="Billed Revenues"/>
    <s v="EXV"/>
    <s v="NONBU"/>
    <s v="G0000110"/>
    <s v="N"/>
    <s v="MACSS Dist Billed Revenue-03"/>
    <s v=""/>
    <x v="0"/>
    <s v="CAD0330822"/>
    <s v="S"/>
    <s v="KY"/>
    <s v="REV"/>
    <s v="974"/>
    <s v="GLBATCH"/>
    <n v="8"/>
    <n v="2016"/>
  </r>
  <r>
    <s v="110"/>
    <d v="2016-08-15T00:00:00"/>
    <x v="2"/>
    <x v="0"/>
    <s v="10828"/>
    <s v="GLNANDA"/>
    <n v="0"/>
    <n v="1173"/>
    <s v="Billed Revenues"/>
    <s v="EXV"/>
    <s v="NONBU"/>
    <s v="G0000110"/>
    <s v="N"/>
    <s v="MACSS Dist Billed Revenue-03"/>
    <s v=""/>
    <x v="0"/>
    <s v="CAD0330822"/>
    <s v="S"/>
    <s v="KY"/>
    <s v="REV"/>
    <s v="974"/>
    <s v="GLBATCH"/>
    <n v="8"/>
    <n v="2016"/>
  </r>
  <r>
    <s v="110"/>
    <d v="2016-08-15T00:00:00"/>
    <x v="1"/>
    <x v="0"/>
    <s v="10828"/>
    <s v="GLNANDA"/>
    <n v="-364057.22"/>
    <n v="-2975532"/>
    <s v="Billed Revenues"/>
    <s v="EXV"/>
    <s v="NONBU"/>
    <s v="G0000110"/>
    <s v="N"/>
    <s v="MACSS Dist Billed Revenue-03"/>
    <s v=""/>
    <x v="0"/>
    <s v="CAD0330822"/>
    <s v="S"/>
    <s v="KY"/>
    <s v="REV"/>
    <s v="974"/>
    <s v="GLBATCH"/>
    <n v="8"/>
    <n v="2016"/>
  </r>
  <r>
    <s v="110"/>
    <d v="2016-08-15T00:00:00"/>
    <x v="1"/>
    <x v="0"/>
    <s v="10828"/>
    <s v="GLNANDA"/>
    <n v="0"/>
    <n v="2416"/>
    <s v="Billed Revenues"/>
    <s v="EXV"/>
    <s v="NONBU"/>
    <s v="G0000110"/>
    <s v="N"/>
    <s v="MACSS Dist Billed Revenue-03"/>
    <s v=""/>
    <x v="0"/>
    <s v="CAD0330822"/>
    <s v="S"/>
    <s v="KY"/>
    <s v="REV"/>
    <s v="974"/>
    <s v="GLBATCH"/>
    <n v="8"/>
    <n v="2016"/>
  </r>
  <r>
    <s v="110"/>
    <d v="2016-08-15T00:00:00"/>
    <x v="4"/>
    <x v="0"/>
    <s v="10828"/>
    <s v="GLNANDA"/>
    <n v="-645144.76"/>
    <n v="-5322986"/>
    <s v="Billed Revenues"/>
    <s v="EXV"/>
    <s v="NONBU"/>
    <s v="G0000110"/>
    <s v="N"/>
    <s v="MACSS Dist Billed Revenue-03"/>
    <s v=""/>
    <x v="0"/>
    <s v="CAD0330822"/>
    <s v="S"/>
    <s v="KY"/>
    <s v="REV"/>
    <s v="974"/>
    <s v="GLBATCH"/>
    <n v="8"/>
    <n v="2016"/>
  </r>
  <r>
    <s v="110"/>
    <d v="2016-08-15T00:00:00"/>
    <x v="4"/>
    <x v="0"/>
    <s v="10828"/>
    <s v="GLNANDA"/>
    <n v="0"/>
    <n v="3933"/>
    <s v="Billed Revenues"/>
    <s v="EXV"/>
    <s v="NONBU"/>
    <s v="G0000110"/>
    <s v="N"/>
    <s v="MACSS Dist Billed Revenue-03"/>
    <s v=""/>
    <x v="0"/>
    <s v="CAD0330822"/>
    <s v="S"/>
    <s v="KY"/>
    <s v="REV"/>
    <s v="974"/>
    <s v="GLBATCH"/>
    <n v="8"/>
    <n v="2016"/>
  </r>
  <r>
    <s v="110"/>
    <d v="2016-08-15T00:00:00"/>
    <x v="5"/>
    <x v="0"/>
    <s v="10828"/>
    <s v="GLNANDA"/>
    <n v="-104194.42"/>
    <n v="-855376"/>
    <s v="Billed Revenues"/>
    <s v="EXV"/>
    <s v="NONBU"/>
    <s v="G0000110"/>
    <s v="N"/>
    <s v="MACSS Dist Billed Revenue-03"/>
    <s v=""/>
    <x v="0"/>
    <s v="CAD0330822"/>
    <s v="S"/>
    <s v="KY"/>
    <s v="REV"/>
    <s v="974"/>
    <s v="GLBATCH"/>
    <n v="8"/>
    <n v="2016"/>
  </r>
  <r>
    <s v="110"/>
    <d v="2016-08-15T00:00:00"/>
    <x v="5"/>
    <x v="0"/>
    <s v="10828"/>
    <s v="GLNANDA"/>
    <n v="0"/>
    <n v="176"/>
    <s v="Billed Revenues"/>
    <s v="EXV"/>
    <s v="NONBU"/>
    <s v="G0000110"/>
    <s v="N"/>
    <s v="MACSS Dist Billed Revenue-03"/>
    <s v=""/>
    <x v="0"/>
    <s v="CAD0330822"/>
    <s v="S"/>
    <s v="KY"/>
    <s v="REV"/>
    <s v="974"/>
    <s v="GLBATCH"/>
    <n v="8"/>
    <n v="2016"/>
  </r>
  <r>
    <s v="110"/>
    <d v="2016-08-15T00:00:00"/>
    <x v="6"/>
    <x v="0"/>
    <s v="10828"/>
    <s v="GLNANDA"/>
    <n v="-935.7"/>
    <n v="-2828"/>
    <s v="Billed Revenues"/>
    <s v="EXV"/>
    <s v="NONBU"/>
    <s v="G0000110"/>
    <s v="N"/>
    <s v="MACSS Dist Billed Revenue-03"/>
    <s v=""/>
    <x v="0"/>
    <s v="CAD0330822"/>
    <s v="S"/>
    <s v="KY"/>
    <s v="REV"/>
    <s v="974"/>
    <s v="GLBATCH"/>
    <n v="8"/>
    <n v="2016"/>
  </r>
  <r>
    <s v="110"/>
    <d v="2016-08-15T00:00:00"/>
    <x v="6"/>
    <x v="0"/>
    <s v="10828"/>
    <s v="GLNANDA"/>
    <n v="0"/>
    <n v="15"/>
    <s v="Billed Revenues"/>
    <s v="EXV"/>
    <s v="NONBU"/>
    <s v="G0000110"/>
    <s v="N"/>
    <s v="MACSS Dist Billed Revenue-03"/>
    <s v=""/>
    <x v="0"/>
    <s v="CAD0330822"/>
    <s v="S"/>
    <s v="KY"/>
    <s v="REV"/>
    <s v="974"/>
    <s v="GLBATCH"/>
    <n v="8"/>
    <n v="2016"/>
  </r>
  <r>
    <s v="110"/>
    <d v="2016-08-15T00:00:00"/>
    <x v="6"/>
    <x v="0"/>
    <s v="10828"/>
    <s v="GLNANDA"/>
    <n v="0"/>
    <n v="9"/>
    <s v="Billed Revenues"/>
    <s v="EXV"/>
    <s v="NONBU"/>
    <s v="G0000110"/>
    <s v="N"/>
    <s v="MACSS Dist Billed Revenue-03"/>
    <s v=""/>
    <x v="0"/>
    <s v="CAD0330823"/>
    <s v="S"/>
    <s v="KY"/>
    <s v="REV"/>
    <s v="974"/>
    <s v="GLBATCH"/>
    <n v="8"/>
    <n v="2016"/>
  </r>
  <r>
    <s v="110"/>
    <d v="2016-08-15T00:00:00"/>
    <x v="6"/>
    <x v="0"/>
    <s v="10828"/>
    <s v="GLNANDA"/>
    <n v="-466.97"/>
    <n v="-2078"/>
    <s v="Billed Revenues"/>
    <s v="EXV"/>
    <s v="NONBU"/>
    <s v="G0000110"/>
    <s v="N"/>
    <s v="MACSS Dist Billed Revenue-03"/>
    <s v=""/>
    <x v="0"/>
    <s v="CAD0330823"/>
    <s v="S"/>
    <s v="KY"/>
    <s v="REV"/>
    <s v="974"/>
    <s v="GLBATCH"/>
    <n v="8"/>
    <n v="2016"/>
  </r>
  <r>
    <s v="110"/>
    <d v="2016-08-15T00:00:00"/>
    <x v="3"/>
    <x v="0"/>
    <s v="10828"/>
    <s v="GLNANDA"/>
    <n v="0"/>
    <n v="11"/>
    <s v="Billed Revenues"/>
    <s v="EXV"/>
    <s v="NONBU"/>
    <s v="G0000110"/>
    <s v="N"/>
    <s v="MACSS Dist Billed Revenue-03"/>
    <s v=""/>
    <x v="0"/>
    <s v="CAD0330823"/>
    <s v="S"/>
    <s v="KY"/>
    <s v="REV"/>
    <s v="974"/>
    <s v="GLBATCH"/>
    <n v="8"/>
    <n v="2016"/>
  </r>
  <r>
    <s v="110"/>
    <d v="2016-08-15T00:00:00"/>
    <x v="3"/>
    <x v="0"/>
    <s v="10828"/>
    <s v="GLNANDA"/>
    <n v="-286439.87"/>
    <n v="-3429314"/>
    <s v="Billed Revenues"/>
    <s v="EXV"/>
    <s v="NONBU"/>
    <s v="G0000110"/>
    <s v="N"/>
    <s v="MACSS Dist Billed Revenue-03"/>
    <s v=""/>
    <x v="0"/>
    <s v="CAD0330823"/>
    <s v="S"/>
    <s v="KY"/>
    <s v="REV"/>
    <s v="974"/>
    <s v="GLBATCH"/>
    <n v="8"/>
    <n v="2016"/>
  </r>
  <r>
    <s v="110"/>
    <d v="2016-08-15T00:00:00"/>
    <x v="5"/>
    <x v="0"/>
    <s v="10828"/>
    <s v="GLNANDA"/>
    <n v="0"/>
    <n v="106"/>
    <s v="Billed Revenues"/>
    <s v="EXV"/>
    <s v="NONBU"/>
    <s v="G0000110"/>
    <s v="N"/>
    <s v="MACSS Dist Billed Revenue-03"/>
    <s v=""/>
    <x v="0"/>
    <s v="CAD0330823"/>
    <s v="S"/>
    <s v="KY"/>
    <s v="REV"/>
    <s v="974"/>
    <s v="GLBATCH"/>
    <n v="8"/>
    <n v="2016"/>
  </r>
  <r>
    <s v="110"/>
    <d v="2016-08-15T00:00:00"/>
    <x v="5"/>
    <x v="0"/>
    <s v="10828"/>
    <s v="GLNANDA"/>
    <n v="-37648.79"/>
    <n v="-295123"/>
    <s v="Billed Revenues"/>
    <s v="EXV"/>
    <s v="NONBU"/>
    <s v="G0000110"/>
    <s v="N"/>
    <s v="MACSS Dist Billed Revenue-03"/>
    <s v=""/>
    <x v="0"/>
    <s v="CAD0330823"/>
    <s v="S"/>
    <s v="KY"/>
    <s v="REV"/>
    <s v="974"/>
    <s v="GLBATCH"/>
    <n v="8"/>
    <n v="2016"/>
  </r>
  <r>
    <s v="110"/>
    <d v="2016-08-15T00:00:00"/>
    <x v="7"/>
    <x v="0"/>
    <s v="10828"/>
    <s v="GLNANDA"/>
    <n v="0"/>
    <n v="48"/>
    <s v="Billed Revenues"/>
    <s v="EXV"/>
    <s v="NONBU"/>
    <s v="G0000110"/>
    <s v="N"/>
    <s v="MACSS Dist Billed Revenue-03"/>
    <s v=""/>
    <x v="0"/>
    <s v="CAD0330823"/>
    <s v="S"/>
    <s v="KY"/>
    <s v="REV"/>
    <s v="974"/>
    <s v="GLBATCH"/>
    <n v="8"/>
    <n v="2016"/>
  </r>
  <r>
    <s v="110"/>
    <d v="2016-08-15T00:00:00"/>
    <x v="7"/>
    <x v="0"/>
    <s v="10828"/>
    <s v="GLNANDA"/>
    <n v="-129619.82"/>
    <n v="-1126254"/>
    <s v="Billed Revenues"/>
    <s v="EXV"/>
    <s v="NONBU"/>
    <s v="G0000110"/>
    <s v="N"/>
    <s v="MACSS Dist Billed Revenue-03"/>
    <s v=""/>
    <x v="0"/>
    <s v="CAD0330823"/>
    <s v="S"/>
    <s v="KY"/>
    <s v="REV"/>
    <s v="974"/>
    <s v="GLBATCH"/>
    <n v="8"/>
    <n v="2016"/>
  </r>
  <r>
    <s v="110"/>
    <d v="2016-08-15T00:00:00"/>
    <x v="4"/>
    <x v="0"/>
    <s v="10828"/>
    <s v="GLNANDA"/>
    <n v="-603029.77"/>
    <n v="-4980684"/>
    <s v="Billed Revenues"/>
    <s v="EXV"/>
    <s v="NONBU"/>
    <s v="G0000110"/>
    <s v="N"/>
    <s v="MACSS Dist Billed Revenue-03"/>
    <s v=""/>
    <x v="0"/>
    <s v="CAD0330823"/>
    <s v="S"/>
    <s v="KY"/>
    <s v="REV"/>
    <s v="974"/>
    <s v="GLBATCH"/>
    <n v="8"/>
    <n v="2016"/>
  </r>
  <r>
    <s v="110"/>
    <d v="2016-08-15T00:00:00"/>
    <x v="4"/>
    <x v="0"/>
    <s v="10828"/>
    <s v="GLNANDA"/>
    <n v="0"/>
    <n v="3558"/>
    <s v="Billed Revenues"/>
    <s v="EXV"/>
    <s v="NONBU"/>
    <s v="G0000110"/>
    <s v="N"/>
    <s v="MACSS Dist Billed Revenue-03"/>
    <s v=""/>
    <x v="0"/>
    <s v="CAD0330823"/>
    <s v="S"/>
    <s v="KY"/>
    <s v="REV"/>
    <s v="974"/>
    <s v="GLBATCH"/>
    <n v="8"/>
    <n v="2016"/>
  </r>
  <r>
    <s v="110"/>
    <d v="2016-08-15T00:00:00"/>
    <x v="1"/>
    <x v="0"/>
    <s v="10828"/>
    <s v="GLNANDA"/>
    <n v="-312058.98"/>
    <n v="-2554440"/>
    <s v="Billed Revenues"/>
    <s v="EXV"/>
    <s v="NONBU"/>
    <s v="G0000110"/>
    <s v="N"/>
    <s v="MACSS Dist Billed Revenue-03"/>
    <s v=""/>
    <x v="0"/>
    <s v="CAD0330823"/>
    <s v="S"/>
    <s v="KY"/>
    <s v="REV"/>
    <s v="974"/>
    <s v="GLBATCH"/>
    <n v="8"/>
    <n v="2016"/>
  </r>
  <r>
    <s v="110"/>
    <d v="2016-08-15T00:00:00"/>
    <x v="1"/>
    <x v="0"/>
    <s v="10828"/>
    <s v="GLNANDA"/>
    <n v="0"/>
    <n v="1988"/>
    <s v="Billed Revenues"/>
    <s v="EXV"/>
    <s v="NONBU"/>
    <s v="G0000110"/>
    <s v="N"/>
    <s v="MACSS Dist Billed Revenue-03"/>
    <s v=""/>
    <x v="0"/>
    <s v="CAD0330823"/>
    <s v="S"/>
    <s v="KY"/>
    <s v="REV"/>
    <s v="974"/>
    <s v="GLBATCH"/>
    <n v="8"/>
    <n v="2016"/>
  </r>
  <r>
    <s v="110"/>
    <d v="2016-08-15T00:00:00"/>
    <x v="0"/>
    <x v="0"/>
    <s v="10828"/>
    <s v="GLNANDA"/>
    <n v="-13763.93"/>
    <n v="-84172"/>
    <s v="Billed Revenues"/>
    <s v="EXV"/>
    <s v="NONBU"/>
    <s v="G0000110"/>
    <s v="N"/>
    <s v="MACSS Dist Billed Revenue-03"/>
    <s v=""/>
    <x v="0"/>
    <s v="CAD0330823"/>
    <s v="S"/>
    <s v="KY"/>
    <s v="REV"/>
    <s v="974"/>
    <s v="GLBATCH"/>
    <n v="8"/>
    <n v="2016"/>
  </r>
  <r>
    <s v="110"/>
    <d v="2016-08-15T00:00:00"/>
    <x v="2"/>
    <x v="0"/>
    <s v="10828"/>
    <s v="GLNANDA"/>
    <n v="-213520.52"/>
    <n v="-1629118"/>
    <s v="Billed Revenues"/>
    <s v="EXV"/>
    <s v="NONBU"/>
    <s v="G0000110"/>
    <s v="N"/>
    <s v="MACSS Dist Billed Revenue-03"/>
    <s v=""/>
    <x v="0"/>
    <s v="CAD0330823"/>
    <s v="S"/>
    <s v="KY"/>
    <s v="REV"/>
    <s v="974"/>
    <s v="GLBATCH"/>
    <n v="8"/>
    <n v="2016"/>
  </r>
  <r>
    <s v="110"/>
    <d v="2016-08-15T00:00:00"/>
    <x v="2"/>
    <x v="0"/>
    <s v="10828"/>
    <s v="GLNANDA"/>
    <n v="0"/>
    <n v="917"/>
    <s v="Billed Revenues"/>
    <s v="EXV"/>
    <s v="NONBU"/>
    <s v="G0000110"/>
    <s v="N"/>
    <s v="MACSS Dist Billed Revenue-03"/>
    <s v=""/>
    <x v="0"/>
    <s v="CAD0330823"/>
    <s v="S"/>
    <s v="KY"/>
    <s v="REV"/>
    <s v="974"/>
    <s v="GLBATCH"/>
    <n v="8"/>
    <n v="2016"/>
  </r>
  <r>
    <s v="110"/>
    <d v="2016-08-15T00:00:00"/>
    <x v="0"/>
    <x v="0"/>
    <s v="10828"/>
    <s v="GLNANDA"/>
    <n v="0"/>
    <n v="32"/>
    <s v="Billed Revenues"/>
    <s v="EXV"/>
    <s v="NONBU"/>
    <s v="G0000110"/>
    <s v="N"/>
    <s v="MACSS Dist Billed Revenue-03"/>
    <s v=""/>
    <x v="0"/>
    <s v="CAD0330823"/>
    <s v="S"/>
    <s v="KY"/>
    <s v="REV"/>
    <s v="974"/>
    <s v="GLBATCH"/>
    <n v="8"/>
    <n v="2016"/>
  </r>
  <r>
    <s v="110"/>
    <d v="2016-08-15T00:00:00"/>
    <x v="7"/>
    <x v="0"/>
    <s v="10828"/>
    <s v="GLNANDA"/>
    <n v="0"/>
    <n v="33"/>
    <s v="Billed Revenues"/>
    <s v="EXV"/>
    <s v="NONBU"/>
    <s v="G0000110"/>
    <s v="N"/>
    <s v="MACSS Dist Billed Revenue-03"/>
    <s v=""/>
    <x v="0"/>
    <s v="CAD0330824"/>
    <s v="S"/>
    <s v="KY"/>
    <s v="REV"/>
    <s v="974"/>
    <s v="GLBATCH"/>
    <n v="8"/>
    <n v="2016"/>
  </r>
  <r>
    <s v="110"/>
    <d v="2016-08-15T00:00:00"/>
    <x v="3"/>
    <x v="0"/>
    <s v="10828"/>
    <s v="GLNANDA"/>
    <n v="0"/>
    <n v="14"/>
    <s v="Billed Revenues"/>
    <s v="EXV"/>
    <s v="NONBU"/>
    <s v="G0000110"/>
    <s v="N"/>
    <s v="MACSS Dist Billed Revenue-03"/>
    <s v=""/>
    <x v="0"/>
    <s v="CAD0330824"/>
    <s v="S"/>
    <s v="KY"/>
    <s v="REV"/>
    <s v="974"/>
    <s v="GLBATCH"/>
    <n v="8"/>
    <n v="2016"/>
  </r>
  <r>
    <s v="110"/>
    <d v="2016-08-15T00:00:00"/>
    <x v="5"/>
    <x v="0"/>
    <s v="10828"/>
    <s v="GLNANDA"/>
    <n v="-61767.98"/>
    <n v="-480529"/>
    <s v="Billed Revenues"/>
    <s v="EXV"/>
    <s v="NONBU"/>
    <s v="G0000110"/>
    <s v="N"/>
    <s v="MACSS Dist Billed Revenue-03"/>
    <s v=""/>
    <x v="0"/>
    <s v="CAD0330824"/>
    <s v="S"/>
    <s v="KY"/>
    <s v="REV"/>
    <s v="974"/>
    <s v="GLBATCH"/>
    <n v="8"/>
    <n v="2016"/>
  </r>
  <r>
    <s v="110"/>
    <d v="2016-08-15T00:00:00"/>
    <x v="1"/>
    <x v="0"/>
    <s v="10828"/>
    <s v="GLNANDA"/>
    <n v="-308015.25"/>
    <n v="-2472864"/>
    <s v="Billed Revenues"/>
    <s v="EXV"/>
    <s v="NONBU"/>
    <s v="G0000110"/>
    <s v="N"/>
    <s v="MACSS Dist Billed Revenue-03"/>
    <s v=""/>
    <x v="0"/>
    <s v="CAD0330824"/>
    <s v="S"/>
    <s v="KY"/>
    <s v="REV"/>
    <s v="974"/>
    <s v="GLBATCH"/>
    <n v="8"/>
    <n v="2016"/>
  </r>
  <r>
    <s v="110"/>
    <d v="2016-08-15T00:00:00"/>
    <x v="1"/>
    <x v="0"/>
    <s v="10828"/>
    <s v="GLNANDA"/>
    <n v="0"/>
    <n v="2238"/>
    <s v="Billed Revenues"/>
    <s v="EXV"/>
    <s v="NONBU"/>
    <s v="G0000110"/>
    <s v="N"/>
    <s v="MACSS Dist Billed Revenue-03"/>
    <s v=""/>
    <x v="0"/>
    <s v="CAD0330824"/>
    <s v="S"/>
    <s v="KY"/>
    <s v="REV"/>
    <s v="974"/>
    <s v="GLBATCH"/>
    <n v="8"/>
    <n v="2016"/>
  </r>
  <r>
    <s v="110"/>
    <d v="2016-08-15T00:00:00"/>
    <x v="3"/>
    <x v="0"/>
    <s v="10828"/>
    <s v="GLNANDA"/>
    <n v="-255241.72"/>
    <n v="-3091309"/>
    <s v="Billed Revenues"/>
    <s v="EXV"/>
    <s v="NONBU"/>
    <s v="G0000110"/>
    <s v="N"/>
    <s v="MACSS Dist Billed Revenue-03"/>
    <s v=""/>
    <x v="0"/>
    <s v="CAD0330824"/>
    <s v="S"/>
    <s v="KY"/>
    <s v="REV"/>
    <s v="974"/>
    <s v="GLBATCH"/>
    <n v="8"/>
    <n v="2016"/>
  </r>
  <r>
    <s v="110"/>
    <d v="2016-08-15T00:00:00"/>
    <x v="0"/>
    <x v="0"/>
    <s v="10828"/>
    <s v="GLNANDA"/>
    <n v="-593938.24"/>
    <n v="-9007017"/>
    <s v="Billed Revenues"/>
    <s v="EXV"/>
    <s v="NONBU"/>
    <s v="G0000110"/>
    <s v="N"/>
    <s v="MACSS Dist Billed Revenue-03"/>
    <s v=""/>
    <x v="0"/>
    <s v="CAD0330824"/>
    <s v="S"/>
    <s v="KY"/>
    <s v="REV"/>
    <s v="974"/>
    <s v="GLBATCH"/>
    <n v="8"/>
    <n v="2016"/>
  </r>
  <r>
    <s v="110"/>
    <d v="2016-08-15T00:00:00"/>
    <x v="4"/>
    <x v="0"/>
    <s v="10828"/>
    <s v="GLNANDA"/>
    <n v="-658397.17000000004"/>
    <n v="-5391784"/>
    <s v="Billed Revenues"/>
    <s v="EXV"/>
    <s v="NONBU"/>
    <s v="G0000110"/>
    <s v="N"/>
    <s v="MACSS Dist Billed Revenue-03"/>
    <s v=""/>
    <x v="0"/>
    <s v="CAD0330824"/>
    <s v="S"/>
    <s v="KY"/>
    <s v="REV"/>
    <s v="974"/>
    <s v="GLBATCH"/>
    <n v="8"/>
    <n v="2016"/>
  </r>
  <r>
    <s v="110"/>
    <d v="2016-08-15T00:00:00"/>
    <x v="4"/>
    <x v="0"/>
    <s v="10828"/>
    <s v="GLNANDA"/>
    <n v="0"/>
    <n v="4127"/>
    <s v="Billed Revenues"/>
    <s v="EXV"/>
    <s v="NONBU"/>
    <s v="G0000110"/>
    <s v="N"/>
    <s v="MACSS Dist Billed Revenue-03"/>
    <s v=""/>
    <x v="0"/>
    <s v="CAD0330824"/>
    <s v="S"/>
    <s v="KY"/>
    <s v="REV"/>
    <s v="974"/>
    <s v="GLBATCH"/>
    <n v="8"/>
    <n v="2016"/>
  </r>
  <r>
    <s v="110"/>
    <d v="2016-08-15T00:00:00"/>
    <x v="0"/>
    <x v="0"/>
    <s v="10828"/>
    <s v="GLNANDA"/>
    <n v="0"/>
    <n v="39"/>
    <s v="Billed Revenues"/>
    <s v="EXV"/>
    <s v="NONBU"/>
    <s v="G0000110"/>
    <s v="N"/>
    <s v="MACSS Dist Billed Revenue-03"/>
    <s v=""/>
    <x v="0"/>
    <s v="CAD0330824"/>
    <s v="S"/>
    <s v="KY"/>
    <s v="REV"/>
    <s v="974"/>
    <s v="GLBATCH"/>
    <n v="8"/>
    <n v="2016"/>
  </r>
  <r>
    <s v="110"/>
    <d v="2016-08-15T00:00:00"/>
    <x v="6"/>
    <x v="0"/>
    <s v="10828"/>
    <s v="GLNANDA"/>
    <n v="0"/>
    <n v="4"/>
    <s v="Billed Revenues"/>
    <s v="EXV"/>
    <s v="NONBU"/>
    <s v="G0000110"/>
    <s v="N"/>
    <s v="MACSS Dist Billed Revenue-03"/>
    <s v=""/>
    <x v="0"/>
    <s v="CAD0330824"/>
    <s v="S"/>
    <s v="KY"/>
    <s v="REV"/>
    <s v="974"/>
    <s v="GLBATCH"/>
    <n v="8"/>
    <n v="2016"/>
  </r>
  <r>
    <s v="110"/>
    <d v="2016-08-15T00:00:00"/>
    <x v="6"/>
    <x v="0"/>
    <s v="10828"/>
    <s v="GLNANDA"/>
    <n v="-882.75"/>
    <n v="-2019"/>
    <s v="Billed Revenues"/>
    <s v="EXV"/>
    <s v="NONBU"/>
    <s v="G0000110"/>
    <s v="N"/>
    <s v="MACSS Dist Billed Revenue-03"/>
    <s v=""/>
    <x v="0"/>
    <s v="CAD0330824"/>
    <s v="S"/>
    <s v="KY"/>
    <s v="REV"/>
    <s v="974"/>
    <s v="GLBATCH"/>
    <n v="8"/>
    <n v="2016"/>
  </r>
  <r>
    <s v="110"/>
    <d v="2016-08-15T00:00:00"/>
    <x v="2"/>
    <x v="0"/>
    <s v="10828"/>
    <s v="GLNANDA"/>
    <n v="-308726.17"/>
    <n v="-2450488"/>
    <s v="Billed Revenues"/>
    <s v="EXV"/>
    <s v="NONBU"/>
    <s v="G0000110"/>
    <s v="N"/>
    <s v="MACSS Dist Billed Revenue-03"/>
    <s v=""/>
    <x v="0"/>
    <s v="CAD0330824"/>
    <s v="S"/>
    <s v="KY"/>
    <s v="REV"/>
    <s v="974"/>
    <s v="GLBATCH"/>
    <n v="8"/>
    <n v="2016"/>
  </r>
  <r>
    <s v="110"/>
    <d v="2016-08-15T00:00:00"/>
    <x v="2"/>
    <x v="0"/>
    <s v="10828"/>
    <s v="GLNANDA"/>
    <n v="0"/>
    <n v="1323"/>
    <s v="Billed Revenues"/>
    <s v="EXV"/>
    <s v="NONBU"/>
    <s v="G0000110"/>
    <s v="N"/>
    <s v="MACSS Dist Billed Revenue-03"/>
    <s v=""/>
    <x v="0"/>
    <s v="CAD0330824"/>
    <s v="S"/>
    <s v="KY"/>
    <s v="REV"/>
    <s v="974"/>
    <s v="GLBATCH"/>
    <n v="8"/>
    <n v="2016"/>
  </r>
  <r>
    <s v="110"/>
    <d v="2016-08-15T00:00:00"/>
    <x v="5"/>
    <x v="0"/>
    <s v="10828"/>
    <s v="GLNANDA"/>
    <n v="0"/>
    <n v="138"/>
    <s v="Billed Revenues"/>
    <s v="EXV"/>
    <s v="NONBU"/>
    <s v="G0000110"/>
    <s v="N"/>
    <s v="MACSS Dist Billed Revenue-03"/>
    <s v=""/>
    <x v="0"/>
    <s v="CAD0330824"/>
    <s v="S"/>
    <s v="KY"/>
    <s v="REV"/>
    <s v="974"/>
    <s v="GLBATCH"/>
    <n v="8"/>
    <n v="2016"/>
  </r>
  <r>
    <s v="110"/>
    <d v="2016-08-15T00:00:00"/>
    <x v="7"/>
    <x v="0"/>
    <s v="10828"/>
    <s v="GLNANDA"/>
    <n v="-79269.460000000006"/>
    <n v="-640966"/>
    <s v="Billed Revenues"/>
    <s v="EXV"/>
    <s v="NONBU"/>
    <s v="G0000110"/>
    <s v="N"/>
    <s v="MACSS Dist Billed Revenue-03"/>
    <s v=""/>
    <x v="0"/>
    <s v="CAD0330824"/>
    <s v="S"/>
    <s v="KY"/>
    <s v="REV"/>
    <s v="974"/>
    <s v="GLBATCH"/>
    <n v="8"/>
    <n v="2016"/>
  </r>
  <r>
    <s v="110"/>
    <d v="2016-08-15T00:00:00"/>
    <x v="3"/>
    <x v="0"/>
    <s v="10828"/>
    <s v="GLNANDA"/>
    <n v="0"/>
    <n v="23"/>
    <s v="Billed Revenues"/>
    <s v="EXV"/>
    <s v="NONBU"/>
    <s v="G0000110"/>
    <s v="N"/>
    <s v="MACSS Dist Billed Revenue-03"/>
    <s v=""/>
    <x v="0"/>
    <s v="CAD0330825"/>
    <s v="S"/>
    <s v="KY"/>
    <s v="REV"/>
    <s v="974"/>
    <s v="GLBATCH"/>
    <n v="8"/>
    <n v="2016"/>
  </r>
  <r>
    <s v="110"/>
    <d v="2016-08-15T00:00:00"/>
    <x v="3"/>
    <x v="0"/>
    <s v="10828"/>
    <s v="GLNANDA"/>
    <n v="-245221.29"/>
    <n v="-2714976"/>
    <s v="Billed Revenues"/>
    <s v="EXV"/>
    <s v="NONBU"/>
    <s v="G0000110"/>
    <s v="N"/>
    <s v="MACSS Dist Billed Revenue-03"/>
    <s v=""/>
    <x v="0"/>
    <s v="CAD0330825"/>
    <s v="S"/>
    <s v="KY"/>
    <s v="REV"/>
    <s v="974"/>
    <s v="GLBATCH"/>
    <n v="8"/>
    <n v="2016"/>
  </r>
  <r>
    <s v="110"/>
    <d v="2016-08-15T00:00:00"/>
    <x v="5"/>
    <x v="0"/>
    <s v="10828"/>
    <s v="GLNANDA"/>
    <n v="0"/>
    <n v="141"/>
    <s v="Billed Revenues"/>
    <s v="EXV"/>
    <s v="NONBU"/>
    <s v="G0000110"/>
    <s v="N"/>
    <s v="MACSS Dist Billed Revenue-03"/>
    <s v=""/>
    <x v="0"/>
    <s v="CAD0330825"/>
    <s v="S"/>
    <s v="KY"/>
    <s v="REV"/>
    <s v="974"/>
    <s v="GLBATCH"/>
    <n v="8"/>
    <n v="2016"/>
  </r>
  <r>
    <s v="110"/>
    <d v="2016-08-15T00:00:00"/>
    <x v="5"/>
    <x v="0"/>
    <s v="10828"/>
    <s v="GLNANDA"/>
    <n v="-57497.53"/>
    <n v="-422413"/>
    <s v="Billed Revenues"/>
    <s v="EXV"/>
    <s v="NONBU"/>
    <s v="G0000110"/>
    <s v="N"/>
    <s v="MACSS Dist Billed Revenue-03"/>
    <s v=""/>
    <x v="0"/>
    <s v="CAD0330825"/>
    <s v="S"/>
    <s v="KY"/>
    <s v="REV"/>
    <s v="974"/>
    <s v="GLBATCH"/>
    <n v="8"/>
    <n v="2016"/>
  </r>
  <r>
    <s v="110"/>
    <d v="2016-08-15T00:00:00"/>
    <x v="6"/>
    <x v="0"/>
    <s v="10828"/>
    <s v="GLNANDA"/>
    <n v="0"/>
    <n v="15"/>
    <s v="Billed Revenues"/>
    <s v="EXV"/>
    <s v="NONBU"/>
    <s v="G0000110"/>
    <s v="N"/>
    <s v="MACSS Dist Billed Revenue-03"/>
    <s v=""/>
    <x v="0"/>
    <s v="CAD0330825"/>
    <s v="S"/>
    <s v="KY"/>
    <s v="REV"/>
    <s v="974"/>
    <s v="GLBATCH"/>
    <n v="8"/>
    <n v="2016"/>
  </r>
  <r>
    <s v="110"/>
    <d v="2016-08-15T00:00:00"/>
    <x v="6"/>
    <x v="0"/>
    <s v="10828"/>
    <s v="GLNANDA"/>
    <n v="-714.9"/>
    <n v="-3415"/>
    <s v="Billed Revenues"/>
    <s v="EXV"/>
    <s v="NONBU"/>
    <s v="G0000110"/>
    <s v="N"/>
    <s v="MACSS Dist Billed Revenue-03"/>
    <s v=""/>
    <x v="0"/>
    <s v="CAD0330825"/>
    <s v="S"/>
    <s v="KY"/>
    <s v="REV"/>
    <s v="974"/>
    <s v="GLBATCH"/>
    <n v="8"/>
    <n v="2016"/>
  </r>
  <r>
    <s v="110"/>
    <d v="2016-08-15T00:00:00"/>
    <x v="1"/>
    <x v="0"/>
    <s v="10828"/>
    <s v="GLNANDA"/>
    <n v="0"/>
    <n v="2421"/>
    <s v="Billed Revenues"/>
    <s v="EXV"/>
    <s v="NONBU"/>
    <s v="G0000110"/>
    <s v="N"/>
    <s v="MACSS Dist Billed Revenue-03"/>
    <s v=""/>
    <x v="0"/>
    <s v="CAD0330825"/>
    <s v="S"/>
    <s v="KY"/>
    <s v="REV"/>
    <s v="974"/>
    <s v="GLBATCH"/>
    <n v="8"/>
    <n v="2016"/>
  </r>
  <r>
    <s v="110"/>
    <d v="2016-08-15T00:00:00"/>
    <x v="1"/>
    <x v="0"/>
    <s v="10828"/>
    <s v="GLNANDA"/>
    <n v="-371255.09"/>
    <n v="-3026773"/>
    <s v="Billed Revenues"/>
    <s v="EXV"/>
    <s v="NONBU"/>
    <s v="G0000110"/>
    <s v="N"/>
    <s v="MACSS Dist Billed Revenue-03"/>
    <s v=""/>
    <x v="0"/>
    <s v="CAD0330825"/>
    <s v="S"/>
    <s v="KY"/>
    <s v="REV"/>
    <s v="974"/>
    <s v="GLBATCH"/>
    <n v="8"/>
    <n v="2016"/>
  </r>
  <r>
    <s v="110"/>
    <d v="2016-08-15T00:00:00"/>
    <x v="4"/>
    <x v="0"/>
    <s v="10828"/>
    <s v="GLNANDA"/>
    <n v="0"/>
    <n v="3491"/>
    <s v="Billed Revenues"/>
    <s v="EXV"/>
    <s v="NONBU"/>
    <s v="G0000110"/>
    <s v="N"/>
    <s v="MACSS Dist Billed Revenue-03"/>
    <s v=""/>
    <x v="0"/>
    <s v="CAD0330825"/>
    <s v="S"/>
    <s v="KY"/>
    <s v="REV"/>
    <s v="974"/>
    <s v="GLBATCH"/>
    <n v="8"/>
    <n v="2016"/>
  </r>
  <r>
    <s v="110"/>
    <d v="2016-08-15T00:00:00"/>
    <x v="4"/>
    <x v="0"/>
    <s v="10828"/>
    <s v="GLNANDA"/>
    <n v="-507025.44"/>
    <n v="-4106731"/>
    <s v="Billed Revenues"/>
    <s v="EXV"/>
    <s v="NONBU"/>
    <s v="G0000110"/>
    <s v="N"/>
    <s v="MACSS Dist Billed Revenue-03"/>
    <s v=""/>
    <x v="0"/>
    <s v="CAD0330825"/>
    <s v="S"/>
    <s v="KY"/>
    <s v="REV"/>
    <s v="974"/>
    <s v="GLBATCH"/>
    <n v="8"/>
    <n v="2016"/>
  </r>
  <r>
    <s v="110"/>
    <d v="2016-08-15T00:00:00"/>
    <x v="2"/>
    <x v="0"/>
    <s v="10828"/>
    <s v="GLNANDA"/>
    <n v="0"/>
    <n v="1393"/>
    <s v="Billed Revenues"/>
    <s v="EXV"/>
    <s v="NONBU"/>
    <s v="G0000110"/>
    <s v="N"/>
    <s v="MACSS Dist Billed Revenue-03"/>
    <s v=""/>
    <x v="0"/>
    <s v="CAD0330825"/>
    <s v="S"/>
    <s v="KY"/>
    <s v="REV"/>
    <s v="974"/>
    <s v="GLBATCH"/>
    <n v="8"/>
    <n v="2016"/>
  </r>
  <r>
    <s v="110"/>
    <d v="2016-08-15T00:00:00"/>
    <x v="2"/>
    <x v="0"/>
    <s v="10828"/>
    <s v="GLNANDA"/>
    <n v="-659433.66"/>
    <n v="-5633048"/>
    <s v="Billed Revenues"/>
    <s v="EXV"/>
    <s v="NONBU"/>
    <s v="G0000110"/>
    <s v="N"/>
    <s v="MACSS Dist Billed Revenue-03"/>
    <s v=""/>
    <x v="0"/>
    <s v="CAD0330825"/>
    <s v="S"/>
    <s v="KY"/>
    <s v="REV"/>
    <s v="974"/>
    <s v="GLBATCH"/>
    <n v="8"/>
    <n v="2016"/>
  </r>
  <r>
    <s v="110"/>
    <d v="2016-08-15T00:00:00"/>
    <x v="0"/>
    <x v="0"/>
    <s v="10828"/>
    <s v="GLNANDA"/>
    <n v="0"/>
    <n v="57"/>
    <s v="Billed Revenues"/>
    <s v="EXV"/>
    <s v="NONBU"/>
    <s v="G0000110"/>
    <s v="N"/>
    <s v="MACSS Dist Billed Revenue-03"/>
    <s v=""/>
    <x v="0"/>
    <s v="CAD0330825"/>
    <s v="S"/>
    <s v="KY"/>
    <s v="REV"/>
    <s v="974"/>
    <s v="GLBATCH"/>
    <n v="8"/>
    <n v="2016"/>
  </r>
  <r>
    <s v="110"/>
    <d v="2016-08-15T00:00:00"/>
    <x v="0"/>
    <x v="0"/>
    <s v="10828"/>
    <s v="GLNANDA"/>
    <n v="-252437.32"/>
    <n v="-3623535"/>
    <s v="Billed Revenues"/>
    <s v="EXV"/>
    <s v="NONBU"/>
    <s v="G0000110"/>
    <s v="N"/>
    <s v="MACSS Dist Billed Revenue-03"/>
    <s v=""/>
    <x v="0"/>
    <s v="CAD0330825"/>
    <s v="S"/>
    <s v="KY"/>
    <s v="REV"/>
    <s v="974"/>
    <s v="GLBATCH"/>
    <n v="8"/>
    <n v="2016"/>
  </r>
  <r>
    <s v="110"/>
    <d v="2016-08-15T00:00:00"/>
    <x v="7"/>
    <x v="0"/>
    <s v="10828"/>
    <s v="GLNANDA"/>
    <n v="0"/>
    <n v="28"/>
    <s v="Billed Revenues"/>
    <s v="EXV"/>
    <s v="NONBU"/>
    <s v="G0000110"/>
    <s v="N"/>
    <s v="MACSS Dist Billed Revenue-03"/>
    <s v=""/>
    <x v="0"/>
    <s v="CAD0330825"/>
    <s v="S"/>
    <s v="KY"/>
    <s v="REV"/>
    <s v="974"/>
    <s v="GLBATCH"/>
    <n v="8"/>
    <n v="2016"/>
  </r>
  <r>
    <s v="110"/>
    <d v="2016-08-15T00:00:00"/>
    <x v="7"/>
    <x v="0"/>
    <s v="10828"/>
    <s v="GLNANDA"/>
    <n v="-40414.22"/>
    <n v="-341758"/>
    <s v="Billed Revenues"/>
    <s v="EXV"/>
    <s v="NONBU"/>
    <s v="G0000110"/>
    <s v="N"/>
    <s v="MACSS Dist Billed Revenue-03"/>
    <s v=""/>
    <x v="0"/>
    <s v="CAD0330825"/>
    <s v="S"/>
    <s v="KY"/>
    <s v="REV"/>
    <s v="974"/>
    <s v="GLBATCH"/>
    <n v="8"/>
    <n v="2016"/>
  </r>
  <r>
    <s v="110"/>
    <d v="2016-08-15T00:00:00"/>
    <x v="1"/>
    <x v="0"/>
    <s v="10828"/>
    <s v="GLNANDA"/>
    <n v="0"/>
    <n v="2728"/>
    <s v="Billed Revenues"/>
    <s v="EXV"/>
    <s v="NONBU"/>
    <s v="G0000110"/>
    <s v="N"/>
    <s v="MACSS Dist Billed Revenue-03"/>
    <s v=""/>
    <x v="0"/>
    <s v="CAD0330826"/>
    <s v="S"/>
    <s v="KY"/>
    <s v="REV"/>
    <s v="974"/>
    <s v="GLBATCH"/>
    <n v="8"/>
    <n v="2016"/>
  </r>
  <r>
    <s v="110"/>
    <d v="2016-08-15T00:00:00"/>
    <x v="7"/>
    <x v="0"/>
    <s v="10828"/>
    <s v="GLNANDA"/>
    <n v="0"/>
    <n v="45"/>
    <s v="Billed Revenues"/>
    <s v="EXV"/>
    <s v="NONBU"/>
    <s v="G0000110"/>
    <s v="N"/>
    <s v="MACSS Dist Billed Revenue-03"/>
    <s v=""/>
    <x v="0"/>
    <s v="CAD0330826"/>
    <s v="S"/>
    <s v="KY"/>
    <s v="REV"/>
    <s v="974"/>
    <s v="GLBATCH"/>
    <n v="8"/>
    <n v="2016"/>
  </r>
  <r>
    <s v="110"/>
    <d v="2016-08-15T00:00:00"/>
    <x v="0"/>
    <x v="0"/>
    <s v="10828"/>
    <s v="GLNANDA"/>
    <n v="-36381.449999999997"/>
    <n v="-286802"/>
    <s v="Billed Revenues"/>
    <s v="EXV"/>
    <s v="NONBU"/>
    <s v="G0000110"/>
    <s v="N"/>
    <s v="MACSS Dist Billed Revenue-03"/>
    <s v=""/>
    <x v="0"/>
    <s v="CAD0330826"/>
    <s v="S"/>
    <s v="KY"/>
    <s v="REV"/>
    <s v="974"/>
    <s v="GLBATCH"/>
    <n v="8"/>
    <n v="2016"/>
  </r>
  <r>
    <s v="110"/>
    <d v="2016-08-15T00:00:00"/>
    <x v="0"/>
    <x v="0"/>
    <s v="10828"/>
    <s v="GLNANDA"/>
    <n v="0"/>
    <n v="51"/>
    <s v="Billed Revenues"/>
    <s v="EXV"/>
    <s v="NONBU"/>
    <s v="G0000110"/>
    <s v="N"/>
    <s v="MACSS Dist Billed Revenue-03"/>
    <s v=""/>
    <x v="0"/>
    <s v="CAD0330826"/>
    <s v="S"/>
    <s v="KY"/>
    <s v="REV"/>
    <s v="974"/>
    <s v="GLBATCH"/>
    <n v="8"/>
    <n v="2016"/>
  </r>
  <r>
    <s v="110"/>
    <d v="2016-08-15T00:00:00"/>
    <x v="2"/>
    <x v="0"/>
    <s v="10828"/>
    <s v="GLNANDA"/>
    <n v="-584364.01"/>
    <n v="-4948455"/>
    <s v="Billed Revenues"/>
    <s v="EXV"/>
    <s v="NONBU"/>
    <s v="G0000110"/>
    <s v="N"/>
    <s v="MACSS Dist Billed Revenue-03"/>
    <s v=""/>
    <x v="0"/>
    <s v="CAD0330826"/>
    <s v="S"/>
    <s v="KY"/>
    <s v="REV"/>
    <s v="974"/>
    <s v="GLBATCH"/>
    <n v="8"/>
    <n v="2016"/>
  </r>
  <r>
    <s v="110"/>
    <d v="2016-08-15T00:00:00"/>
    <x v="2"/>
    <x v="0"/>
    <s v="10828"/>
    <s v="GLNANDA"/>
    <n v="0"/>
    <n v="1159"/>
    <s v="Billed Revenues"/>
    <s v="EXV"/>
    <s v="NONBU"/>
    <s v="G0000110"/>
    <s v="N"/>
    <s v="MACSS Dist Billed Revenue-03"/>
    <s v=""/>
    <x v="0"/>
    <s v="CAD0330826"/>
    <s v="S"/>
    <s v="KY"/>
    <s v="REV"/>
    <s v="974"/>
    <s v="GLBATCH"/>
    <n v="8"/>
    <n v="2016"/>
  </r>
  <r>
    <s v="110"/>
    <d v="2016-08-15T00:00:00"/>
    <x v="1"/>
    <x v="0"/>
    <s v="10828"/>
    <s v="GLNANDA"/>
    <n v="-428624.2"/>
    <n v="-3513386"/>
    <s v="Billed Revenues"/>
    <s v="EXV"/>
    <s v="NONBU"/>
    <s v="G0000110"/>
    <s v="N"/>
    <s v="MACSS Dist Billed Revenue-03"/>
    <s v=""/>
    <x v="0"/>
    <s v="CAD0330826"/>
    <s v="S"/>
    <s v="KY"/>
    <s v="REV"/>
    <s v="974"/>
    <s v="GLBATCH"/>
    <n v="8"/>
    <n v="2016"/>
  </r>
  <r>
    <s v="110"/>
    <d v="2016-08-15T00:00:00"/>
    <x v="7"/>
    <x v="0"/>
    <s v="10828"/>
    <s v="GLNANDA"/>
    <n v="-137019.60999999999"/>
    <n v="-1192019"/>
    <s v="Billed Revenues"/>
    <s v="EXV"/>
    <s v="NONBU"/>
    <s v="G0000110"/>
    <s v="N"/>
    <s v="MACSS Dist Billed Revenue-03"/>
    <s v=""/>
    <x v="0"/>
    <s v="CAD0330826"/>
    <s v="S"/>
    <s v="KY"/>
    <s v="REV"/>
    <s v="974"/>
    <s v="GLBATCH"/>
    <n v="8"/>
    <n v="2016"/>
  </r>
  <r>
    <s v="110"/>
    <d v="2016-08-15T00:00:00"/>
    <x v="4"/>
    <x v="0"/>
    <s v="10828"/>
    <s v="GLNANDA"/>
    <n v="-480852.27"/>
    <n v="-3924245"/>
    <s v="Billed Revenues"/>
    <s v="EXV"/>
    <s v="NONBU"/>
    <s v="G0000110"/>
    <s v="N"/>
    <s v="MACSS Dist Billed Revenue-03"/>
    <s v=""/>
    <x v="0"/>
    <s v="CAD0330826"/>
    <s v="S"/>
    <s v="KY"/>
    <s v="REV"/>
    <s v="974"/>
    <s v="GLBATCH"/>
    <n v="8"/>
    <n v="2016"/>
  </r>
  <r>
    <s v="110"/>
    <d v="2016-08-15T00:00:00"/>
    <x v="4"/>
    <x v="0"/>
    <s v="10828"/>
    <s v="GLNANDA"/>
    <n v="0"/>
    <n v="3069"/>
    <s v="Billed Revenues"/>
    <s v="EXV"/>
    <s v="NONBU"/>
    <s v="G0000110"/>
    <s v="N"/>
    <s v="MACSS Dist Billed Revenue-03"/>
    <s v=""/>
    <x v="0"/>
    <s v="CAD0330826"/>
    <s v="S"/>
    <s v="KY"/>
    <s v="REV"/>
    <s v="974"/>
    <s v="GLBATCH"/>
    <n v="8"/>
    <n v="2016"/>
  </r>
  <r>
    <s v="110"/>
    <d v="2016-08-15T00:00:00"/>
    <x v="6"/>
    <x v="0"/>
    <s v="10828"/>
    <s v="GLNANDA"/>
    <n v="-3548.44"/>
    <n v="-19148"/>
    <s v="Billed Revenues"/>
    <s v="EXV"/>
    <s v="NONBU"/>
    <s v="G0000110"/>
    <s v="N"/>
    <s v="MACSS Dist Billed Revenue-03"/>
    <s v=""/>
    <x v="0"/>
    <s v="CAD0330826"/>
    <s v="S"/>
    <s v="KY"/>
    <s v="REV"/>
    <s v="974"/>
    <s v="GLBATCH"/>
    <n v="8"/>
    <n v="2016"/>
  </r>
  <r>
    <s v="110"/>
    <d v="2016-08-15T00:00:00"/>
    <x v="6"/>
    <x v="0"/>
    <s v="10828"/>
    <s v="GLNANDA"/>
    <n v="0"/>
    <n v="19"/>
    <s v="Billed Revenues"/>
    <s v="EXV"/>
    <s v="NONBU"/>
    <s v="G0000110"/>
    <s v="N"/>
    <s v="MACSS Dist Billed Revenue-03"/>
    <s v=""/>
    <x v="0"/>
    <s v="CAD0330826"/>
    <s v="S"/>
    <s v="KY"/>
    <s v="REV"/>
    <s v="974"/>
    <s v="GLBATCH"/>
    <n v="8"/>
    <n v="2016"/>
  </r>
  <r>
    <s v="110"/>
    <d v="2016-08-15T00:00:00"/>
    <x v="5"/>
    <x v="0"/>
    <s v="10828"/>
    <s v="GLNANDA"/>
    <n v="-108618.19"/>
    <n v="-964870"/>
    <s v="Billed Revenues"/>
    <s v="EXV"/>
    <s v="NONBU"/>
    <s v="G0000110"/>
    <s v="N"/>
    <s v="MACSS Dist Billed Revenue-03"/>
    <s v=""/>
    <x v="0"/>
    <s v="CAD0330826"/>
    <s v="S"/>
    <s v="KY"/>
    <s v="REV"/>
    <s v="974"/>
    <s v="GLBATCH"/>
    <n v="8"/>
    <n v="2016"/>
  </r>
  <r>
    <s v="110"/>
    <d v="2016-08-15T00:00:00"/>
    <x v="5"/>
    <x v="0"/>
    <s v="10828"/>
    <s v="GLNANDA"/>
    <n v="0"/>
    <n v="201"/>
    <s v="Billed Revenues"/>
    <s v="EXV"/>
    <s v="NONBU"/>
    <s v="G0000110"/>
    <s v="N"/>
    <s v="MACSS Dist Billed Revenue-03"/>
    <s v=""/>
    <x v="0"/>
    <s v="CAD0330826"/>
    <s v="S"/>
    <s v="KY"/>
    <s v="REV"/>
    <s v="974"/>
    <s v="GLBATCH"/>
    <n v="8"/>
    <n v="2016"/>
  </r>
  <r>
    <s v="110"/>
    <d v="2016-08-15T00:00:00"/>
    <x v="3"/>
    <x v="0"/>
    <s v="10828"/>
    <s v="GLNANDA"/>
    <n v="-370644.3"/>
    <n v="-4010869"/>
    <s v="Billed Revenues"/>
    <s v="EXV"/>
    <s v="NONBU"/>
    <s v="G0000110"/>
    <s v="N"/>
    <s v="MACSS Dist Billed Revenue-03"/>
    <s v=""/>
    <x v="0"/>
    <s v="CAD0330826"/>
    <s v="S"/>
    <s v="KY"/>
    <s v="REV"/>
    <s v="974"/>
    <s v="GLBATCH"/>
    <n v="8"/>
    <n v="2016"/>
  </r>
  <r>
    <s v="110"/>
    <d v="2016-08-15T00:00:00"/>
    <x v="3"/>
    <x v="0"/>
    <s v="10828"/>
    <s v="GLNANDA"/>
    <n v="0"/>
    <n v="28"/>
    <s v="Billed Revenues"/>
    <s v="EXV"/>
    <s v="NONBU"/>
    <s v="G0000110"/>
    <s v="N"/>
    <s v="MACSS Dist Billed Revenue-03"/>
    <s v=""/>
    <x v="0"/>
    <s v="CAD0330826"/>
    <s v="S"/>
    <s v="KY"/>
    <s v="REV"/>
    <s v="974"/>
    <s v="GLBATCH"/>
    <n v="8"/>
    <n v="2016"/>
  </r>
  <r>
    <s v="110"/>
    <d v="2016-09-15T00:00:00"/>
    <x v="5"/>
    <x v="0"/>
    <s v="10828"/>
    <s v="GLNANDA"/>
    <n v="0"/>
    <n v="140"/>
    <s v="Billed Revenues"/>
    <s v="EXV"/>
    <s v="NONBU"/>
    <s v="G0000110"/>
    <s v="N"/>
    <s v="MACSS Dist Billed Revenue-03"/>
    <s v=""/>
    <x v="0"/>
    <s v="CAD0330829"/>
    <s v="S"/>
    <s v="KY"/>
    <s v="REV"/>
    <s v="974"/>
    <s v="GLBATCH"/>
    <n v="9"/>
    <n v="2016"/>
  </r>
  <r>
    <s v="110"/>
    <d v="2016-09-15T00:00:00"/>
    <x v="3"/>
    <x v="0"/>
    <s v="10828"/>
    <s v="GLNANDA"/>
    <n v="0"/>
    <n v="8"/>
    <s v="Billed Revenues"/>
    <s v="EXV"/>
    <s v="NONBU"/>
    <s v="G0000110"/>
    <s v="N"/>
    <s v="MACSS Dist Billed Revenue-03"/>
    <s v=""/>
    <x v="0"/>
    <s v="CAD0330829"/>
    <s v="S"/>
    <s v="KY"/>
    <s v="REV"/>
    <s v="974"/>
    <s v="GLBATCH"/>
    <n v="9"/>
    <n v="2016"/>
  </r>
  <r>
    <s v="110"/>
    <d v="2016-09-15T00:00:00"/>
    <x v="4"/>
    <x v="0"/>
    <s v="10828"/>
    <s v="GLNANDA"/>
    <n v="0"/>
    <n v="4435"/>
    <s v="Billed Revenues"/>
    <s v="EXV"/>
    <s v="NONBU"/>
    <s v="G0000110"/>
    <s v="N"/>
    <s v="MACSS Dist Billed Revenue-03"/>
    <s v=""/>
    <x v="0"/>
    <s v="CAD0330829"/>
    <s v="S"/>
    <s v="KY"/>
    <s v="REV"/>
    <s v="974"/>
    <s v="GLBATCH"/>
    <n v="9"/>
    <n v="2016"/>
  </r>
  <r>
    <s v="110"/>
    <d v="2016-09-15T00:00:00"/>
    <x v="4"/>
    <x v="0"/>
    <s v="10828"/>
    <s v="GLNANDA"/>
    <n v="-708698.5"/>
    <n v="-6064854"/>
    <s v="Billed Revenues"/>
    <s v="EXV"/>
    <s v="NONBU"/>
    <s v="G0000110"/>
    <s v="N"/>
    <s v="MACSS Dist Billed Revenue-03"/>
    <s v=""/>
    <x v="0"/>
    <s v="CAD0330829"/>
    <s v="S"/>
    <s v="KY"/>
    <s v="REV"/>
    <s v="974"/>
    <s v="GLBATCH"/>
    <n v="9"/>
    <n v="2016"/>
  </r>
  <r>
    <s v="110"/>
    <d v="2016-09-15T00:00:00"/>
    <x v="1"/>
    <x v="0"/>
    <s v="10828"/>
    <s v="GLNANDA"/>
    <n v="0"/>
    <n v="1973"/>
    <s v="Billed Revenues"/>
    <s v="EXV"/>
    <s v="NONBU"/>
    <s v="G0000110"/>
    <s v="N"/>
    <s v="MACSS Dist Billed Revenue-03"/>
    <s v=""/>
    <x v="0"/>
    <s v="CAD0330829"/>
    <s v="S"/>
    <s v="KY"/>
    <s v="REV"/>
    <s v="974"/>
    <s v="GLBATCH"/>
    <n v="9"/>
    <n v="2016"/>
  </r>
  <r>
    <s v="110"/>
    <d v="2016-09-15T00:00:00"/>
    <x v="1"/>
    <x v="0"/>
    <s v="10828"/>
    <s v="GLNANDA"/>
    <n v="-302887.32"/>
    <n v="-2578252"/>
    <s v="Billed Revenues"/>
    <s v="EXV"/>
    <s v="NONBU"/>
    <s v="G0000110"/>
    <s v="N"/>
    <s v="MACSS Dist Billed Revenue-03"/>
    <s v=""/>
    <x v="0"/>
    <s v="CAD0330829"/>
    <s v="S"/>
    <s v="KY"/>
    <s v="REV"/>
    <s v="974"/>
    <s v="GLBATCH"/>
    <n v="9"/>
    <n v="2016"/>
  </r>
  <r>
    <s v="110"/>
    <d v="2016-09-15T00:00:00"/>
    <x v="0"/>
    <x v="0"/>
    <s v="10828"/>
    <s v="GLNANDA"/>
    <n v="0"/>
    <n v="51"/>
    <s v="Billed Revenues"/>
    <s v="EXV"/>
    <s v="NONBU"/>
    <s v="G0000110"/>
    <s v="N"/>
    <s v="MACSS Dist Billed Revenue-03"/>
    <s v=""/>
    <x v="0"/>
    <s v="CAD0330829"/>
    <s v="S"/>
    <s v="KY"/>
    <s v="REV"/>
    <s v="974"/>
    <s v="GLBATCH"/>
    <n v="9"/>
    <n v="2016"/>
  </r>
  <r>
    <s v="110"/>
    <d v="2016-09-15T00:00:00"/>
    <x v="0"/>
    <x v="0"/>
    <s v="10828"/>
    <s v="GLNANDA"/>
    <n v="-274898.92"/>
    <n v="-3419571"/>
    <s v="Billed Revenues"/>
    <s v="EXV"/>
    <s v="NONBU"/>
    <s v="G0000110"/>
    <s v="N"/>
    <s v="MACSS Dist Billed Revenue-03"/>
    <s v=""/>
    <x v="0"/>
    <s v="CAD0330829"/>
    <s v="S"/>
    <s v="KY"/>
    <s v="REV"/>
    <s v="974"/>
    <s v="GLBATCH"/>
    <n v="9"/>
    <n v="2016"/>
  </r>
  <r>
    <s v="110"/>
    <d v="2016-09-15T00:00:00"/>
    <x v="5"/>
    <x v="0"/>
    <s v="10828"/>
    <s v="GLNANDA"/>
    <n v="-75272.399999999994"/>
    <n v="-626188"/>
    <s v="Billed Revenues"/>
    <s v="EXV"/>
    <s v="NONBU"/>
    <s v="G0000110"/>
    <s v="N"/>
    <s v="MACSS Dist Billed Revenue-03"/>
    <s v=""/>
    <x v="0"/>
    <s v="CAD0330829"/>
    <s v="S"/>
    <s v="KY"/>
    <s v="REV"/>
    <s v="974"/>
    <s v="GLBATCH"/>
    <n v="9"/>
    <n v="2016"/>
  </r>
  <r>
    <s v="110"/>
    <d v="2016-09-15T00:00:00"/>
    <x v="3"/>
    <x v="0"/>
    <s v="10828"/>
    <s v="GLNANDA"/>
    <n v="-8821.61"/>
    <n v="-74517"/>
    <s v="Billed Revenues"/>
    <s v="EXV"/>
    <s v="NONBU"/>
    <s v="G0000110"/>
    <s v="N"/>
    <s v="MACSS Dist Billed Revenue-03"/>
    <s v=""/>
    <x v="0"/>
    <s v="CAD0330829"/>
    <s v="S"/>
    <s v="KY"/>
    <s v="REV"/>
    <s v="974"/>
    <s v="GLBATCH"/>
    <n v="9"/>
    <n v="2016"/>
  </r>
  <r>
    <s v="110"/>
    <d v="2016-09-15T00:00:00"/>
    <x v="2"/>
    <x v="0"/>
    <s v="10828"/>
    <s v="GLNANDA"/>
    <n v="0"/>
    <n v="1583"/>
    <s v="Billed Revenues"/>
    <s v="EXV"/>
    <s v="NONBU"/>
    <s v="G0000110"/>
    <s v="N"/>
    <s v="MACSS Dist Billed Revenue-03"/>
    <s v=""/>
    <x v="0"/>
    <s v="CAD0330829"/>
    <s v="S"/>
    <s v="KY"/>
    <s v="REV"/>
    <s v="974"/>
    <s v="GLBATCH"/>
    <n v="9"/>
    <n v="2016"/>
  </r>
  <r>
    <s v="110"/>
    <d v="2016-09-15T00:00:00"/>
    <x v="2"/>
    <x v="0"/>
    <s v="10828"/>
    <s v="GLNANDA"/>
    <n v="-775024.96"/>
    <n v="-6607537"/>
    <s v="Billed Revenues"/>
    <s v="EXV"/>
    <s v="NONBU"/>
    <s v="G0000110"/>
    <s v="N"/>
    <s v="MACSS Dist Billed Revenue-03"/>
    <s v=""/>
    <x v="0"/>
    <s v="CAD0330829"/>
    <s v="S"/>
    <s v="KY"/>
    <s v="REV"/>
    <s v="974"/>
    <s v="GLBATCH"/>
    <n v="9"/>
    <n v="2016"/>
  </r>
  <r>
    <s v="110"/>
    <d v="2016-09-15T00:00:00"/>
    <x v="7"/>
    <x v="0"/>
    <s v="10828"/>
    <s v="GLNANDA"/>
    <n v="0"/>
    <n v="18"/>
    <s v="Billed Revenues"/>
    <s v="EXV"/>
    <s v="NONBU"/>
    <s v="G0000110"/>
    <s v="N"/>
    <s v="MACSS Dist Billed Revenue-03"/>
    <s v=""/>
    <x v="0"/>
    <s v="CAD0330829"/>
    <s v="S"/>
    <s v="KY"/>
    <s v="REV"/>
    <s v="974"/>
    <s v="GLBATCH"/>
    <n v="9"/>
    <n v="2016"/>
  </r>
  <r>
    <s v="110"/>
    <d v="2016-09-15T00:00:00"/>
    <x v="7"/>
    <x v="0"/>
    <s v="10828"/>
    <s v="GLNANDA"/>
    <n v="-58729"/>
    <n v="-517996"/>
    <s v="Billed Revenues"/>
    <s v="EXV"/>
    <s v="NONBU"/>
    <s v="G0000110"/>
    <s v="N"/>
    <s v="MACSS Dist Billed Revenue-03"/>
    <s v=""/>
    <x v="0"/>
    <s v="CAD0330829"/>
    <s v="S"/>
    <s v="KY"/>
    <s v="REV"/>
    <s v="974"/>
    <s v="GLBATCH"/>
    <n v="9"/>
    <n v="2016"/>
  </r>
  <r>
    <s v="110"/>
    <d v="2016-09-15T00:00:00"/>
    <x v="6"/>
    <x v="0"/>
    <s v="10828"/>
    <s v="GLNANDA"/>
    <n v="0"/>
    <n v="20"/>
    <s v="Billed Revenues"/>
    <s v="EXV"/>
    <s v="NONBU"/>
    <s v="G0000110"/>
    <s v="N"/>
    <s v="MACSS Dist Billed Revenue-03"/>
    <s v=""/>
    <x v="0"/>
    <s v="CAD0330829"/>
    <s v="S"/>
    <s v="KY"/>
    <s v="REV"/>
    <s v="974"/>
    <s v="GLBATCH"/>
    <n v="9"/>
    <n v="2016"/>
  </r>
  <r>
    <s v="110"/>
    <d v="2016-09-15T00:00:00"/>
    <x v="6"/>
    <x v="0"/>
    <s v="10828"/>
    <s v="GLNANDA"/>
    <n v="-966.76"/>
    <n v="-5081"/>
    <s v="Billed Revenues"/>
    <s v="EXV"/>
    <s v="NONBU"/>
    <s v="G0000110"/>
    <s v="N"/>
    <s v="MACSS Dist Billed Revenue-03"/>
    <s v=""/>
    <x v="0"/>
    <s v="CAD0330829"/>
    <s v="S"/>
    <s v="KY"/>
    <s v="REV"/>
    <s v="974"/>
    <s v="GLBATCH"/>
    <n v="9"/>
    <n v="2016"/>
  </r>
  <r>
    <s v="110"/>
    <d v="2016-08-15T00:00:00"/>
    <x v="3"/>
    <x v="0"/>
    <s v="10828"/>
    <s v="GLNANDA"/>
    <n v="-211102.61"/>
    <n v="-2091600"/>
    <s v="Billed Revenues"/>
    <s v="EXV"/>
    <s v="NONBU"/>
    <s v="G0000110"/>
    <s v="N"/>
    <s v="MACSS Dist Billed Revenue-03"/>
    <s v=""/>
    <x v="0"/>
    <s v="CAD0330829"/>
    <s v="S"/>
    <s v="KY"/>
    <s v="REV"/>
    <s v="974"/>
    <s v="GLBATCH"/>
    <n v="8"/>
    <n v="2016"/>
  </r>
  <r>
    <s v="110"/>
    <d v="2016-08-15T00:00:00"/>
    <x v="3"/>
    <x v="0"/>
    <s v="10828"/>
    <s v="GLNANDA"/>
    <n v="0"/>
    <n v="8"/>
    <s v="Billed Revenues"/>
    <s v="EXV"/>
    <s v="NONBU"/>
    <s v="G0000110"/>
    <s v="N"/>
    <s v="MACSS Dist Billed Revenue-03"/>
    <s v=""/>
    <x v="0"/>
    <s v="CAD0330829"/>
    <s v="S"/>
    <s v="KY"/>
    <s v="REV"/>
    <s v="974"/>
    <s v="GLBATCH"/>
    <n v="8"/>
    <n v="2016"/>
  </r>
  <r>
    <s v="110"/>
    <d v="2016-08-15T00:00:00"/>
    <x v="7"/>
    <x v="0"/>
    <s v="10828"/>
    <s v="GLNANDA"/>
    <n v="-262.04000000000002"/>
    <n v="-1376"/>
    <s v="Billed Revenues"/>
    <s v="EXV"/>
    <s v="NONBU"/>
    <s v="G0000110"/>
    <s v="N"/>
    <s v="MACSS Dist Billed Revenue-03"/>
    <s v=""/>
    <x v="0"/>
    <s v="CAD0330829"/>
    <s v="S"/>
    <s v="KY"/>
    <s v="REV"/>
    <s v="974"/>
    <s v="GLBATCH"/>
    <n v="8"/>
    <n v="2016"/>
  </r>
  <r>
    <s v="110"/>
    <d v="2016-08-15T00:00:00"/>
    <x v="7"/>
    <x v="0"/>
    <s v="10828"/>
    <s v="GLNANDA"/>
    <n v="0"/>
    <n v="4"/>
    <s v="Billed Revenues"/>
    <s v="EXV"/>
    <s v="NONBU"/>
    <s v="G0000110"/>
    <s v="N"/>
    <s v="MACSS Dist Billed Revenue-03"/>
    <s v=""/>
    <x v="0"/>
    <s v="CAD0330829"/>
    <s v="S"/>
    <s v="KY"/>
    <s v="REV"/>
    <s v="974"/>
    <s v="GLBATCH"/>
    <n v="8"/>
    <n v="2016"/>
  </r>
  <r>
    <s v="110"/>
    <d v="2016-08-15T00:00:00"/>
    <x v="5"/>
    <x v="0"/>
    <s v="10828"/>
    <s v="GLNANDA"/>
    <n v="-438.25"/>
    <n v="-3331"/>
    <s v="Billed Revenues"/>
    <s v="EXV"/>
    <s v="NONBU"/>
    <s v="G0000110"/>
    <s v="N"/>
    <s v="MACSS Dist Billed Revenue-03"/>
    <s v=""/>
    <x v="0"/>
    <s v="CAD0330829"/>
    <s v="S"/>
    <s v="KY"/>
    <s v="REV"/>
    <s v="974"/>
    <s v="GLBATCH"/>
    <n v="8"/>
    <n v="2016"/>
  </r>
  <r>
    <s v="110"/>
    <d v="2016-08-15T00:00:00"/>
    <x v="5"/>
    <x v="0"/>
    <s v="10828"/>
    <s v="GLNANDA"/>
    <n v="0"/>
    <n v="4"/>
    <s v="Billed Revenues"/>
    <s v="EXV"/>
    <s v="NONBU"/>
    <s v="G0000110"/>
    <s v="N"/>
    <s v="MACSS Dist Billed Revenue-03"/>
    <s v=""/>
    <x v="0"/>
    <s v="CAD0330829"/>
    <s v="S"/>
    <s v="KY"/>
    <s v="REV"/>
    <s v="974"/>
    <s v="GLBATCH"/>
    <n v="8"/>
    <n v="2016"/>
  </r>
  <r>
    <s v="110"/>
    <d v="2016-08-15T00:00:00"/>
    <x v="1"/>
    <x v="0"/>
    <s v="10828"/>
    <s v="GLNANDA"/>
    <n v="0"/>
    <n v="25"/>
    <s v="Billed Revenues"/>
    <s v="EXV"/>
    <s v="NONBU"/>
    <s v="G0000110"/>
    <s v="N"/>
    <s v="MACSS Dist Billed Revenue-03"/>
    <s v=""/>
    <x v="0"/>
    <s v="CAD0330829"/>
    <s v="S"/>
    <s v="KY"/>
    <s v="REV"/>
    <s v="974"/>
    <s v="GLBATCH"/>
    <n v="8"/>
    <n v="2016"/>
  </r>
  <r>
    <s v="110"/>
    <d v="2016-08-15T00:00:00"/>
    <x v="2"/>
    <x v="0"/>
    <s v="10828"/>
    <s v="GLNANDA"/>
    <n v="-247362.29"/>
    <n v="-3345700"/>
    <s v="Billed Revenues"/>
    <s v="EXV"/>
    <s v="NONBU"/>
    <s v="G0000110"/>
    <s v="N"/>
    <s v="MACSS Dist Billed Revenue-03"/>
    <s v=""/>
    <x v="0"/>
    <s v="CAD0330829"/>
    <s v="S"/>
    <s v="KY"/>
    <s v="REV"/>
    <s v="974"/>
    <s v="GLBATCH"/>
    <n v="8"/>
    <n v="2016"/>
  </r>
  <r>
    <s v="110"/>
    <d v="2016-08-15T00:00:00"/>
    <x v="0"/>
    <x v="0"/>
    <s v="10828"/>
    <s v="GLNANDA"/>
    <n v="-90024.639999999999"/>
    <n v="-1386582"/>
    <s v="Billed Revenues"/>
    <s v="EXV"/>
    <s v="NONBU"/>
    <s v="G0000110"/>
    <s v="N"/>
    <s v="MACSS Dist Billed Revenue-03"/>
    <s v=""/>
    <x v="0"/>
    <s v="CAD0330829"/>
    <s v="S"/>
    <s v="KY"/>
    <s v="REV"/>
    <s v="974"/>
    <s v="GLBATCH"/>
    <n v="8"/>
    <n v="2016"/>
  </r>
  <r>
    <s v="110"/>
    <d v="2016-08-15T00:00:00"/>
    <x v="0"/>
    <x v="0"/>
    <s v="10828"/>
    <s v="GLNANDA"/>
    <n v="0"/>
    <n v="3"/>
    <s v="Billed Revenues"/>
    <s v="EXV"/>
    <s v="NONBU"/>
    <s v="G0000110"/>
    <s v="N"/>
    <s v="MACSS Dist Billed Revenue-03"/>
    <s v=""/>
    <x v="0"/>
    <s v="CAD0330829"/>
    <s v="S"/>
    <s v="KY"/>
    <s v="REV"/>
    <s v="974"/>
    <s v="GLBATCH"/>
    <n v="8"/>
    <n v="2016"/>
  </r>
  <r>
    <s v="110"/>
    <d v="2016-08-15T00:00:00"/>
    <x v="4"/>
    <x v="0"/>
    <s v="10828"/>
    <s v="GLNANDA"/>
    <n v="-3260.29"/>
    <n v="-25466"/>
    <s v="Billed Revenues"/>
    <s v="EXV"/>
    <s v="NONBU"/>
    <s v="G0000110"/>
    <s v="N"/>
    <s v="MACSS Dist Billed Revenue-03"/>
    <s v=""/>
    <x v="0"/>
    <s v="CAD0330829"/>
    <s v="S"/>
    <s v="KY"/>
    <s v="REV"/>
    <s v="974"/>
    <s v="GLBATCH"/>
    <n v="8"/>
    <n v="2016"/>
  </r>
  <r>
    <s v="110"/>
    <d v="2016-08-15T00:00:00"/>
    <x v="4"/>
    <x v="0"/>
    <s v="10828"/>
    <s v="GLNANDA"/>
    <n v="0"/>
    <n v="21"/>
    <s v="Billed Revenues"/>
    <s v="EXV"/>
    <s v="NONBU"/>
    <s v="G0000110"/>
    <s v="N"/>
    <s v="MACSS Dist Billed Revenue-03"/>
    <s v=""/>
    <x v="0"/>
    <s v="CAD0330829"/>
    <s v="S"/>
    <s v="KY"/>
    <s v="REV"/>
    <s v="974"/>
    <s v="GLBATCH"/>
    <n v="8"/>
    <n v="2016"/>
  </r>
  <r>
    <s v="110"/>
    <d v="2016-08-15T00:00:00"/>
    <x v="1"/>
    <x v="0"/>
    <s v="10828"/>
    <s v="GLNANDA"/>
    <n v="-5736.3"/>
    <n v="-48428"/>
    <s v="Billed Revenues"/>
    <s v="EXV"/>
    <s v="NONBU"/>
    <s v="G0000110"/>
    <s v="N"/>
    <s v="MACSS Dist Billed Revenue-03"/>
    <s v=""/>
    <x v="0"/>
    <s v="CAD0330829"/>
    <s v="S"/>
    <s v="KY"/>
    <s v="REV"/>
    <s v="974"/>
    <s v="GLBATCH"/>
    <n v="8"/>
    <n v="2016"/>
  </r>
  <r>
    <s v="110"/>
    <d v="2016-08-15T00:00:00"/>
    <x v="2"/>
    <x v="0"/>
    <s v="10828"/>
    <s v="GLNANDA"/>
    <n v="0"/>
    <n v="27"/>
    <s v="Billed Revenues"/>
    <s v="EXV"/>
    <s v="NONBU"/>
    <s v="G0000110"/>
    <s v="N"/>
    <s v="MACSS Dist Billed Revenue-03"/>
    <s v=""/>
    <x v="0"/>
    <s v="CAD0330829"/>
    <s v="S"/>
    <s v="KY"/>
    <s v="REV"/>
    <s v="974"/>
    <s v="GLBATCH"/>
    <n v="8"/>
    <n v="2016"/>
  </r>
  <r>
    <s v="110"/>
    <d v="2016-09-15T00:00:00"/>
    <x v="4"/>
    <x v="0"/>
    <s v="10828"/>
    <s v="GLNANDA"/>
    <n v="0"/>
    <n v="4866"/>
    <s v="Billed Revenues"/>
    <s v="EXV"/>
    <s v="NONBU"/>
    <s v="G0000110"/>
    <s v="N"/>
    <s v="MACSS Dist Billed Revenue-03"/>
    <s v=""/>
    <x v="0"/>
    <s v="CAD0330830"/>
    <s v="S"/>
    <s v="KY"/>
    <s v="REV"/>
    <s v="974"/>
    <s v="GLBATCH"/>
    <n v="9"/>
    <n v="2016"/>
  </r>
  <r>
    <s v="110"/>
    <d v="2016-09-15T00:00:00"/>
    <x v="5"/>
    <x v="0"/>
    <s v="10828"/>
    <s v="GLNANDA"/>
    <n v="0"/>
    <n v="72"/>
    <s v="Billed Revenues"/>
    <s v="EXV"/>
    <s v="NONBU"/>
    <s v="G0000110"/>
    <s v="N"/>
    <s v="MACSS Dist Billed Revenue-03"/>
    <s v=""/>
    <x v="0"/>
    <s v="CAD0330830"/>
    <s v="S"/>
    <s v="KY"/>
    <s v="REV"/>
    <s v="974"/>
    <s v="GLBATCH"/>
    <n v="9"/>
    <n v="2016"/>
  </r>
  <r>
    <s v="110"/>
    <d v="2016-09-15T00:00:00"/>
    <x v="7"/>
    <x v="0"/>
    <s v="10828"/>
    <s v="GLNANDA"/>
    <n v="0"/>
    <n v="18"/>
    <s v="Billed Revenues"/>
    <s v="EXV"/>
    <s v="NONBU"/>
    <s v="G0000110"/>
    <s v="N"/>
    <s v="MACSS Dist Billed Revenue-03"/>
    <s v=""/>
    <x v="0"/>
    <s v="CAD0330830"/>
    <s v="S"/>
    <s v="KY"/>
    <s v="REV"/>
    <s v="974"/>
    <s v="GLBATCH"/>
    <n v="9"/>
    <n v="2016"/>
  </r>
  <r>
    <s v="110"/>
    <d v="2016-09-15T00:00:00"/>
    <x v="1"/>
    <x v="0"/>
    <s v="10828"/>
    <s v="GLNANDA"/>
    <n v="-488765.69"/>
    <n v="-4196326"/>
    <s v="Billed Revenues"/>
    <s v="EXV"/>
    <s v="NONBU"/>
    <s v="G0000110"/>
    <s v="N"/>
    <s v="MACSS Dist Billed Revenue-03"/>
    <s v=""/>
    <x v="0"/>
    <s v="CAD0330830"/>
    <s v="S"/>
    <s v="KY"/>
    <s v="REV"/>
    <s v="974"/>
    <s v="GLBATCH"/>
    <n v="9"/>
    <n v="2016"/>
  </r>
  <r>
    <s v="110"/>
    <d v="2016-09-15T00:00:00"/>
    <x v="1"/>
    <x v="0"/>
    <s v="10828"/>
    <s v="GLNANDA"/>
    <n v="0"/>
    <n v="2996"/>
    <s v="Billed Revenues"/>
    <s v="EXV"/>
    <s v="NONBU"/>
    <s v="G0000110"/>
    <s v="N"/>
    <s v="MACSS Dist Billed Revenue-03"/>
    <s v=""/>
    <x v="0"/>
    <s v="CAD0330830"/>
    <s v="S"/>
    <s v="KY"/>
    <s v="REV"/>
    <s v="974"/>
    <s v="GLBATCH"/>
    <n v="9"/>
    <n v="2016"/>
  </r>
  <r>
    <s v="110"/>
    <d v="2016-09-15T00:00:00"/>
    <x v="7"/>
    <x v="0"/>
    <s v="10828"/>
    <s v="GLNANDA"/>
    <n v="-43873.04"/>
    <n v="-389495"/>
    <s v="Billed Revenues"/>
    <s v="EXV"/>
    <s v="NONBU"/>
    <s v="G0000110"/>
    <s v="N"/>
    <s v="MACSS Dist Billed Revenue-03"/>
    <s v=""/>
    <x v="0"/>
    <s v="CAD0330830"/>
    <s v="S"/>
    <s v="KY"/>
    <s v="REV"/>
    <s v="974"/>
    <s v="GLBATCH"/>
    <n v="9"/>
    <n v="2016"/>
  </r>
  <r>
    <s v="110"/>
    <d v="2016-09-15T00:00:00"/>
    <x v="3"/>
    <x v="0"/>
    <s v="10828"/>
    <s v="GLNANDA"/>
    <n v="-73898.710000000006"/>
    <n v="-802170"/>
    <s v="Billed Revenues"/>
    <s v="EXV"/>
    <s v="NONBU"/>
    <s v="G0000110"/>
    <s v="N"/>
    <s v="MACSS Dist Billed Revenue-03"/>
    <s v=""/>
    <x v="0"/>
    <s v="CAD0330830"/>
    <s v="S"/>
    <s v="KY"/>
    <s v="REV"/>
    <s v="974"/>
    <s v="GLBATCH"/>
    <n v="9"/>
    <n v="2016"/>
  </r>
  <r>
    <s v="110"/>
    <d v="2016-09-15T00:00:00"/>
    <x v="6"/>
    <x v="0"/>
    <s v="10828"/>
    <s v="GLNANDA"/>
    <n v="0"/>
    <n v="9"/>
    <s v="Billed Revenues"/>
    <s v="EXV"/>
    <s v="NONBU"/>
    <s v="G0000110"/>
    <s v="N"/>
    <s v="MACSS Dist Billed Revenue-03"/>
    <s v=""/>
    <x v="0"/>
    <s v="CAD0330830"/>
    <s v="S"/>
    <s v="KY"/>
    <s v="REV"/>
    <s v="974"/>
    <s v="GLBATCH"/>
    <n v="9"/>
    <n v="2016"/>
  </r>
  <r>
    <s v="110"/>
    <d v="2016-09-15T00:00:00"/>
    <x v="6"/>
    <x v="0"/>
    <s v="10828"/>
    <s v="GLNANDA"/>
    <n v="-894.87"/>
    <n v="-5781"/>
    <s v="Billed Revenues"/>
    <s v="EXV"/>
    <s v="NONBU"/>
    <s v="G0000110"/>
    <s v="N"/>
    <s v="MACSS Dist Billed Revenue-03"/>
    <s v=""/>
    <x v="0"/>
    <s v="CAD0330830"/>
    <s v="S"/>
    <s v="KY"/>
    <s v="REV"/>
    <s v="974"/>
    <s v="GLBATCH"/>
    <n v="9"/>
    <n v="2016"/>
  </r>
  <r>
    <s v="110"/>
    <d v="2016-09-15T00:00:00"/>
    <x v="0"/>
    <x v="0"/>
    <s v="10828"/>
    <s v="GLNANDA"/>
    <n v="0"/>
    <n v="68"/>
    <s v="Billed Revenues"/>
    <s v="EXV"/>
    <s v="NONBU"/>
    <s v="G0000110"/>
    <s v="N"/>
    <s v="MACSS Dist Billed Revenue-03"/>
    <s v=""/>
    <x v="0"/>
    <s v="CAD0330830"/>
    <s v="S"/>
    <s v="KY"/>
    <s v="REV"/>
    <s v="974"/>
    <s v="GLBATCH"/>
    <n v="9"/>
    <n v="2016"/>
  </r>
  <r>
    <s v="110"/>
    <d v="2016-09-15T00:00:00"/>
    <x v="3"/>
    <x v="0"/>
    <s v="10828"/>
    <s v="GLNANDA"/>
    <n v="0"/>
    <n v="14"/>
    <s v="Billed Revenues"/>
    <s v="EXV"/>
    <s v="NONBU"/>
    <s v="G0000110"/>
    <s v="N"/>
    <s v="MACSS Dist Billed Revenue-03"/>
    <s v=""/>
    <x v="0"/>
    <s v="CAD0330830"/>
    <s v="S"/>
    <s v="KY"/>
    <s v="REV"/>
    <s v="974"/>
    <s v="GLBATCH"/>
    <n v="9"/>
    <n v="2016"/>
  </r>
  <r>
    <s v="110"/>
    <d v="2016-09-15T00:00:00"/>
    <x v="0"/>
    <x v="0"/>
    <s v="10828"/>
    <s v="GLNANDA"/>
    <n v="-15589.11"/>
    <n v="-114946"/>
    <s v="Billed Revenues"/>
    <s v="EXV"/>
    <s v="NONBU"/>
    <s v="G0000110"/>
    <s v="N"/>
    <s v="MACSS Dist Billed Revenue-03"/>
    <s v=""/>
    <x v="0"/>
    <s v="CAD0330830"/>
    <s v="S"/>
    <s v="KY"/>
    <s v="REV"/>
    <s v="974"/>
    <s v="GLBATCH"/>
    <n v="9"/>
    <n v="2016"/>
  </r>
  <r>
    <s v="110"/>
    <d v="2016-09-15T00:00:00"/>
    <x v="2"/>
    <x v="0"/>
    <s v="10828"/>
    <s v="GLNANDA"/>
    <n v="0"/>
    <n v="1101"/>
    <s v="Billed Revenues"/>
    <s v="EXV"/>
    <s v="NONBU"/>
    <s v="G0000110"/>
    <s v="N"/>
    <s v="MACSS Dist Billed Revenue-03"/>
    <s v=""/>
    <x v="0"/>
    <s v="CAD0330830"/>
    <s v="S"/>
    <s v="KY"/>
    <s v="REV"/>
    <s v="974"/>
    <s v="GLBATCH"/>
    <n v="9"/>
    <n v="2016"/>
  </r>
  <r>
    <s v="110"/>
    <d v="2016-09-15T00:00:00"/>
    <x v="2"/>
    <x v="0"/>
    <s v="10828"/>
    <s v="GLNANDA"/>
    <n v="-190288.75"/>
    <n v="-1430511"/>
    <s v="Billed Revenues"/>
    <s v="EXV"/>
    <s v="NONBU"/>
    <s v="G0000110"/>
    <s v="N"/>
    <s v="MACSS Dist Billed Revenue-03"/>
    <s v=""/>
    <x v="0"/>
    <s v="CAD0330830"/>
    <s v="S"/>
    <s v="KY"/>
    <s v="REV"/>
    <s v="974"/>
    <s v="GLBATCH"/>
    <n v="9"/>
    <n v="2016"/>
  </r>
  <r>
    <s v="110"/>
    <d v="2016-09-15T00:00:00"/>
    <x v="5"/>
    <x v="0"/>
    <s v="10828"/>
    <s v="GLNANDA"/>
    <n v="-28622.959999999999"/>
    <n v="-240113"/>
    <s v="Billed Revenues"/>
    <s v="EXV"/>
    <s v="NONBU"/>
    <s v="G0000110"/>
    <s v="N"/>
    <s v="MACSS Dist Billed Revenue-03"/>
    <s v=""/>
    <x v="0"/>
    <s v="CAD0330830"/>
    <s v="S"/>
    <s v="KY"/>
    <s v="REV"/>
    <s v="974"/>
    <s v="GLBATCH"/>
    <n v="9"/>
    <n v="2016"/>
  </r>
  <r>
    <s v="110"/>
    <d v="2016-09-15T00:00:00"/>
    <x v="4"/>
    <x v="0"/>
    <s v="10828"/>
    <s v="GLNANDA"/>
    <n v="-807045.68"/>
    <n v="-6947908"/>
    <s v="Billed Revenues"/>
    <s v="EXV"/>
    <s v="NONBU"/>
    <s v="G0000110"/>
    <s v="N"/>
    <s v="MACSS Dist Billed Revenue-03"/>
    <s v=""/>
    <x v="0"/>
    <s v="CAD0330830"/>
    <s v="S"/>
    <s v="KY"/>
    <s v="REV"/>
    <s v="974"/>
    <s v="GLBATCH"/>
    <n v="9"/>
    <n v="2016"/>
  </r>
  <r>
    <s v="110"/>
    <d v="2016-08-15T00:00:00"/>
    <x v="3"/>
    <x v="0"/>
    <s v="10828"/>
    <s v="GLNANDA"/>
    <n v="-374.17"/>
    <n v="-3687"/>
    <s v="Billed Revenues"/>
    <s v="EXV"/>
    <s v="NONBU"/>
    <s v="G0000110"/>
    <s v="N"/>
    <s v="MACSS Dist Billed Revenue-03"/>
    <s v=""/>
    <x v="0"/>
    <s v="CAD0330830"/>
    <s v="S"/>
    <s v="KY"/>
    <s v="REV"/>
    <s v="974"/>
    <s v="GLBATCH"/>
    <n v="8"/>
    <n v="2016"/>
  </r>
  <r>
    <s v="110"/>
    <d v="2016-08-15T00:00:00"/>
    <x v="5"/>
    <x v="0"/>
    <s v="10828"/>
    <s v="GLNANDA"/>
    <n v="0"/>
    <n v="1"/>
    <s v="Billed Revenues"/>
    <s v="EXV"/>
    <s v="NONBU"/>
    <s v="G0000110"/>
    <s v="N"/>
    <s v="MACSS Dist Billed Revenue-03"/>
    <s v=""/>
    <x v="0"/>
    <s v="CAD0330830"/>
    <s v="S"/>
    <s v="KY"/>
    <s v="REV"/>
    <s v="974"/>
    <s v="GLBATCH"/>
    <n v="8"/>
    <n v="2016"/>
  </r>
  <r>
    <s v="110"/>
    <d v="2016-08-15T00:00:00"/>
    <x v="5"/>
    <x v="0"/>
    <s v="10828"/>
    <s v="GLNANDA"/>
    <n v="-9232.19"/>
    <n v="-82458"/>
    <s v="Billed Revenues"/>
    <s v="EXV"/>
    <s v="NONBU"/>
    <s v="G0000110"/>
    <s v="N"/>
    <s v="MACSS Dist Billed Revenue-03"/>
    <s v=""/>
    <x v="0"/>
    <s v="CAD0330830"/>
    <s v="S"/>
    <s v="KY"/>
    <s v="REV"/>
    <s v="974"/>
    <s v="GLBATCH"/>
    <n v="8"/>
    <n v="2016"/>
  </r>
  <r>
    <s v="110"/>
    <d v="2016-08-15T00:00:00"/>
    <x v="7"/>
    <x v="0"/>
    <s v="10828"/>
    <s v="GLNANDA"/>
    <n v="0"/>
    <n v="1"/>
    <s v="Billed Revenues"/>
    <s v="EXV"/>
    <s v="NONBU"/>
    <s v="G0000110"/>
    <s v="N"/>
    <s v="MACSS Dist Billed Revenue-03"/>
    <s v=""/>
    <x v="0"/>
    <s v="CAD0330830"/>
    <s v="S"/>
    <s v="KY"/>
    <s v="REV"/>
    <s v="974"/>
    <s v="GLBATCH"/>
    <n v="8"/>
    <n v="2016"/>
  </r>
  <r>
    <s v="110"/>
    <d v="2016-08-15T00:00:00"/>
    <x v="7"/>
    <x v="0"/>
    <s v="10828"/>
    <s v="GLNANDA"/>
    <n v="-5026.5"/>
    <n v="-43840"/>
    <s v="Billed Revenues"/>
    <s v="EXV"/>
    <s v="NONBU"/>
    <s v="G0000110"/>
    <s v="N"/>
    <s v="MACSS Dist Billed Revenue-03"/>
    <s v=""/>
    <x v="0"/>
    <s v="CAD0330830"/>
    <s v="S"/>
    <s v="KY"/>
    <s v="REV"/>
    <s v="974"/>
    <s v="GLBATCH"/>
    <n v="8"/>
    <n v="2016"/>
  </r>
  <r>
    <s v="110"/>
    <d v="2016-08-15T00:00:00"/>
    <x v="2"/>
    <x v="0"/>
    <s v="10828"/>
    <s v="GLNANDA"/>
    <n v="-907.98"/>
    <n v="-5961"/>
    <s v="Billed Revenues"/>
    <s v="EXV"/>
    <s v="NONBU"/>
    <s v="G0000110"/>
    <s v="N"/>
    <s v="MACSS Dist Billed Revenue-03"/>
    <s v=""/>
    <x v="0"/>
    <s v="CAD0330830"/>
    <s v="S"/>
    <s v="KY"/>
    <s v="REV"/>
    <s v="974"/>
    <s v="GLBATCH"/>
    <n v="8"/>
    <n v="2016"/>
  </r>
  <r>
    <s v="110"/>
    <d v="2016-08-15T00:00:00"/>
    <x v="2"/>
    <x v="0"/>
    <s v="10828"/>
    <s v="GLNANDA"/>
    <n v="0"/>
    <n v="4"/>
    <s v="Billed Revenues"/>
    <s v="EXV"/>
    <s v="NONBU"/>
    <s v="G0000110"/>
    <s v="N"/>
    <s v="MACSS Dist Billed Revenue-03"/>
    <s v=""/>
    <x v="0"/>
    <s v="CAD0330830"/>
    <s v="S"/>
    <s v="KY"/>
    <s v="REV"/>
    <s v="974"/>
    <s v="GLBATCH"/>
    <n v="8"/>
    <n v="2016"/>
  </r>
  <r>
    <s v="110"/>
    <d v="2016-08-15T00:00:00"/>
    <x v="1"/>
    <x v="0"/>
    <s v="10828"/>
    <s v="GLNANDA"/>
    <n v="0"/>
    <n v="3"/>
    <s v="Billed Revenues"/>
    <s v="EXV"/>
    <s v="NONBU"/>
    <s v="G0000110"/>
    <s v="N"/>
    <s v="MACSS Dist Billed Revenue-03"/>
    <s v=""/>
    <x v="0"/>
    <s v="CAD0330830"/>
    <s v="S"/>
    <s v="KY"/>
    <s v="REV"/>
    <s v="974"/>
    <s v="GLBATCH"/>
    <n v="8"/>
    <n v="2016"/>
  </r>
  <r>
    <s v="110"/>
    <d v="2016-08-15T00:00:00"/>
    <x v="1"/>
    <x v="0"/>
    <s v="10828"/>
    <s v="GLNANDA"/>
    <n v="-1423.73"/>
    <n v="-11038"/>
    <s v="Billed Revenues"/>
    <s v="EXV"/>
    <s v="NONBU"/>
    <s v="G0000110"/>
    <s v="N"/>
    <s v="MACSS Dist Billed Revenue-03"/>
    <s v=""/>
    <x v="0"/>
    <s v="CAD0330830"/>
    <s v="S"/>
    <s v="KY"/>
    <s v="REV"/>
    <s v="974"/>
    <s v="GLBATCH"/>
    <n v="8"/>
    <n v="2016"/>
  </r>
  <r>
    <s v="110"/>
    <d v="2016-08-15T00:00:00"/>
    <x v="4"/>
    <x v="0"/>
    <s v="10828"/>
    <s v="GLNANDA"/>
    <n v="0"/>
    <n v="6"/>
    <s v="Billed Revenues"/>
    <s v="EXV"/>
    <s v="NONBU"/>
    <s v="G0000110"/>
    <s v="N"/>
    <s v="MACSS Dist Billed Revenue-03"/>
    <s v=""/>
    <x v="0"/>
    <s v="CAD0330830"/>
    <s v="S"/>
    <s v="KY"/>
    <s v="REV"/>
    <s v="974"/>
    <s v="GLBATCH"/>
    <n v="8"/>
    <n v="2016"/>
  </r>
  <r>
    <s v="110"/>
    <d v="2016-08-15T00:00:00"/>
    <x v="3"/>
    <x v="0"/>
    <s v="10828"/>
    <s v="GLNANDA"/>
    <n v="0"/>
    <n v="1"/>
    <s v="Billed Revenues"/>
    <s v="EXV"/>
    <s v="NONBU"/>
    <s v="G0000110"/>
    <s v="N"/>
    <s v="MACSS Dist Billed Revenue-03"/>
    <s v=""/>
    <x v="0"/>
    <s v="CAD0330830"/>
    <s v="S"/>
    <s v="KY"/>
    <s v="REV"/>
    <s v="974"/>
    <s v="GLBATCH"/>
    <n v="8"/>
    <n v="2016"/>
  </r>
  <r>
    <s v="110"/>
    <d v="2016-08-15T00:00:00"/>
    <x v="4"/>
    <x v="0"/>
    <s v="10828"/>
    <s v="GLNANDA"/>
    <n v="-1846.94"/>
    <n v="-15108"/>
    <s v="Billed Revenues"/>
    <s v="EXV"/>
    <s v="NONBU"/>
    <s v="G0000110"/>
    <s v="N"/>
    <s v="MACSS Dist Billed Revenue-03"/>
    <s v=""/>
    <x v="0"/>
    <s v="CAD0330830"/>
    <s v="S"/>
    <s v="KY"/>
    <s v="REV"/>
    <s v="974"/>
    <s v="GLBATCH"/>
    <n v="8"/>
    <n v="2016"/>
  </r>
  <r>
    <s v="110"/>
    <d v="2016-09-15T00:00:00"/>
    <x v="3"/>
    <x v="0"/>
    <s v="10828"/>
    <s v="GLNANDA"/>
    <n v="-3879.78"/>
    <n v="-25394"/>
    <s v="Billed Revenues"/>
    <s v="EXV"/>
    <s v="NONBU"/>
    <s v="G0000110"/>
    <s v="N"/>
    <s v="MACSS Dist Billed Revenue-03"/>
    <s v=""/>
    <x v="0"/>
    <s v="CAD0330831"/>
    <s v="S"/>
    <s v="KY"/>
    <s v="REV"/>
    <s v="974"/>
    <s v="GLBATCH"/>
    <n v="9"/>
    <n v="2016"/>
  </r>
  <r>
    <s v="110"/>
    <d v="2016-09-15T00:00:00"/>
    <x v="3"/>
    <x v="0"/>
    <s v="10828"/>
    <s v="GLNANDA"/>
    <n v="0"/>
    <n v="10"/>
    <s v="Billed Revenues"/>
    <s v="EXV"/>
    <s v="NONBU"/>
    <s v="G0000110"/>
    <s v="N"/>
    <s v="MACSS Dist Billed Revenue-03"/>
    <s v=""/>
    <x v="0"/>
    <s v="CAD0330831"/>
    <s v="S"/>
    <s v="KY"/>
    <s v="REV"/>
    <s v="974"/>
    <s v="GLBATCH"/>
    <n v="9"/>
    <n v="2016"/>
  </r>
  <r>
    <s v="110"/>
    <d v="2016-09-15T00:00:00"/>
    <x v="7"/>
    <x v="0"/>
    <s v="10828"/>
    <s v="GLNANDA"/>
    <n v="-77257.259999999995"/>
    <n v="-659705"/>
    <s v="Billed Revenues"/>
    <s v="EXV"/>
    <s v="NONBU"/>
    <s v="G0000110"/>
    <s v="N"/>
    <s v="MACSS Dist Billed Revenue-03"/>
    <s v=""/>
    <x v="0"/>
    <s v="CAD0330831"/>
    <s v="S"/>
    <s v="KY"/>
    <s v="REV"/>
    <s v="974"/>
    <s v="GLBATCH"/>
    <n v="9"/>
    <n v="2016"/>
  </r>
  <r>
    <s v="110"/>
    <d v="2016-09-15T00:00:00"/>
    <x v="7"/>
    <x v="0"/>
    <s v="10828"/>
    <s v="GLNANDA"/>
    <n v="0"/>
    <n v="31"/>
    <s v="Billed Revenues"/>
    <s v="EXV"/>
    <s v="NONBU"/>
    <s v="G0000110"/>
    <s v="N"/>
    <s v="MACSS Dist Billed Revenue-03"/>
    <s v=""/>
    <x v="0"/>
    <s v="CAD0330831"/>
    <s v="S"/>
    <s v="KY"/>
    <s v="REV"/>
    <s v="974"/>
    <s v="GLBATCH"/>
    <n v="9"/>
    <n v="2016"/>
  </r>
  <r>
    <s v="110"/>
    <d v="2016-09-15T00:00:00"/>
    <x v="0"/>
    <x v="0"/>
    <s v="10828"/>
    <s v="GLNANDA"/>
    <n v="-160833.23000000001"/>
    <n v="-1608685"/>
    <s v="Billed Revenues"/>
    <s v="EXV"/>
    <s v="NONBU"/>
    <s v="G0000110"/>
    <s v="N"/>
    <s v="MACSS Dist Billed Revenue-03"/>
    <s v=""/>
    <x v="0"/>
    <s v="CAD0330831"/>
    <s v="S"/>
    <s v="KY"/>
    <s v="REV"/>
    <s v="974"/>
    <s v="GLBATCH"/>
    <n v="9"/>
    <n v="2016"/>
  </r>
  <r>
    <s v="110"/>
    <d v="2016-09-15T00:00:00"/>
    <x v="0"/>
    <x v="0"/>
    <s v="10828"/>
    <s v="GLNANDA"/>
    <n v="0"/>
    <n v="33"/>
    <s v="Billed Revenues"/>
    <s v="EXV"/>
    <s v="NONBU"/>
    <s v="G0000110"/>
    <s v="N"/>
    <s v="MACSS Dist Billed Revenue-03"/>
    <s v=""/>
    <x v="0"/>
    <s v="CAD0330831"/>
    <s v="S"/>
    <s v="KY"/>
    <s v="REV"/>
    <s v="974"/>
    <s v="GLBATCH"/>
    <n v="9"/>
    <n v="2016"/>
  </r>
  <r>
    <s v="110"/>
    <d v="2016-09-15T00:00:00"/>
    <x v="2"/>
    <x v="0"/>
    <s v="10828"/>
    <s v="GLNANDA"/>
    <n v="-294449.36"/>
    <n v="-2609710"/>
    <s v="Billed Revenues"/>
    <s v="EXV"/>
    <s v="NONBU"/>
    <s v="G0000110"/>
    <s v="N"/>
    <s v="MACSS Dist Billed Revenue-03"/>
    <s v=""/>
    <x v="0"/>
    <s v="CAD0330831"/>
    <s v="S"/>
    <s v="KY"/>
    <s v="REV"/>
    <s v="974"/>
    <s v="GLBATCH"/>
    <n v="9"/>
    <n v="2016"/>
  </r>
  <r>
    <s v="110"/>
    <d v="2016-09-15T00:00:00"/>
    <x v="2"/>
    <x v="0"/>
    <s v="10828"/>
    <s v="GLNANDA"/>
    <n v="0"/>
    <n v="1071"/>
    <s v="Billed Revenues"/>
    <s v="EXV"/>
    <s v="NONBU"/>
    <s v="G0000110"/>
    <s v="N"/>
    <s v="MACSS Dist Billed Revenue-03"/>
    <s v=""/>
    <x v="0"/>
    <s v="CAD0330831"/>
    <s v="S"/>
    <s v="KY"/>
    <s v="REV"/>
    <s v="974"/>
    <s v="GLBATCH"/>
    <n v="9"/>
    <n v="2016"/>
  </r>
  <r>
    <s v="110"/>
    <d v="2016-09-15T00:00:00"/>
    <x v="1"/>
    <x v="0"/>
    <s v="10828"/>
    <s v="GLNANDA"/>
    <n v="-401459.39"/>
    <n v="-3416773"/>
    <s v="Billed Revenues"/>
    <s v="EXV"/>
    <s v="NONBU"/>
    <s v="G0000110"/>
    <s v="N"/>
    <s v="MACSS Dist Billed Revenue-03"/>
    <s v=""/>
    <x v="0"/>
    <s v="CAD0330831"/>
    <s v="S"/>
    <s v="KY"/>
    <s v="REV"/>
    <s v="974"/>
    <s v="GLBATCH"/>
    <n v="9"/>
    <n v="2016"/>
  </r>
  <r>
    <s v="110"/>
    <d v="2016-09-15T00:00:00"/>
    <x v="1"/>
    <x v="0"/>
    <s v="10828"/>
    <s v="GLNANDA"/>
    <n v="0"/>
    <n v="2637"/>
    <s v="Billed Revenues"/>
    <s v="EXV"/>
    <s v="NONBU"/>
    <s v="G0000110"/>
    <s v="N"/>
    <s v="MACSS Dist Billed Revenue-03"/>
    <s v=""/>
    <x v="0"/>
    <s v="CAD0330831"/>
    <s v="S"/>
    <s v="KY"/>
    <s v="REV"/>
    <s v="974"/>
    <s v="GLBATCH"/>
    <n v="9"/>
    <n v="2016"/>
  </r>
  <r>
    <s v="110"/>
    <d v="2016-09-15T00:00:00"/>
    <x v="4"/>
    <x v="0"/>
    <s v="10828"/>
    <s v="GLNANDA"/>
    <n v="-601125.72"/>
    <n v="-5155820"/>
    <s v="Billed Revenues"/>
    <s v="EXV"/>
    <s v="NONBU"/>
    <s v="G0000110"/>
    <s v="N"/>
    <s v="MACSS Dist Billed Revenue-03"/>
    <s v=""/>
    <x v="0"/>
    <s v="CAD0330831"/>
    <s v="S"/>
    <s v="KY"/>
    <s v="REV"/>
    <s v="974"/>
    <s v="GLBATCH"/>
    <n v="9"/>
    <n v="2016"/>
  </r>
  <r>
    <s v="110"/>
    <d v="2016-09-15T00:00:00"/>
    <x v="4"/>
    <x v="0"/>
    <s v="10828"/>
    <s v="GLNANDA"/>
    <n v="0"/>
    <n v="3716"/>
    <s v="Billed Revenues"/>
    <s v="EXV"/>
    <s v="NONBU"/>
    <s v="G0000110"/>
    <s v="N"/>
    <s v="MACSS Dist Billed Revenue-03"/>
    <s v=""/>
    <x v="0"/>
    <s v="CAD0330831"/>
    <s v="S"/>
    <s v="KY"/>
    <s v="REV"/>
    <s v="974"/>
    <s v="GLBATCH"/>
    <n v="9"/>
    <n v="2016"/>
  </r>
  <r>
    <s v="110"/>
    <d v="2016-09-15T00:00:00"/>
    <x v="5"/>
    <x v="0"/>
    <s v="10828"/>
    <s v="GLNANDA"/>
    <n v="0"/>
    <n v="60"/>
    <s v="Billed Revenues"/>
    <s v="EXV"/>
    <s v="NONBU"/>
    <s v="G0000110"/>
    <s v="N"/>
    <s v="MACSS Dist Billed Revenue-03"/>
    <s v=""/>
    <x v="0"/>
    <s v="CAD0330831"/>
    <s v="S"/>
    <s v="KY"/>
    <s v="REV"/>
    <s v="974"/>
    <s v="GLBATCH"/>
    <n v="9"/>
    <n v="2016"/>
  </r>
  <r>
    <s v="110"/>
    <d v="2016-09-15T00:00:00"/>
    <x v="5"/>
    <x v="0"/>
    <s v="10828"/>
    <s v="GLNANDA"/>
    <n v="-25177.75"/>
    <n v="-208508"/>
    <s v="Billed Revenues"/>
    <s v="EXV"/>
    <s v="NONBU"/>
    <s v="G0000110"/>
    <s v="N"/>
    <s v="MACSS Dist Billed Revenue-03"/>
    <s v=""/>
    <x v="0"/>
    <s v="CAD0330831"/>
    <s v="S"/>
    <s v="KY"/>
    <s v="REV"/>
    <s v="974"/>
    <s v="GLBATCH"/>
    <n v="9"/>
    <n v="2016"/>
  </r>
  <r>
    <s v="110"/>
    <d v="2016-09-15T00:00:00"/>
    <x v="6"/>
    <x v="0"/>
    <s v="10828"/>
    <s v="GLNANDA"/>
    <n v="-1742.28"/>
    <n v="-12115"/>
    <s v="Billed Revenues"/>
    <s v="EXV"/>
    <s v="NONBU"/>
    <s v="G0000110"/>
    <s v="N"/>
    <s v="MACSS Dist Billed Revenue-03"/>
    <s v=""/>
    <x v="0"/>
    <s v="CAD0330831"/>
    <s v="S"/>
    <s v="KY"/>
    <s v="REV"/>
    <s v="974"/>
    <s v="GLBATCH"/>
    <n v="9"/>
    <n v="2016"/>
  </r>
  <r>
    <s v="110"/>
    <d v="2016-09-15T00:00:00"/>
    <x v="6"/>
    <x v="0"/>
    <s v="10828"/>
    <s v="GLNANDA"/>
    <n v="0"/>
    <n v="15"/>
    <s v="Billed Revenues"/>
    <s v="EXV"/>
    <s v="NONBU"/>
    <s v="G0000110"/>
    <s v="N"/>
    <s v="MACSS Dist Billed Revenue-03"/>
    <s v=""/>
    <x v="0"/>
    <s v="CAD0330831"/>
    <s v="S"/>
    <s v="KY"/>
    <s v="REV"/>
    <s v="974"/>
    <s v="GLBATCH"/>
    <n v="9"/>
    <n v="2016"/>
  </r>
  <r>
    <s v="110"/>
    <d v="2016-08-15T00:00:00"/>
    <x v="5"/>
    <x v="0"/>
    <s v="10828"/>
    <s v="GLNANDA"/>
    <n v="-24.84"/>
    <n v="-29"/>
    <s v="Billed Revenues"/>
    <s v="EXV"/>
    <s v="NONBU"/>
    <s v="G0000110"/>
    <s v="N"/>
    <s v="MACSS Dist Billed Revenue-03"/>
    <s v=""/>
    <x v="0"/>
    <s v="CAD0330831"/>
    <s v="S"/>
    <s v="KY"/>
    <s v="REV"/>
    <s v="974"/>
    <s v="GLBATCH"/>
    <n v="8"/>
    <n v="2016"/>
  </r>
  <r>
    <s v="110"/>
    <d v="2016-08-15T00:00:00"/>
    <x v="1"/>
    <x v="0"/>
    <s v="10828"/>
    <s v="GLNANDA"/>
    <n v="-611.64"/>
    <n v="-4500"/>
    <s v="Billed Revenues"/>
    <s v="EXV"/>
    <s v="NONBU"/>
    <s v="G0000110"/>
    <s v="N"/>
    <s v="MACSS Dist Billed Revenue-03"/>
    <s v=""/>
    <x v="0"/>
    <s v="CAD0330831"/>
    <s v="S"/>
    <s v="KY"/>
    <s v="REV"/>
    <s v="974"/>
    <s v="GLBATCH"/>
    <n v="8"/>
    <n v="2016"/>
  </r>
  <r>
    <s v="110"/>
    <d v="2016-08-15T00:00:00"/>
    <x v="1"/>
    <x v="0"/>
    <s v="10828"/>
    <s v="GLNANDA"/>
    <n v="0"/>
    <n v="7"/>
    <s v="Billed Revenues"/>
    <s v="EXV"/>
    <s v="NONBU"/>
    <s v="G0000110"/>
    <s v="N"/>
    <s v="MACSS Dist Billed Revenue-03"/>
    <s v=""/>
    <x v="0"/>
    <s v="CAD0330831"/>
    <s v="S"/>
    <s v="KY"/>
    <s v="REV"/>
    <s v="974"/>
    <s v="GLBATCH"/>
    <n v="8"/>
    <n v="2016"/>
  </r>
  <r>
    <s v="110"/>
    <d v="2016-08-15T00:00:00"/>
    <x v="6"/>
    <x v="0"/>
    <s v="10828"/>
    <s v="GLNANDA"/>
    <n v="0"/>
    <n v="52"/>
    <s v="Billed Revenues"/>
    <s v="EXV"/>
    <s v="NONBU"/>
    <s v="G0000110"/>
    <s v="N"/>
    <s v="MACSS Dist Billed Revenue-03"/>
    <s v=""/>
    <x v="0"/>
    <s v="CAD0330831"/>
    <s v="S"/>
    <s v="KY"/>
    <s v="REV"/>
    <s v="974"/>
    <s v="GLBATCH"/>
    <n v="8"/>
    <n v="2016"/>
  </r>
  <r>
    <s v="110"/>
    <d v="2016-08-15T00:00:00"/>
    <x v="6"/>
    <x v="0"/>
    <s v="10828"/>
    <s v="GLNANDA"/>
    <n v="-131793.38"/>
    <n v="-602584"/>
    <s v="Billed Revenues"/>
    <s v="EXV"/>
    <s v="NONBU"/>
    <s v="G0000110"/>
    <s v="N"/>
    <s v="MACSS Dist Billed Revenue-03"/>
    <s v=""/>
    <x v="0"/>
    <s v="CAD0330831"/>
    <s v="S"/>
    <s v="KY"/>
    <s v="REV"/>
    <s v="974"/>
    <s v="GLBATCH"/>
    <n v="8"/>
    <n v="2016"/>
  </r>
  <r>
    <s v="110"/>
    <d v="2016-08-15T00:00:00"/>
    <x v="2"/>
    <x v="0"/>
    <s v="10828"/>
    <s v="GLNANDA"/>
    <n v="-14822.96"/>
    <n v="-117813"/>
    <s v="Billed Revenues"/>
    <s v="EXV"/>
    <s v="NONBU"/>
    <s v="G0000110"/>
    <s v="N"/>
    <s v="MACSS Dist Billed Revenue-03"/>
    <s v=""/>
    <x v="0"/>
    <s v="CAD0330831"/>
    <s v="S"/>
    <s v="KY"/>
    <s v="REV"/>
    <s v="974"/>
    <s v="GLBATCH"/>
    <n v="8"/>
    <n v="2016"/>
  </r>
  <r>
    <s v="110"/>
    <d v="2016-08-15T00:00:00"/>
    <x v="0"/>
    <x v="0"/>
    <s v="10828"/>
    <s v="GLNANDA"/>
    <n v="12.32"/>
    <n v="87"/>
    <s v="Billed Revenues"/>
    <s v="EXV"/>
    <s v="NONBU"/>
    <s v="G0000110"/>
    <s v="N"/>
    <s v="MACSS Dist Billed Revenue-03"/>
    <s v=""/>
    <x v="0"/>
    <s v="CAD0330831"/>
    <s v="S"/>
    <s v="KY"/>
    <s v="REV"/>
    <s v="974"/>
    <s v="GLBATCH"/>
    <n v="8"/>
    <n v="2016"/>
  </r>
  <r>
    <s v="110"/>
    <d v="2016-08-15T00:00:00"/>
    <x v="4"/>
    <x v="0"/>
    <s v="10828"/>
    <s v="GLNANDA"/>
    <n v="-837.68"/>
    <n v="-6544"/>
    <s v="Billed Revenues"/>
    <s v="EXV"/>
    <s v="NONBU"/>
    <s v="G0000110"/>
    <s v="N"/>
    <s v="MACSS Dist Billed Revenue-03"/>
    <s v=""/>
    <x v="0"/>
    <s v="CAD0330831"/>
    <s v="S"/>
    <s v="KY"/>
    <s v="REV"/>
    <s v="974"/>
    <s v="GLBATCH"/>
    <n v="8"/>
    <n v="2016"/>
  </r>
  <r>
    <s v="110"/>
    <d v="2016-08-15T00:00:00"/>
    <x v="4"/>
    <x v="0"/>
    <s v="10828"/>
    <s v="GLNANDA"/>
    <n v="0"/>
    <n v="13"/>
    <s v="Billed Revenues"/>
    <s v="EXV"/>
    <s v="NONBU"/>
    <s v="G0000110"/>
    <s v="N"/>
    <s v="MACSS Dist Billed Revenue-03"/>
    <s v=""/>
    <x v="0"/>
    <s v="CAD0330831"/>
    <s v="S"/>
    <s v="KY"/>
    <s v="REV"/>
    <s v="974"/>
    <s v="GLBATCH"/>
    <n v="8"/>
    <n v="2016"/>
  </r>
  <r>
    <s v="110"/>
    <d v="2016-08-15T00:00:00"/>
    <x v="5"/>
    <x v="0"/>
    <s v="10828"/>
    <s v="GLNANDA"/>
    <n v="0"/>
    <n v="1"/>
    <s v="Billed Revenues"/>
    <s v="EXV"/>
    <s v="NONBU"/>
    <s v="G0000110"/>
    <s v="N"/>
    <s v="MACSS Dist Billed Revenue-03"/>
    <s v=""/>
    <x v="0"/>
    <s v="CAD0330831"/>
    <s v="S"/>
    <s v="KY"/>
    <s v="REV"/>
    <s v="974"/>
    <s v="GLBATCH"/>
    <n v="8"/>
    <n v="2016"/>
  </r>
  <r>
    <s v="110"/>
    <d v="2016-08-15T00:00:00"/>
    <x v="3"/>
    <x v="0"/>
    <s v="10828"/>
    <s v="GLNANDA"/>
    <n v="0"/>
    <n v="4"/>
    <s v="Billed Revenues"/>
    <s v="EXV"/>
    <s v="NONBU"/>
    <s v="G0000110"/>
    <s v="N"/>
    <s v="MACSS Dist Billed Revenue-03"/>
    <s v=""/>
    <x v="0"/>
    <s v="CAD0330831"/>
    <s v="S"/>
    <s v="KY"/>
    <s v="REV"/>
    <s v="974"/>
    <s v="GLBATCH"/>
    <n v="8"/>
    <n v="2016"/>
  </r>
  <r>
    <s v="110"/>
    <d v="2016-08-15T00:00:00"/>
    <x v="3"/>
    <x v="0"/>
    <s v="10828"/>
    <s v="GLNANDA"/>
    <n v="-4443.93"/>
    <n v="-18930"/>
    <s v="Billed Revenues"/>
    <s v="EXV"/>
    <s v="NONBU"/>
    <s v="G0000110"/>
    <s v="N"/>
    <s v="MACSS Dist Billed Revenue-03"/>
    <s v=""/>
    <x v="0"/>
    <s v="CAD0330831"/>
    <s v="S"/>
    <s v="KY"/>
    <s v="REV"/>
    <s v="974"/>
    <s v="GLBATCH"/>
    <n v="8"/>
    <n v="2016"/>
  </r>
  <r>
    <s v="110"/>
    <d v="2016-08-15T00:00:00"/>
    <x v="2"/>
    <x v="0"/>
    <s v="10828"/>
    <s v="GLNANDA"/>
    <n v="0"/>
    <n v="29"/>
    <s v="Billed Revenues"/>
    <s v="EXV"/>
    <s v="NONBU"/>
    <s v="G0000110"/>
    <s v="N"/>
    <s v="MACSS Dist Billed Revenue-03"/>
    <s v=""/>
    <x v="0"/>
    <s v="CAD0330831"/>
    <s v="S"/>
    <s v="KY"/>
    <s v="REV"/>
    <s v="974"/>
    <s v="GLBATCH"/>
    <n v="8"/>
    <n v="2016"/>
  </r>
  <r>
    <s v="110"/>
    <d v="2016-09-15T00:00:00"/>
    <x v="3"/>
    <x v="0"/>
    <s v="10828"/>
    <s v="GLNANDA"/>
    <n v="0"/>
    <n v="14"/>
    <s v="Billed Revenues"/>
    <s v="EXV"/>
    <s v="NONBU"/>
    <s v="G0000110"/>
    <s v="N"/>
    <s v="MACSS Dist Billed Revenue-03"/>
    <s v=""/>
    <x v="0"/>
    <s v="CAD0330901"/>
    <s v="S"/>
    <s v="KY"/>
    <s v="REV"/>
    <s v="974"/>
    <s v="GLBATCH"/>
    <n v="9"/>
    <n v="2016"/>
  </r>
  <r>
    <s v="110"/>
    <d v="2016-09-15T00:00:00"/>
    <x v="6"/>
    <x v="0"/>
    <s v="10828"/>
    <s v="GLNANDA"/>
    <n v="0"/>
    <n v="23"/>
    <s v="Billed Revenues"/>
    <s v="EXV"/>
    <s v="NONBU"/>
    <s v="G0000110"/>
    <s v="N"/>
    <s v="MACSS Dist Billed Revenue-03"/>
    <s v=""/>
    <x v="0"/>
    <s v="CAD0330901"/>
    <s v="S"/>
    <s v="KY"/>
    <s v="REV"/>
    <s v="974"/>
    <s v="GLBATCH"/>
    <n v="9"/>
    <n v="2016"/>
  </r>
  <r>
    <s v="110"/>
    <d v="2016-09-15T00:00:00"/>
    <x v="5"/>
    <x v="0"/>
    <s v="10828"/>
    <s v="GLNANDA"/>
    <n v="0"/>
    <n v="153"/>
    <s v="Billed Revenues"/>
    <s v="EXV"/>
    <s v="NONBU"/>
    <s v="G0000110"/>
    <s v="N"/>
    <s v="MACSS Dist Billed Revenue-03"/>
    <s v=""/>
    <x v="0"/>
    <s v="CAD0330901"/>
    <s v="S"/>
    <s v="KY"/>
    <s v="REV"/>
    <s v="974"/>
    <s v="GLBATCH"/>
    <n v="9"/>
    <n v="2016"/>
  </r>
  <r>
    <s v="110"/>
    <d v="2016-09-15T00:00:00"/>
    <x v="0"/>
    <x v="0"/>
    <s v="10828"/>
    <s v="GLNANDA"/>
    <n v="-32219.5"/>
    <n v="-258054"/>
    <s v="Billed Revenues"/>
    <s v="EXV"/>
    <s v="NONBU"/>
    <s v="G0000110"/>
    <s v="N"/>
    <s v="MACSS Dist Billed Revenue-03"/>
    <s v=""/>
    <x v="0"/>
    <s v="CAD0330901"/>
    <s v="S"/>
    <s v="KY"/>
    <s v="REV"/>
    <s v="974"/>
    <s v="GLBATCH"/>
    <n v="9"/>
    <n v="2016"/>
  </r>
  <r>
    <s v="110"/>
    <d v="2016-09-15T00:00:00"/>
    <x v="0"/>
    <x v="0"/>
    <s v="10828"/>
    <s v="GLNANDA"/>
    <n v="0"/>
    <n v="28"/>
    <s v="Billed Revenues"/>
    <s v="EXV"/>
    <s v="NONBU"/>
    <s v="G0000110"/>
    <s v="N"/>
    <s v="MACSS Dist Billed Revenue-03"/>
    <s v=""/>
    <x v="0"/>
    <s v="CAD0330901"/>
    <s v="S"/>
    <s v="KY"/>
    <s v="REV"/>
    <s v="974"/>
    <s v="GLBATCH"/>
    <n v="9"/>
    <n v="2016"/>
  </r>
  <r>
    <s v="110"/>
    <d v="2016-09-15T00:00:00"/>
    <x v="1"/>
    <x v="0"/>
    <s v="10828"/>
    <s v="GLNANDA"/>
    <n v="-548055.47"/>
    <n v="-4734438"/>
    <s v="Billed Revenues"/>
    <s v="EXV"/>
    <s v="NONBU"/>
    <s v="G0000110"/>
    <s v="N"/>
    <s v="MACSS Dist Billed Revenue-03"/>
    <s v=""/>
    <x v="0"/>
    <s v="CAD0330901"/>
    <s v="S"/>
    <s v="KY"/>
    <s v="REV"/>
    <s v="974"/>
    <s v="GLBATCH"/>
    <n v="9"/>
    <n v="2016"/>
  </r>
  <r>
    <s v="110"/>
    <d v="2016-09-15T00:00:00"/>
    <x v="1"/>
    <x v="0"/>
    <s v="10828"/>
    <s v="GLNANDA"/>
    <n v="0"/>
    <n v="3298"/>
    <s v="Billed Revenues"/>
    <s v="EXV"/>
    <s v="NONBU"/>
    <s v="G0000110"/>
    <s v="N"/>
    <s v="MACSS Dist Billed Revenue-03"/>
    <s v=""/>
    <x v="0"/>
    <s v="CAD0330901"/>
    <s v="S"/>
    <s v="KY"/>
    <s v="REV"/>
    <s v="974"/>
    <s v="GLBATCH"/>
    <n v="9"/>
    <n v="2016"/>
  </r>
  <r>
    <s v="110"/>
    <d v="2016-09-15T00:00:00"/>
    <x v="2"/>
    <x v="0"/>
    <s v="10828"/>
    <s v="GLNANDA"/>
    <n v="-690184.8"/>
    <n v="-6263946"/>
    <s v="Billed Revenues"/>
    <s v="EXV"/>
    <s v="NONBU"/>
    <s v="G0000110"/>
    <s v="N"/>
    <s v="MACSS Dist Billed Revenue-03"/>
    <s v=""/>
    <x v="0"/>
    <s v="CAD0330901"/>
    <s v="S"/>
    <s v="KY"/>
    <s v="REV"/>
    <s v="974"/>
    <s v="GLBATCH"/>
    <n v="9"/>
    <n v="2016"/>
  </r>
  <r>
    <s v="110"/>
    <d v="2016-09-15T00:00:00"/>
    <x v="2"/>
    <x v="0"/>
    <s v="10828"/>
    <s v="GLNANDA"/>
    <n v="0"/>
    <n v="1353"/>
    <s v="Billed Revenues"/>
    <s v="EXV"/>
    <s v="NONBU"/>
    <s v="G0000110"/>
    <s v="N"/>
    <s v="MACSS Dist Billed Revenue-03"/>
    <s v=""/>
    <x v="0"/>
    <s v="CAD0330901"/>
    <s v="S"/>
    <s v="KY"/>
    <s v="REV"/>
    <s v="974"/>
    <s v="GLBATCH"/>
    <n v="9"/>
    <n v="2016"/>
  </r>
  <r>
    <s v="110"/>
    <d v="2016-09-15T00:00:00"/>
    <x v="6"/>
    <x v="0"/>
    <s v="10828"/>
    <s v="GLNANDA"/>
    <n v="-802.01"/>
    <n v="-1942"/>
    <s v="Billed Revenues"/>
    <s v="EXV"/>
    <s v="NONBU"/>
    <s v="G0000110"/>
    <s v="N"/>
    <s v="MACSS Dist Billed Revenue-03"/>
    <s v=""/>
    <x v="0"/>
    <s v="CAD0330901"/>
    <s v="S"/>
    <s v="KY"/>
    <s v="REV"/>
    <s v="974"/>
    <s v="GLBATCH"/>
    <n v="9"/>
    <n v="2016"/>
  </r>
  <r>
    <s v="110"/>
    <d v="2016-09-15T00:00:00"/>
    <x v="3"/>
    <x v="0"/>
    <s v="10828"/>
    <s v="GLNANDA"/>
    <n v="-32668.19"/>
    <n v="-378484"/>
    <s v="Billed Revenues"/>
    <s v="EXV"/>
    <s v="NONBU"/>
    <s v="G0000110"/>
    <s v="N"/>
    <s v="MACSS Dist Billed Revenue-03"/>
    <s v=""/>
    <x v="0"/>
    <s v="CAD0330901"/>
    <s v="S"/>
    <s v="KY"/>
    <s v="REV"/>
    <s v="974"/>
    <s v="GLBATCH"/>
    <n v="9"/>
    <n v="2016"/>
  </r>
  <r>
    <s v="110"/>
    <d v="2016-09-15T00:00:00"/>
    <x v="4"/>
    <x v="0"/>
    <s v="10828"/>
    <s v="GLNANDA"/>
    <n v="0"/>
    <n v="3471"/>
    <s v="Billed Revenues"/>
    <s v="EXV"/>
    <s v="NONBU"/>
    <s v="G0000110"/>
    <s v="N"/>
    <s v="MACSS Dist Billed Revenue-03"/>
    <s v=""/>
    <x v="0"/>
    <s v="CAD0330901"/>
    <s v="S"/>
    <s v="KY"/>
    <s v="REV"/>
    <s v="974"/>
    <s v="GLBATCH"/>
    <n v="9"/>
    <n v="2016"/>
  </r>
  <r>
    <s v="110"/>
    <d v="2016-09-15T00:00:00"/>
    <x v="4"/>
    <x v="0"/>
    <s v="10828"/>
    <s v="GLNANDA"/>
    <n v="-552526.91"/>
    <n v="-4744232"/>
    <s v="Billed Revenues"/>
    <s v="EXV"/>
    <s v="NONBU"/>
    <s v="G0000110"/>
    <s v="N"/>
    <s v="MACSS Dist Billed Revenue-03"/>
    <s v=""/>
    <x v="0"/>
    <s v="CAD0330901"/>
    <s v="S"/>
    <s v="KY"/>
    <s v="REV"/>
    <s v="974"/>
    <s v="GLBATCH"/>
    <n v="9"/>
    <n v="2016"/>
  </r>
  <r>
    <s v="110"/>
    <d v="2016-09-15T00:00:00"/>
    <x v="7"/>
    <x v="0"/>
    <s v="10828"/>
    <s v="GLNANDA"/>
    <n v="0"/>
    <n v="49"/>
    <s v="Billed Revenues"/>
    <s v="EXV"/>
    <s v="NONBU"/>
    <s v="G0000110"/>
    <s v="N"/>
    <s v="MACSS Dist Billed Revenue-03"/>
    <s v=""/>
    <x v="0"/>
    <s v="CAD0330901"/>
    <s v="S"/>
    <s v="KY"/>
    <s v="REV"/>
    <s v="974"/>
    <s v="GLBATCH"/>
    <n v="9"/>
    <n v="2016"/>
  </r>
  <r>
    <s v="110"/>
    <d v="2016-09-15T00:00:00"/>
    <x v="7"/>
    <x v="0"/>
    <s v="10828"/>
    <s v="GLNANDA"/>
    <n v="-81089.320000000007"/>
    <n v="-697429"/>
    <s v="Billed Revenues"/>
    <s v="EXV"/>
    <s v="NONBU"/>
    <s v="G0000110"/>
    <s v="N"/>
    <s v="MACSS Dist Billed Revenue-03"/>
    <s v=""/>
    <x v="0"/>
    <s v="CAD0330901"/>
    <s v="S"/>
    <s v="KY"/>
    <s v="REV"/>
    <s v="974"/>
    <s v="GLBATCH"/>
    <n v="9"/>
    <n v="2016"/>
  </r>
  <r>
    <s v="110"/>
    <d v="2016-09-15T00:00:00"/>
    <x v="5"/>
    <x v="0"/>
    <s v="10828"/>
    <s v="GLNANDA"/>
    <n v="-211625.60000000001"/>
    <n v="-2313880"/>
    <s v="Billed Revenues"/>
    <s v="EXV"/>
    <s v="NONBU"/>
    <s v="G0000110"/>
    <s v="N"/>
    <s v="MACSS Dist Billed Revenue-03"/>
    <s v=""/>
    <x v="0"/>
    <s v="CAD0330901"/>
    <s v="S"/>
    <s v="KY"/>
    <s v="REV"/>
    <s v="974"/>
    <s v="GLBATCH"/>
    <n v="9"/>
    <n v="2016"/>
  </r>
  <r>
    <s v="110"/>
    <d v="2016-08-15T00:00:00"/>
    <x v="0"/>
    <x v="0"/>
    <s v="10828"/>
    <s v="GLNANDA"/>
    <n v="-6307801.5599999996"/>
    <n v="-113423000"/>
    <s v="Billed Revenues"/>
    <s v="EXV"/>
    <s v="NONBU"/>
    <s v="G0000110"/>
    <s v="N"/>
    <s v="MACSS Dist Billed Revenue-03"/>
    <s v=""/>
    <x v="0"/>
    <s v="CAD0330901"/>
    <s v="S"/>
    <s v="KY"/>
    <s v="REV"/>
    <s v="974"/>
    <s v="GLBATCH"/>
    <n v="8"/>
    <n v="2016"/>
  </r>
  <r>
    <s v="110"/>
    <d v="2016-08-15T00:00:00"/>
    <x v="0"/>
    <x v="0"/>
    <s v="10828"/>
    <s v="GLNANDA"/>
    <n v="0"/>
    <n v="3"/>
    <s v="Billed Revenues"/>
    <s v="EXV"/>
    <s v="NONBU"/>
    <s v="G0000110"/>
    <s v="N"/>
    <s v="MACSS Dist Billed Revenue-03"/>
    <s v=""/>
    <x v="0"/>
    <s v="CAD0330901"/>
    <s v="S"/>
    <s v="KY"/>
    <s v="REV"/>
    <s v="974"/>
    <s v="GLBATCH"/>
    <n v="8"/>
    <n v="2016"/>
  </r>
  <r>
    <s v="110"/>
    <d v="2016-08-15T00:00:00"/>
    <x v="2"/>
    <x v="0"/>
    <s v="10828"/>
    <s v="GLNANDA"/>
    <n v="-770.51"/>
    <n v="-7120"/>
    <s v="Billed Revenues"/>
    <s v="EXV"/>
    <s v="NONBU"/>
    <s v="G0000110"/>
    <s v="N"/>
    <s v="MACSS Dist Billed Revenue-03"/>
    <s v=""/>
    <x v="0"/>
    <s v="CAD0330901"/>
    <s v="S"/>
    <s v="KY"/>
    <s v="REV"/>
    <s v="974"/>
    <s v="GLBATCH"/>
    <n v="8"/>
    <n v="2016"/>
  </r>
  <r>
    <s v="110"/>
    <d v="2016-08-15T00:00:00"/>
    <x v="2"/>
    <x v="0"/>
    <s v="10828"/>
    <s v="GLNANDA"/>
    <n v="0"/>
    <n v="3"/>
    <s v="Billed Revenues"/>
    <s v="EXV"/>
    <s v="NONBU"/>
    <s v="G0000110"/>
    <s v="N"/>
    <s v="MACSS Dist Billed Revenue-03"/>
    <s v=""/>
    <x v="0"/>
    <s v="CAD0330901"/>
    <s v="S"/>
    <s v="KY"/>
    <s v="REV"/>
    <s v="974"/>
    <s v="GLBATCH"/>
    <n v="8"/>
    <n v="2016"/>
  </r>
  <r>
    <s v="110"/>
    <d v="2016-08-15T00:00:00"/>
    <x v="4"/>
    <x v="0"/>
    <s v="10828"/>
    <s v="GLNANDA"/>
    <n v="-355.62"/>
    <n v="-3469"/>
    <s v="Billed Revenues"/>
    <s v="EXV"/>
    <s v="NONBU"/>
    <s v="G0000110"/>
    <s v="N"/>
    <s v="MACSS Dist Billed Revenue-03"/>
    <s v=""/>
    <x v="0"/>
    <s v="CAD0330901"/>
    <s v="S"/>
    <s v="KY"/>
    <s v="REV"/>
    <s v="974"/>
    <s v="GLBATCH"/>
    <n v="8"/>
    <n v="2016"/>
  </r>
  <r>
    <s v="110"/>
    <d v="2016-08-15T00:00:00"/>
    <x v="4"/>
    <x v="0"/>
    <s v="10828"/>
    <s v="GLNANDA"/>
    <n v="0"/>
    <n v="4"/>
    <s v="Billed Revenues"/>
    <s v="EXV"/>
    <s v="NONBU"/>
    <s v="G0000110"/>
    <s v="N"/>
    <s v="MACSS Dist Billed Revenue-03"/>
    <s v=""/>
    <x v="0"/>
    <s v="CAD0330901"/>
    <s v="S"/>
    <s v="KY"/>
    <s v="REV"/>
    <s v="974"/>
    <s v="GLBATCH"/>
    <n v="8"/>
    <n v="2016"/>
  </r>
  <r>
    <s v="110"/>
    <d v="2016-08-15T00:00:00"/>
    <x v="1"/>
    <x v="0"/>
    <s v="10828"/>
    <s v="GLNANDA"/>
    <n v="56.16"/>
    <n v="470"/>
    <s v="Billed Revenues"/>
    <s v="EXV"/>
    <s v="NONBU"/>
    <s v="G0000110"/>
    <s v="N"/>
    <s v="MACSS Dist Billed Revenue-03"/>
    <s v=""/>
    <x v="0"/>
    <s v="CAD0330901"/>
    <s v="S"/>
    <s v="KY"/>
    <s v="REV"/>
    <s v="974"/>
    <s v="GLBATCH"/>
    <n v="8"/>
    <n v="2016"/>
  </r>
  <r>
    <s v="110"/>
    <d v="2016-08-15T00:00:00"/>
    <x v="5"/>
    <x v="0"/>
    <s v="10828"/>
    <s v="GLNANDA"/>
    <n v="-851.46"/>
    <n v="-6473"/>
    <s v="Billed Revenues"/>
    <s v="EXV"/>
    <s v="NONBU"/>
    <s v="G0000110"/>
    <s v="N"/>
    <s v="MACSS Dist Billed Revenue-03"/>
    <s v=""/>
    <x v="0"/>
    <s v="CAD0330901"/>
    <s v="S"/>
    <s v="KY"/>
    <s v="REV"/>
    <s v="974"/>
    <s v="GLBATCH"/>
    <n v="8"/>
    <n v="2016"/>
  </r>
  <r>
    <s v="110"/>
    <d v="2016-08-15T00:00:00"/>
    <x v="5"/>
    <x v="0"/>
    <s v="10828"/>
    <s v="GLNANDA"/>
    <n v="0"/>
    <n v="1"/>
    <s v="Billed Revenues"/>
    <s v="EXV"/>
    <s v="NONBU"/>
    <s v="G0000110"/>
    <s v="N"/>
    <s v="MACSS Dist Billed Revenue-03"/>
    <s v=""/>
    <x v="0"/>
    <s v="CAD0330901"/>
    <s v="S"/>
    <s v="KY"/>
    <s v="REV"/>
    <s v="974"/>
    <s v="GLBATCH"/>
    <n v="8"/>
    <n v="2016"/>
  </r>
  <r>
    <s v="110"/>
    <d v="2016-08-15T00:00:00"/>
    <x v="3"/>
    <x v="0"/>
    <s v="10828"/>
    <s v="GLNANDA"/>
    <n v="0"/>
    <n v="2"/>
    <s v="Billed Revenues"/>
    <s v="EXV"/>
    <s v="NONBU"/>
    <s v="G0000110"/>
    <s v="N"/>
    <s v="MACSS Dist Billed Revenue-03"/>
    <s v=""/>
    <x v="0"/>
    <s v="CAD0330901"/>
    <s v="S"/>
    <s v="KY"/>
    <s v="REV"/>
    <s v="974"/>
    <s v="GLBATCH"/>
    <n v="8"/>
    <n v="2016"/>
  </r>
  <r>
    <s v="110"/>
    <d v="2016-08-15T00:00:00"/>
    <x v="3"/>
    <x v="0"/>
    <s v="10828"/>
    <s v="GLNANDA"/>
    <n v="-5885.75"/>
    <n v="-63500"/>
    <s v="Billed Revenues"/>
    <s v="EXV"/>
    <s v="NONBU"/>
    <s v="G0000110"/>
    <s v="N"/>
    <s v="MACSS Dist Billed Revenue-03"/>
    <s v=""/>
    <x v="0"/>
    <s v="CAD0330901"/>
    <s v="S"/>
    <s v="KY"/>
    <s v="REV"/>
    <s v="974"/>
    <s v="GLBATCH"/>
    <n v="8"/>
    <n v="2016"/>
  </r>
  <r>
    <s v="110"/>
    <d v="2016-09-15T00:00:00"/>
    <x v="3"/>
    <x v="0"/>
    <s v="10828"/>
    <s v="GLNANDA"/>
    <n v="-307.39999999999998"/>
    <n v="-1916"/>
    <s v="Billed Revenues"/>
    <s v="EXV"/>
    <s v="NONBU"/>
    <s v="G0000110"/>
    <s v="N"/>
    <s v="MACSS Dist Billed Revenue-03"/>
    <s v=""/>
    <x v="0"/>
    <s v="CAD0330902"/>
    <s v="S"/>
    <s v="KY"/>
    <s v="REV"/>
    <s v="974"/>
    <s v="GLBATCH"/>
    <n v="9"/>
    <n v="2016"/>
  </r>
  <r>
    <s v="110"/>
    <d v="2016-09-15T00:00:00"/>
    <x v="5"/>
    <x v="0"/>
    <s v="10828"/>
    <s v="GLNANDA"/>
    <n v="0"/>
    <n v="209"/>
    <s v="Billed Revenues"/>
    <s v="EXV"/>
    <s v="NONBU"/>
    <s v="G0000110"/>
    <s v="N"/>
    <s v="MACSS Dist Billed Revenue-03"/>
    <s v=""/>
    <x v="0"/>
    <s v="CAD0330902"/>
    <s v="S"/>
    <s v="KY"/>
    <s v="REV"/>
    <s v="974"/>
    <s v="GLBATCH"/>
    <n v="9"/>
    <n v="2016"/>
  </r>
  <r>
    <s v="110"/>
    <d v="2016-09-15T00:00:00"/>
    <x v="5"/>
    <x v="0"/>
    <s v="10828"/>
    <s v="GLNANDA"/>
    <n v="-88001.55"/>
    <n v="-724319"/>
    <s v="Billed Revenues"/>
    <s v="EXV"/>
    <s v="NONBU"/>
    <s v="G0000110"/>
    <s v="N"/>
    <s v="MACSS Dist Billed Revenue-03"/>
    <s v=""/>
    <x v="0"/>
    <s v="CAD0330902"/>
    <s v="S"/>
    <s v="KY"/>
    <s v="REV"/>
    <s v="974"/>
    <s v="GLBATCH"/>
    <n v="9"/>
    <n v="2016"/>
  </r>
  <r>
    <s v="110"/>
    <d v="2016-09-15T00:00:00"/>
    <x v="7"/>
    <x v="0"/>
    <s v="10828"/>
    <s v="GLNANDA"/>
    <n v="0"/>
    <n v="46"/>
    <s v="Billed Revenues"/>
    <s v="EXV"/>
    <s v="NONBU"/>
    <s v="G0000110"/>
    <s v="N"/>
    <s v="MACSS Dist Billed Revenue-03"/>
    <s v=""/>
    <x v="0"/>
    <s v="CAD0330902"/>
    <s v="S"/>
    <s v="KY"/>
    <s v="REV"/>
    <s v="974"/>
    <s v="GLBATCH"/>
    <n v="9"/>
    <n v="2016"/>
  </r>
  <r>
    <s v="110"/>
    <d v="2016-09-15T00:00:00"/>
    <x v="7"/>
    <x v="0"/>
    <s v="10828"/>
    <s v="GLNANDA"/>
    <n v="-131241.22"/>
    <n v="-1162146"/>
    <s v="Billed Revenues"/>
    <s v="EXV"/>
    <s v="NONBU"/>
    <s v="G0000110"/>
    <s v="N"/>
    <s v="MACSS Dist Billed Revenue-03"/>
    <s v=""/>
    <x v="0"/>
    <s v="CAD0330902"/>
    <s v="S"/>
    <s v="KY"/>
    <s v="REV"/>
    <s v="974"/>
    <s v="GLBATCH"/>
    <n v="9"/>
    <n v="2016"/>
  </r>
  <r>
    <s v="110"/>
    <d v="2016-09-15T00:00:00"/>
    <x v="6"/>
    <x v="0"/>
    <s v="10828"/>
    <s v="GLNANDA"/>
    <n v="0"/>
    <n v="17"/>
    <s v="Billed Revenues"/>
    <s v="EXV"/>
    <s v="NONBU"/>
    <s v="G0000110"/>
    <s v="N"/>
    <s v="MACSS Dist Billed Revenue-03"/>
    <s v=""/>
    <x v="0"/>
    <s v="CAD0330902"/>
    <s v="S"/>
    <s v="KY"/>
    <s v="REV"/>
    <s v="974"/>
    <s v="GLBATCH"/>
    <n v="9"/>
    <n v="2016"/>
  </r>
  <r>
    <s v="110"/>
    <d v="2016-09-15T00:00:00"/>
    <x v="6"/>
    <x v="0"/>
    <s v="10828"/>
    <s v="GLNANDA"/>
    <n v="-1966.7"/>
    <n v="-14073"/>
    <s v="Billed Revenues"/>
    <s v="EXV"/>
    <s v="NONBU"/>
    <s v="G0000110"/>
    <s v="N"/>
    <s v="MACSS Dist Billed Revenue-03"/>
    <s v=""/>
    <x v="0"/>
    <s v="CAD0330902"/>
    <s v="S"/>
    <s v="KY"/>
    <s v="REV"/>
    <s v="974"/>
    <s v="GLBATCH"/>
    <n v="9"/>
    <n v="2016"/>
  </r>
  <r>
    <s v="110"/>
    <d v="2016-09-15T00:00:00"/>
    <x v="4"/>
    <x v="0"/>
    <s v="10828"/>
    <s v="GLNANDA"/>
    <n v="0"/>
    <n v="3386"/>
    <s v="Billed Revenues"/>
    <s v="EXV"/>
    <s v="NONBU"/>
    <s v="G0000110"/>
    <s v="N"/>
    <s v="MACSS Dist Billed Revenue-03"/>
    <s v=""/>
    <x v="0"/>
    <s v="CAD0330902"/>
    <s v="S"/>
    <s v="KY"/>
    <s v="REV"/>
    <s v="974"/>
    <s v="GLBATCH"/>
    <n v="9"/>
    <n v="2016"/>
  </r>
  <r>
    <s v="110"/>
    <d v="2016-09-15T00:00:00"/>
    <x v="4"/>
    <x v="0"/>
    <s v="10828"/>
    <s v="GLNANDA"/>
    <n v="-578094.68000000005"/>
    <n v="-4981238"/>
    <s v="Billed Revenues"/>
    <s v="EXV"/>
    <s v="NONBU"/>
    <s v="G0000110"/>
    <s v="N"/>
    <s v="MACSS Dist Billed Revenue-03"/>
    <s v=""/>
    <x v="0"/>
    <s v="CAD0330902"/>
    <s v="S"/>
    <s v="KY"/>
    <s v="REV"/>
    <s v="974"/>
    <s v="GLBATCH"/>
    <n v="9"/>
    <n v="2016"/>
  </r>
  <r>
    <s v="110"/>
    <d v="2016-09-15T00:00:00"/>
    <x v="1"/>
    <x v="0"/>
    <s v="10828"/>
    <s v="GLNANDA"/>
    <n v="0"/>
    <n v="3142"/>
    <s v="Billed Revenues"/>
    <s v="EXV"/>
    <s v="NONBU"/>
    <s v="G0000110"/>
    <s v="N"/>
    <s v="MACSS Dist Billed Revenue-03"/>
    <s v=""/>
    <x v="0"/>
    <s v="CAD0330902"/>
    <s v="S"/>
    <s v="KY"/>
    <s v="REV"/>
    <s v="974"/>
    <s v="GLBATCH"/>
    <n v="9"/>
    <n v="2016"/>
  </r>
  <r>
    <s v="110"/>
    <d v="2016-09-15T00:00:00"/>
    <x v="1"/>
    <x v="0"/>
    <s v="10828"/>
    <s v="GLNANDA"/>
    <n v="-549737.21"/>
    <n v="-4766661"/>
    <s v="Billed Revenues"/>
    <s v="EXV"/>
    <s v="NONBU"/>
    <s v="G0000110"/>
    <s v="N"/>
    <s v="MACSS Dist Billed Revenue-03"/>
    <s v=""/>
    <x v="0"/>
    <s v="CAD0330902"/>
    <s v="S"/>
    <s v="KY"/>
    <s v="REV"/>
    <s v="974"/>
    <s v="GLBATCH"/>
    <n v="9"/>
    <n v="2016"/>
  </r>
  <r>
    <s v="110"/>
    <d v="2016-09-15T00:00:00"/>
    <x v="0"/>
    <x v="0"/>
    <s v="10828"/>
    <s v="GLNANDA"/>
    <n v="0"/>
    <n v="20"/>
    <s v="Billed Revenues"/>
    <s v="EXV"/>
    <s v="NONBU"/>
    <s v="G0000110"/>
    <s v="N"/>
    <s v="MACSS Dist Billed Revenue-03"/>
    <s v=""/>
    <x v="0"/>
    <s v="CAD0330902"/>
    <s v="S"/>
    <s v="KY"/>
    <s v="REV"/>
    <s v="974"/>
    <s v="GLBATCH"/>
    <n v="9"/>
    <n v="2016"/>
  </r>
  <r>
    <s v="110"/>
    <d v="2016-09-15T00:00:00"/>
    <x v="0"/>
    <x v="0"/>
    <s v="10828"/>
    <s v="GLNANDA"/>
    <n v="-770731.91"/>
    <n v="-8950082"/>
    <s v="Billed Revenues"/>
    <s v="EXV"/>
    <s v="NONBU"/>
    <s v="G0000110"/>
    <s v="N"/>
    <s v="MACSS Dist Billed Revenue-03"/>
    <s v=""/>
    <x v="0"/>
    <s v="CAD0330902"/>
    <s v="S"/>
    <s v="KY"/>
    <s v="REV"/>
    <s v="974"/>
    <s v="GLBATCH"/>
    <n v="9"/>
    <n v="2016"/>
  </r>
  <r>
    <s v="110"/>
    <d v="2016-09-15T00:00:00"/>
    <x v="2"/>
    <x v="0"/>
    <s v="10828"/>
    <s v="GLNANDA"/>
    <n v="0"/>
    <n v="1127"/>
    <s v="Billed Revenues"/>
    <s v="EXV"/>
    <s v="NONBU"/>
    <s v="G0000110"/>
    <s v="N"/>
    <s v="MACSS Dist Billed Revenue-03"/>
    <s v=""/>
    <x v="0"/>
    <s v="CAD0330902"/>
    <s v="S"/>
    <s v="KY"/>
    <s v="REV"/>
    <s v="974"/>
    <s v="GLBATCH"/>
    <n v="9"/>
    <n v="2016"/>
  </r>
  <r>
    <s v="110"/>
    <d v="2016-09-15T00:00:00"/>
    <x v="2"/>
    <x v="0"/>
    <s v="10828"/>
    <s v="GLNANDA"/>
    <n v="-377627.09"/>
    <n v="-3132472"/>
    <s v="Billed Revenues"/>
    <s v="EXV"/>
    <s v="NONBU"/>
    <s v="G0000110"/>
    <s v="N"/>
    <s v="MACSS Dist Billed Revenue-03"/>
    <s v=""/>
    <x v="0"/>
    <s v="CAD0330902"/>
    <s v="S"/>
    <s v="KY"/>
    <s v="REV"/>
    <s v="974"/>
    <s v="GLBATCH"/>
    <n v="9"/>
    <n v="2016"/>
  </r>
  <r>
    <s v="110"/>
    <d v="2016-09-15T00:00:00"/>
    <x v="3"/>
    <x v="0"/>
    <s v="10828"/>
    <s v="GLNANDA"/>
    <n v="0"/>
    <n v="3"/>
    <s v="Billed Revenues"/>
    <s v="EXV"/>
    <s v="NONBU"/>
    <s v="G0000110"/>
    <s v="N"/>
    <s v="MACSS Dist Billed Revenue-03"/>
    <s v=""/>
    <x v="0"/>
    <s v="CAD0330902"/>
    <s v="S"/>
    <s v="KY"/>
    <s v="REV"/>
    <s v="974"/>
    <s v="GLBATCH"/>
    <n v="9"/>
    <n v="2016"/>
  </r>
  <r>
    <s v="110"/>
    <d v="2016-09-15T00:00:00"/>
    <x v="4"/>
    <x v="0"/>
    <s v="10828"/>
    <s v="GLNANDA"/>
    <n v="0"/>
    <n v="4497"/>
    <s v="Billed Revenues"/>
    <s v="EXV"/>
    <s v="NONBU"/>
    <s v="G0000110"/>
    <s v="N"/>
    <s v="MACSS Dist Billed Revenue-03"/>
    <s v=""/>
    <x v="0"/>
    <s v="CAD0330906"/>
    <s v="S"/>
    <s v="KY"/>
    <s v="REV"/>
    <s v="974"/>
    <s v="GLBATCH"/>
    <n v="9"/>
    <n v="2016"/>
  </r>
  <r>
    <s v="110"/>
    <d v="2016-09-15T00:00:00"/>
    <x v="3"/>
    <x v="0"/>
    <s v="10828"/>
    <s v="GLNANDA"/>
    <n v="0"/>
    <n v="7"/>
    <s v="Billed Revenues"/>
    <s v="EXV"/>
    <s v="NONBU"/>
    <s v="G0000110"/>
    <s v="N"/>
    <s v="MACSS Dist Billed Revenue-03"/>
    <s v=""/>
    <x v="0"/>
    <s v="CAD0330906"/>
    <s v="S"/>
    <s v="KY"/>
    <s v="REV"/>
    <s v="974"/>
    <s v="GLBATCH"/>
    <n v="9"/>
    <n v="2016"/>
  </r>
  <r>
    <s v="110"/>
    <d v="2016-09-15T00:00:00"/>
    <x v="0"/>
    <x v="0"/>
    <s v="10828"/>
    <s v="GLNANDA"/>
    <n v="-1181562.77"/>
    <n v="-19764621"/>
    <s v="Billed Revenues"/>
    <s v="EXV"/>
    <s v="NONBU"/>
    <s v="G0000110"/>
    <s v="N"/>
    <s v="MACSS Dist Billed Revenue-03"/>
    <s v=""/>
    <x v="0"/>
    <s v="CAD0330906"/>
    <s v="S"/>
    <s v="KY"/>
    <s v="REV"/>
    <s v="974"/>
    <s v="GLBATCH"/>
    <n v="9"/>
    <n v="2016"/>
  </r>
  <r>
    <s v="110"/>
    <d v="2016-09-15T00:00:00"/>
    <x v="4"/>
    <x v="0"/>
    <s v="10828"/>
    <s v="GLNANDA"/>
    <n v="-734067.35"/>
    <n v="-6314253"/>
    <s v="Billed Revenues"/>
    <s v="EXV"/>
    <s v="NONBU"/>
    <s v="G0000110"/>
    <s v="N"/>
    <s v="MACSS Dist Billed Revenue-03"/>
    <s v=""/>
    <x v="0"/>
    <s v="CAD0330906"/>
    <s v="S"/>
    <s v="KY"/>
    <s v="REV"/>
    <s v="974"/>
    <s v="GLBATCH"/>
    <n v="9"/>
    <n v="2016"/>
  </r>
  <r>
    <s v="110"/>
    <d v="2016-09-15T00:00:00"/>
    <x v="1"/>
    <x v="0"/>
    <s v="10828"/>
    <s v="GLNANDA"/>
    <n v="-509167.86"/>
    <n v="-4367825"/>
    <s v="Billed Revenues"/>
    <s v="EXV"/>
    <s v="NONBU"/>
    <s v="G0000110"/>
    <s v="N"/>
    <s v="MACSS Dist Billed Revenue-03"/>
    <s v=""/>
    <x v="0"/>
    <s v="CAD0330906"/>
    <s v="S"/>
    <s v="KY"/>
    <s v="REV"/>
    <s v="974"/>
    <s v="GLBATCH"/>
    <n v="9"/>
    <n v="2016"/>
  </r>
  <r>
    <s v="110"/>
    <d v="2016-09-15T00:00:00"/>
    <x v="5"/>
    <x v="0"/>
    <s v="10828"/>
    <s v="GLNANDA"/>
    <n v="-93606.38"/>
    <n v="-800667"/>
    <s v="Billed Revenues"/>
    <s v="EXV"/>
    <s v="NONBU"/>
    <s v="G0000110"/>
    <s v="N"/>
    <s v="MACSS Dist Billed Revenue-03"/>
    <s v=""/>
    <x v="0"/>
    <s v="CAD0330906"/>
    <s v="S"/>
    <s v="KY"/>
    <s v="REV"/>
    <s v="974"/>
    <s v="GLBATCH"/>
    <n v="9"/>
    <n v="2016"/>
  </r>
  <r>
    <s v="110"/>
    <d v="2016-09-15T00:00:00"/>
    <x v="5"/>
    <x v="0"/>
    <s v="10828"/>
    <s v="GLNANDA"/>
    <n v="0"/>
    <n v="151"/>
    <s v="Billed Revenues"/>
    <s v="EXV"/>
    <s v="NONBU"/>
    <s v="G0000110"/>
    <s v="N"/>
    <s v="MACSS Dist Billed Revenue-03"/>
    <s v=""/>
    <x v="0"/>
    <s v="CAD0330906"/>
    <s v="S"/>
    <s v="KY"/>
    <s v="REV"/>
    <s v="974"/>
    <s v="GLBATCH"/>
    <n v="9"/>
    <n v="2016"/>
  </r>
  <r>
    <s v="110"/>
    <d v="2016-09-15T00:00:00"/>
    <x v="2"/>
    <x v="0"/>
    <s v="10828"/>
    <s v="GLNANDA"/>
    <n v="0"/>
    <n v="1360"/>
    <s v="Billed Revenues"/>
    <s v="EXV"/>
    <s v="NONBU"/>
    <s v="G0000110"/>
    <s v="N"/>
    <s v="MACSS Dist Billed Revenue-03"/>
    <s v=""/>
    <x v="0"/>
    <s v="CAD0330906"/>
    <s v="S"/>
    <s v="KY"/>
    <s v="REV"/>
    <s v="974"/>
    <s v="GLBATCH"/>
    <n v="9"/>
    <n v="2016"/>
  </r>
  <r>
    <s v="110"/>
    <d v="2016-09-15T00:00:00"/>
    <x v="2"/>
    <x v="0"/>
    <s v="10828"/>
    <s v="GLNANDA"/>
    <n v="-555207.85"/>
    <n v="-4679873"/>
    <s v="Billed Revenues"/>
    <s v="EXV"/>
    <s v="NONBU"/>
    <s v="G0000110"/>
    <s v="N"/>
    <s v="MACSS Dist Billed Revenue-03"/>
    <s v=""/>
    <x v="0"/>
    <s v="CAD0330906"/>
    <s v="S"/>
    <s v="KY"/>
    <s v="REV"/>
    <s v="974"/>
    <s v="GLBATCH"/>
    <n v="9"/>
    <n v="2016"/>
  </r>
  <r>
    <s v="110"/>
    <d v="2016-09-15T00:00:00"/>
    <x v="6"/>
    <x v="0"/>
    <s v="10828"/>
    <s v="GLNANDA"/>
    <n v="-658.9"/>
    <n v="-1787"/>
    <s v="Billed Revenues"/>
    <s v="EXV"/>
    <s v="NONBU"/>
    <s v="G0000110"/>
    <s v="N"/>
    <s v="MACSS Dist Billed Revenue-03"/>
    <s v=""/>
    <x v="0"/>
    <s v="CAD0330906"/>
    <s v="S"/>
    <s v="KY"/>
    <s v="REV"/>
    <s v="974"/>
    <s v="GLBATCH"/>
    <n v="9"/>
    <n v="2016"/>
  </r>
  <r>
    <s v="110"/>
    <d v="2016-09-15T00:00:00"/>
    <x v="6"/>
    <x v="0"/>
    <s v="10828"/>
    <s v="GLNANDA"/>
    <n v="0"/>
    <n v="21"/>
    <s v="Billed Revenues"/>
    <s v="EXV"/>
    <s v="NONBU"/>
    <s v="G0000110"/>
    <s v="N"/>
    <s v="MACSS Dist Billed Revenue-03"/>
    <s v=""/>
    <x v="0"/>
    <s v="CAD0330906"/>
    <s v="S"/>
    <s v="KY"/>
    <s v="REV"/>
    <s v="974"/>
    <s v="GLBATCH"/>
    <n v="9"/>
    <n v="2016"/>
  </r>
  <r>
    <s v="110"/>
    <d v="2016-09-15T00:00:00"/>
    <x v="1"/>
    <x v="0"/>
    <s v="10828"/>
    <s v="GLNANDA"/>
    <n v="0"/>
    <n v="3177"/>
    <s v="Billed Revenues"/>
    <s v="EXV"/>
    <s v="NONBU"/>
    <s v="G0000110"/>
    <s v="N"/>
    <s v="MACSS Dist Billed Revenue-03"/>
    <s v=""/>
    <x v="0"/>
    <s v="CAD0330906"/>
    <s v="S"/>
    <s v="KY"/>
    <s v="REV"/>
    <s v="974"/>
    <s v="GLBATCH"/>
    <n v="9"/>
    <n v="2016"/>
  </r>
  <r>
    <s v="110"/>
    <d v="2016-09-15T00:00:00"/>
    <x v="3"/>
    <x v="0"/>
    <s v="10828"/>
    <s v="GLNANDA"/>
    <n v="-6893.82"/>
    <n v="-53843"/>
    <s v="Billed Revenues"/>
    <s v="EXV"/>
    <s v="NONBU"/>
    <s v="G0000110"/>
    <s v="N"/>
    <s v="MACSS Dist Billed Revenue-03"/>
    <s v=""/>
    <x v="0"/>
    <s v="CAD0330906"/>
    <s v="S"/>
    <s v="KY"/>
    <s v="REV"/>
    <s v="974"/>
    <s v="GLBATCH"/>
    <n v="9"/>
    <n v="2016"/>
  </r>
  <r>
    <s v="110"/>
    <d v="2016-09-15T00:00:00"/>
    <x v="7"/>
    <x v="0"/>
    <s v="10828"/>
    <s v="GLNANDA"/>
    <n v="0"/>
    <n v="47"/>
    <s v="Billed Revenues"/>
    <s v="EXV"/>
    <s v="NONBU"/>
    <s v="G0000110"/>
    <s v="N"/>
    <s v="MACSS Dist Billed Revenue-03"/>
    <s v=""/>
    <x v="0"/>
    <s v="CAD0330906"/>
    <s v="S"/>
    <s v="KY"/>
    <s v="REV"/>
    <s v="974"/>
    <s v="GLBATCH"/>
    <n v="9"/>
    <n v="2016"/>
  </r>
  <r>
    <s v="110"/>
    <d v="2016-09-15T00:00:00"/>
    <x v="7"/>
    <x v="0"/>
    <s v="10828"/>
    <s v="GLNANDA"/>
    <n v="-157236.28"/>
    <n v="-1424239"/>
    <s v="Billed Revenues"/>
    <s v="EXV"/>
    <s v="NONBU"/>
    <s v="G0000110"/>
    <s v="N"/>
    <s v="MACSS Dist Billed Revenue-03"/>
    <s v=""/>
    <x v="0"/>
    <s v="CAD0330906"/>
    <s v="S"/>
    <s v="KY"/>
    <s v="REV"/>
    <s v="974"/>
    <s v="GLBATCH"/>
    <n v="9"/>
    <n v="2016"/>
  </r>
  <r>
    <s v="110"/>
    <d v="2016-09-15T00:00:00"/>
    <x v="0"/>
    <x v="0"/>
    <s v="10828"/>
    <s v="GLNANDA"/>
    <n v="0"/>
    <n v="48"/>
    <s v="Billed Revenues"/>
    <s v="EXV"/>
    <s v="NONBU"/>
    <s v="G0000110"/>
    <s v="N"/>
    <s v="MACSS Dist Billed Revenue-03"/>
    <s v=""/>
    <x v="0"/>
    <s v="CAD0330906"/>
    <s v="S"/>
    <s v="KY"/>
    <s v="REV"/>
    <s v="974"/>
    <s v="GLBATCH"/>
    <n v="9"/>
    <n v="2016"/>
  </r>
  <r>
    <s v="110"/>
    <d v="2016-09-15T00:00:00"/>
    <x v="5"/>
    <x v="0"/>
    <s v="10828"/>
    <s v="GLNANDA"/>
    <n v="0"/>
    <n v="110"/>
    <s v="Billed Revenues"/>
    <s v="EXV"/>
    <s v="NONBU"/>
    <s v="G0000110"/>
    <s v="N"/>
    <s v="MACSS Dist Billed Revenue-03"/>
    <s v=""/>
    <x v="0"/>
    <s v="CAD0330907"/>
    <s v="S"/>
    <s v="KY"/>
    <s v="REV"/>
    <s v="974"/>
    <s v="GLBATCH"/>
    <n v="9"/>
    <n v="2016"/>
  </r>
  <r>
    <s v="110"/>
    <d v="2016-09-15T00:00:00"/>
    <x v="4"/>
    <x v="0"/>
    <s v="10828"/>
    <s v="GLNANDA"/>
    <n v="-717204.1"/>
    <n v="-6185120"/>
    <s v="Billed Revenues"/>
    <s v="EXV"/>
    <s v="NONBU"/>
    <s v="G0000110"/>
    <s v="N"/>
    <s v="MACSS Dist Billed Revenue-03"/>
    <s v=""/>
    <x v="0"/>
    <s v="CAD0330907"/>
    <s v="S"/>
    <s v="KY"/>
    <s v="REV"/>
    <s v="974"/>
    <s v="GLBATCH"/>
    <n v="9"/>
    <n v="2016"/>
  </r>
  <r>
    <s v="110"/>
    <d v="2016-09-15T00:00:00"/>
    <x v="4"/>
    <x v="0"/>
    <s v="10828"/>
    <s v="GLNANDA"/>
    <n v="0"/>
    <n v="4174"/>
    <s v="Billed Revenues"/>
    <s v="EXV"/>
    <s v="NONBU"/>
    <s v="G0000110"/>
    <s v="N"/>
    <s v="MACSS Dist Billed Revenue-03"/>
    <s v=""/>
    <x v="0"/>
    <s v="CAD0330907"/>
    <s v="S"/>
    <s v="KY"/>
    <s v="REV"/>
    <s v="974"/>
    <s v="GLBATCH"/>
    <n v="9"/>
    <n v="2016"/>
  </r>
  <r>
    <s v="110"/>
    <d v="2016-09-15T00:00:00"/>
    <x v="3"/>
    <x v="0"/>
    <s v="10828"/>
    <s v="GLNANDA"/>
    <n v="-10570.7"/>
    <n v="-63209"/>
    <s v="Billed Revenues"/>
    <s v="EXV"/>
    <s v="NONBU"/>
    <s v="G0000110"/>
    <s v="N"/>
    <s v="MACSS Dist Billed Revenue-03"/>
    <s v=""/>
    <x v="0"/>
    <s v="CAD0330907"/>
    <s v="S"/>
    <s v="KY"/>
    <s v="REV"/>
    <s v="974"/>
    <s v="GLBATCH"/>
    <n v="9"/>
    <n v="2016"/>
  </r>
  <r>
    <s v="110"/>
    <d v="2016-09-15T00:00:00"/>
    <x v="3"/>
    <x v="0"/>
    <s v="10828"/>
    <s v="GLNANDA"/>
    <n v="0"/>
    <n v="5"/>
    <s v="Billed Revenues"/>
    <s v="EXV"/>
    <s v="NONBU"/>
    <s v="G0000110"/>
    <s v="N"/>
    <s v="MACSS Dist Billed Revenue-03"/>
    <s v=""/>
    <x v="0"/>
    <s v="CAD0330907"/>
    <s v="S"/>
    <s v="KY"/>
    <s v="REV"/>
    <s v="974"/>
    <s v="GLBATCH"/>
    <n v="9"/>
    <n v="2016"/>
  </r>
  <r>
    <s v="110"/>
    <d v="2016-09-15T00:00:00"/>
    <x v="6"/>
    <x v="0"/>
    <s v="10828"/>
    <s v="GLNANDA"/>
    <n v="-1580.43"/>
    <n v="-9239"/>
    <s v="Billed Revenues"/>
    <s v="EXV"/>
    <s v="NONBU"/>
    <s v="G0000110"/>
    <s v="N"/>
    <s v="MACSS Dist Billed Revenue-03"/>
    <s v=""/>
    <x v="0"/>
    <s v="CAD0330907"/>
    <s v="S"/>
    <s v="KY"/>
    <s v="REV"/>
    <s v="974"/>
    <s v="GLBATCH"/>
    <n v="9"/>
    <n v="2016"/>
  </r>
  <r>
    <s v="110"/>
    <d v="2016-09-15T00:00:00"/>
    <x v="2"/>
    <x v="0"/>
    <s v="10828"/>
    <s v="GLNANDA"/>
    <n v="0"/>
    <n v="1131"/>
    <s v="Billed Revenues"/>
    <s v="EXV"/>
    <s v="NONBU"/>
    <s v="G0000110"/>
    <s v="N"/>
    <s v="MACSS Dist Billed Revenue-03"/>
    <s v=""/>
    <x v="0"/>
    <s v="CAD0330907"/>
    <s v="S"/>
    <s v="KY"/>
    <s v="REV"/>
    <s v="974"/>
    <s v="GLBATCH"/>
    <n v="9"/>
    <n v="2016"/>
  </r>
  <r>
    <s v="110"/>
    <d v="2016-09-15T00:00:00"/>
    <x v="2"/>
    <x v="0"/>
    <s v="10828"/>
    <s v="GLNANDA"/>
    <n v="-375752.36"/>
    <n v="-3113187"/>
    <s v="Billed Revenues"/>
    <s v="EXV"/>
    <s v="NONBU"/>
    <s v="G0000110"/>
    <s v="N"/>
    <s v="MACSS Dist Billed Revenue-03"/>
    <s v=""/>
    <x v="0"/>
    <s v="CAD0330907"/>
    <s v="S"/>
    <s v="KY"/>
    <s v="REV"/>
    <s v="974"/>
    <s v="GLBATCH"/>
    <n v="9"/>
    <n v="2016"/>
  </r>
  <r>
    <s v="110"/>
    <d v="2016-09-15T00:00:00"/>
    <x v="7"/>
    <x v="0"/>
    <s v="10828"/>
    <s v="GLNANDA"/>
    <n v="0"/>
    <n v="35"/>
    <s v="Billed Revenues"/>
    <s v="EXV"/>
    <s v="NONBU"/>
    <s v="G0000110"/>
    <s v="N"/>
    <s v="MACSS Dist Billed Revenue-03"/>
    <s v=""/>
    <x v="0"/>
    <s v="CAD0330907"/>
    <s v="S"/>
    <s v="KY"/>
    <s v="REV"/>
    <s v="974"/>
    <s v="GLBATCH"/>
    <n v="9"/>
    <n v="2016"/>
  </r>
  <r>
    <s v="110"/>
    <d v="2016-09-15T00:00:00"/>
    <x v="7"/>
    <x v="0"/>
    <s v="10828"/>
    <s v="GLNANDA"/>
    <n v="-165290.79999999999"/>
    <n v="-1479361"/>
    <s v="Billed Revenues"/>
    <s v="EXV"/>
    <s v="NONBU"/>
    <s v="G0000110"/>
    <s v="N"/>
    <s v="MACSS Dist Billed Revenue-03"/>
    <s v=""/>
    <x v="0"/>
    <s v="CAD0330907"/>
    <s v="S"/>
    <s v="KY"/>
    <s v="REV"/>
    <s v="974"/>
    <s v="GLBATCH"/>
    <n v="9"/>
    <n v="2016"/>
  </r>
  <r>
    <s v="110"/>
    <d v="2016-09-15T00:00:00"/>
    <x v="1"/>
    <x v="0"/>
    <s v="10828"/>
    <s v="GLNANDA"/>
    <n v="0"/>
    <n v="2776"/>
    <s v="Billed Revenues"/>
    <s v="EXV"/>
    <s v="NONBU"/>
    <s v="G0000110"/>
    <s v="N"/>
    <s v="MACSS Dist Billed Revenue-03"/>
    <s v=""/>
    <x v="0"/>
    <s v="CAD0330907"/>
    <s v="S"/>
    <s v="KY"/>
    <s v="REV"/>
    <s v="974"/>
    <s v="GLBATCH"/>
    <n v="9"/>
    <n v="2016"/>
  </r>
  <r>
    <s v="110"/>
    <d v="2016-09-15T00:00:00"/>
    <x v="1"/>
    <x v="0"/>
    <s v="10828"/>
    <s v="GLNANDA"/>
    <n v="-423206.52"/>
    <n v="-3606617"/>
    <s v="Billed Revenues"/>
    <s v="EXV"/>
    <s v="NONBU"/>
    <s v="G0000110"/>
    <s v="N"/>
    <s v="MACSS Dist Billed Revenue-03"/>
    <s v=""/>
    <x v="0"/>
    <s v="CAD0330907"/>
    <s v="S"/>
    <s v="KY"/>
    <s v="REV"/>
    <s v="974"/>
    <s v="GLBATCH"/>
    <n v="9"/>
    <n v="2016"/>
  </r>
  <r>
    <s v="110"/>
    <d v="2016-09-15T00:00:00"/>
    <x v="6"/>
    <x v="0"/>
    <s v="10828"/>
    <s v="GLNANDA"/>
    <n v="0"/>
    <n v="20"/>
    <s v="Billed Revenues"/>
    <s v="EXV"/>
    <s v="NONBU"/>
    <s v="G0000110"/>
    <s v="N"/>
    <s v="MACSS Dist Billed Revenue-03"/>
    <s v=""/>
    <x v="0"/>
    <s v="CAD0330907"/>
    <s v="S"/>
    <s v="KY"/>
    <s v="REV"/>
    <s v="974"/>
    <s v="GLBATCH"/>
    <n v="9"/>
    <n v="2016"/>
  </r>
  <r>
    <s v="110"/>
    <d v="2016-09-15T00:00:00"/>
    <x v="0"/>
    <x v="0"/>
    <s v="10828"/>
    <s v="GLNANDA"/>
    <n v="-90683.91"/>
    <n v="-1091719"/>
    <s v="Billed Revenues"/>
    <s v="EXV"/>
    <s v="NONBU"/>
    <s v="G0000110"/>
    <s v="N"/>
    <s v="MACSS Dist Billed Revenue-03"/>
    <s v=""/>
    <x v="0"/>
    <s v="CAD0330907"/>
    <s v="S"/>
    <s v="KY"/>
    <s v="REV"/>
    <s v="974"/>
    <s v="GLBATCH"/>
    <n v="9"/>
    <n v="2016"/>
  </r>
  <r>
    <s v="110"/>
    <d v="2016-09-15T00:00:00"/>
    <x v="5"/>
    <x v="0"/>
    <s v="10828"/>
    <s v="GLNANDA"/>
    <n v="-106786.72"/>
    <n v="-1136381"/>
    <s v="Billed Revenues"/>
    <s v="EXV"/>
    <s v="NONBU"/>
    <s v="G0000110"/>
    <s v="N"/>
    <s v="MACSS Dist Billed Revenue-03"/>
    <s v=""/>
    <x v="0"/>
    <s v="CAD0330907"/>
    <s v="S"/>
    <s v="KY"/>
    <s v="REV"/>
    <s v="974"/>
    <s v="GLBATCH"/>
    <n v="9"/>
    <n v="2016"/>
  </r>
  <r>
    <s v="110"/>
    <d v="2016-09-15T00:00:00"/>
    <x v="0"/>
    <x v="0"/>
    <s v="10828"/>
    <s v="GLNANDA"/>
    <n v="0"/>
    <n v="36"/>
    <s v="Billed Revenues"/>
    <s v="EXV"/>
    <s v="NONBU"/>
    <s v="G0000110"/>
    <s v="N"/>
    <s v="MACSS Dist Billed Revenue-03"/>
    <s v=""/>
    <x v="0"/>
    <s v="CAD0330907"/>
    <s v="S"/>
    <s v="KY"/>
    <s v="REV"/>
    <s v="974"/>
    <s v="GLBATCH"/>
    <n v="9"/>
    <n v="2016"/>
  </r>
  <r>
    <s v="110"/>
    <d v="2016-09-15T00:00:00"/>
    <x v="7"/>
    <x v="0"/>
    <s v="10828"/>
    <s v="GLNANDA"/>
    <n v="-75241.42"/>
    <n v="-638590"/>
    <s v="Billed Revenues"/>
    <s v="EXV"/>
    <s v="NONBU"/>
    <s v="G0000110"/>
    <s v="N"/>
    <s v="MACSS Dist Billed Revenue-03"/>
    <s v=""/>
    <x v="0"/>
    <s v="CAD0330908"/>
    <s v="S"/>
    <s v="KY"/>
    <s v="REV"/>
    <s v="974"/>
    <s v="GLBATCH"/>
    <n v="9"/>
    <n v="2016"/>
  </r>
  <r>
    <s v="110"/>
    <d v="2016-09-15T00:00:00"/>
    <x v="7"/>
    <x v="0"/>
    <s v="10828"/>
    <s v="GLNANDA"/>
    <n v="0"/>
    <n v="46"/>
    <s v="Billed Revenues"/>
    <s v="EXV"/>
    <s v="NONBU"/>
    <s v="G0000110"/>
    <s v="N"/>
    <s v="MACSS Dist Billed Revenue-03"/>
    <s v=""/>
    <x v="0"/>
    <s v="CAD0330908"/>
    <s v="S"/>
    <s v="KY"/>
    <s v="REV"/>
    <s v="974"/>
    <s v="GLBATCH"/>
    <n v="9"/>
    <n v="2016"/>
  </r>
  <r>
    <s v="110"/>
    <d v="2016-09-15T00:00:00"/>
    <x v="1"/>
    <x v="0"/>
    <s v="10828"/>
    <s v="GLNANDA"/>
    <n v="-354825.8"/>
    <n v="-3020736"/>
    <s v="Billed Revenues"/>
    <s v="EXV"/>
    <s v="NONBU"/>
    <s v="G0000110"/>
    <s v="N"/>
    <s v="MACSS Dist Billed Revenue-03"/>
    <s v=""/>
    <x v="0"/>
    <s v="CAD0330908"/>
    <s v="S"/>
    <s v="KY"/>
    <s v="REV"/>
    <s v="974"/>
    <s v="GLBATCH"/>
    <n v="9"/>
    <n v="2016"/>
  </r>
  <r>
    <s v="110"/>
    <d v="2016-09-15T00:00:00"/>
    <x v="1"/>
    <x v="0"/>
    <s v="10828"/>
    <s v="GLNANDA"/>
    <n v="0"/>
    <n v="2338"/>
    <s v="Billed Revenues"/>
    <s v="EXV"/>
    <s v="NONBU"/>
    <s v="G0000110"/>
    <s v="N"/>
    <s v="MACSS Dist Billed Revenue-03"/>
    <s v=""/>
    <x v="0"/>
    <s v="CAD0330908"/>
    <s v="S"/>
    <s v="KY"/>
    <s v="REV"/>
    <s v="974"/>
    <s v="GLBATCH"/>
    <n v="9"/>
    <n v="2016"/>
  </r>
  <r>
    <s v="110"/>
    <d v="2016-09-15T00:00:00"/>
    <x v="2"/>
    <x v="0"/>
    <s v="10828"/>
    <s v="GLNANDA"/>
    <n v="-868084.18"/>
    <n v="-8437660"/>
    <s v="Billed Revenues"/>
    <s v="EXV"/>
    <s v="NONBU"/>
    <s v="G0000110"/>
    <s v="N"/>
    <s v="MACSS Dist Billed Revenue-03"/>
    <s v=""/>
    <x v="0"/>
    <s v="CAD0330908"/>
    <s v="S"/>
    <s v="KY"/>
    <s v="REV"/>
    <s v="974"/>
    <s v="GLBATCH"/>
    <n v="9"/>
    <n v="2016"/>
  </r>
  <r>
    <s v="110"/>
    <d v="2016-09-15T00:00:00"/>
    <x v="2"/>
    <x v="0"/>
    <s v="10828"/>
    <s v="GLNANDA"/>
    <n v="0"/>
    <n v="1508"/>
    <s v="Billed Revenues"/>
    <s v="EXV"/>
    <s v="NONBU"/>
    <s v="G0000110"/>
    <s v="N"/>
    <s v="MACSS Dist Billed Revenue-03"/>
    <s v=""/>
    <x v="0"/>
    <s v="CAD0330908"/>
    <s v="S"/>
    <s v="KY"/>
    <s v="REV"/>
    <s v="974"/>
    <s v="GLBATCH"/>
    <n v="9"/>
    <n v="2016"/>
  </r>
  <r>
    <s v="110"/>
    <d v="2016-09-15T00:00:00"/>
    <x v="4"/>
    <x v="0"/>
    <s v="10828"/>
    <s v="GLNANDA"/>
    <n v="-747595.51"/>
    <n v="-6409023"/>
    <s v="Billed Revenues"/>
    <s v="EXV"/>
    <s v="NONBU"/>
    <s v="G0000110"/>
    <s v="N"/>
    <s v="MACSS Dist Billed Revenue-03"/>
    <s v=""/>
    <x v="0"/>
    <s v="CAD0330908"/>
    <s v="S"/>
    <s v="KY"/>
    <s v="REV"/>
    <s v="974"/>
    <s v="GLBATCH"/>
    <n v="9"/>
    <n v="2016"/>
  </r>
  <r>
    <s v="110"/>
    <d v="2016-09-15T00:00:00"/>
    <x v="4"/>
    <x v="0"/>
    <s v="10828"/>
    <s v="GLNANDA"/>
    <n v="0"/>
    <n v="4752"/>
    <s v="Billed Revenues"/>
    <s v="EXV"/>
    <s v="NONBU"/>
    <s v="G0000110"/>
    <s v="N"/>
    <s v="MACSS Dist Billed Revenue-03"/>
    <s v=""/>
    <x v="0"/>
    <s v="CAD0330908"/>
    <s v="S"/>
    <s v="KY"/>
    <s v="REV"/>
    <s v="974"/>
    <s v="GLBATCH"/>
    <n v="9"/>
    <n v="2016"/>
  </r>
  <r>
    <s v="110"/>
    <d v="2016-09-15T00:00:00"/>
    <x v="5"/>
    <x v="0"/>
    <s v="10828"/>
    <s v="GLNANDA"/>
    <n v="-85269.57"/>
    <n v="-743346"/>
    <s v="Billed Revenues"/>
    <s v="EXV"/>
    <s v="NONBU"/>
    <s v="G0000110"/>
    <s v="N"/>
    <s v="MACSS Dist Billed Revenue-03"/>
    <s v=""/>
    <x v="0"/>
    <s v="CAD0330908"/>
    <s v="S"/>
    <s v="KY"/>
    <s v="REV"/>
    <s v="974"/>
    <s v="GLBATCH"/>
    <n v="9"/>
    <n v="2016"/>
  </r>
  <r>
    <s v="110"/>
    <d v="2016-09-15T00:00:00"/>
    <x v="5"/>
    <x v="0"/>
    <s v="10828"/>
    <s v="GLNANDA"/>
    <n v="0"/>
    <n v="127"/>
    <s v="Billed Revenues"/>
    <s v="EXV"/>
    <s v="NONBU"/>
    <s v="G0000110"/>
    <s v="N"/>
    <s v="MACSS Dist Billed Revenue-03"/>
    <s v=""/>
    <x v="0"/>
    <s v="CAD0330908"/>
    <s v="S"/>
    <s v="KY"/>
    <s v="REV"/>
    <s v="974"/>
    <s v="GLBATCH"/>
    <n v="9"/>
    <n v="2016"/>
  </r>
  <r>
    <s v="110"/>
    <d v="2016-09-15T00:00:00"/>
    <x v="6"/>
    <x v="0"/>
    <s v="10828"/>
    <s v="GLNANDA"/>
    <n v="-595.63"/>
    <n v="-2342"/>
    <s v="Billed Revenues"/>
    <s v="EXV"/>
    <s v="NONBU"/>
    <s v="G0000110"/>
    <s v="N"/>
    <s v="MACSS Dist Billed Revenue-03"/>
    <s v=""/>
    <x v="0"/>
    <s v="CAD0330908"/>
    <s v="S"/>
    <s v="KY"/>
    <s v="REV"/>
    <s v="974"/>
    <s v="GLBATCH"/>
    <n v="9"/>
    <n v="2016"/>
  </r>
  <r>
    <s v="110"/>
    <d v="2016-09-15T00:00:00"/>
    <x v="6"/>
    <x v="0"/>
    <s v="10828"/>
    <s v="GLNANDA"/>
    <n v="0"/>
    <n v="14"/>
    <s v="Billed Revenues"/>
    <s v="EXV"/>
    <s v="NONBU"/>
    <s v="G0000110"/>
    <s v="N"/>
    <s v="MACSS Dist Billed Revenue-03"/>
    <s v=""/>
    <x v="0"/>
    <s v="CAD0330908"/>
    <s v="S"/>
    <s v="KY"/>
    <s v="REV"/>
    <s v="974"/>
    <s v="GLBATCH"/>
    <n v="9"/>
    <n v="2016"/>
  </r>
  <r>
    <s v="110"/>
    <d v="2016-09-15T00:00:00"/>
    <x v="0"/>
    <x v="0"/>
    <s v="10828"/>
    <s v="GLNANDA"/>
    <n v="0"/>
    <n v="25"/>
    <s v="Billed Revenues"/>
    <s v="EXV"/>
    <s v="NONBU"/>
    <s v="G0000110"/>
    <s v="N"/>
    <s v="MACSS Dist Billed Revenue-03"/>
    <s v=""/>
    <x v="0"/>
    <s v="CAD0330908"/>
    <s v="S"/>
    <s v="KY"/>
    <s v="REV"/>
    <s v="974"/>
    <s v="GLBATCH"/>
    <n v="9"/>
    <n v="2016"/>
  </r>
  <r>
    <s v="110"/>
    <d v="2016-09-15T00:00:00"/>
    <x v="0"/>
    <x v="0"/>
    <s v="10828"/>
    <s v="GLNANDA"/>
    <n v="-412242.39"/>
    <n v="-7363898"/>
    <s v="Billed Revenues"/>
    <s v="EXV"/>
    <s v="NONBU"/>
    <s v="G0000110"/>
    <s v="N"/>
    <s v="MACSS Dist Billed Revenue-03"/>
    <s v=""/>
    <x v="0"/>
    <s v="CAD0330908"/>
    <s v="S"/>
    <s v="KY"/>
    <s v="REV"/>
    <s v="974"/>
    <s v="GLBATCH"/>
    <n v="9"/>
    <n v="2016"/>
  </r>
  <r>
    <s v="110"/>
    <d v="2016-09-15T00:00:00"/>
    <x v="3"/>
    <x v="0"/>
    <s v="10828"/>
    <s v="GLNANDA"/>
    <n v="0"/>
    <n v="23"/>
    <s v="Billed Revenues"/>
    <s v="EXV"/>
    <s v="NONBU"/>
    <s v="G0000110"/>
    <s v="N"/>
    <s v="MACSS Dist Billed Revenue-03"/>
    <s v=""/>
    <x v="0"/>
    <s v="CAD0330908"/>
    <s v="S"/>
    <s v="KY"/>
    <s v="REV"/>
    <s v="974"/>
    <s v="GLBATCH"/>
    <n v="9"/>
    <n v="2016"/>
  </r>
  <r>
    <s v="110"/>
    <d v="2016-09-15T00:00:00"/>
    <x v="3"/>
    <x v="0"/>
    <s v="10828"/>
    <s v="GLNANDA"/>
    <n v="-191834.21"/>
    <n v="-1267217"/>
    <s v="Billed Revenues"/>
    <s v="EXV"/>
    <s v="NONBU"/>
    <s v="G0000110"/>
    <s v="N"/>
    <s v="MACSS Dist Billed Revenue-03"/>
    <s v=""/>
    <x v="0"/>
    <s v="CAD0330908"/>
    <s v="S"/>
    <s v="KY"/>
    <s v="REV"/>
    <s v="974"/>
    <s v="GLBATCH"/>
    <n v="9"/>
    <n v="2016"/>
  </r>
  <r>
    <s v="110"/>
    <d v="2016-09-15T00:00:00"/>
    <x v="3"/>
    <x v="0"/>
    <s v="10828"/>
    <s v="GLNANDA"/>
    <n v="0"/>
    <n v="22"/>
    <s v="Billed Revenues"/>
    <s v="EXV"/>
    <s v="NONBU"/>
    <s v="G0000110"/>
    <s v="N"/>
    <s v="MACSS Dist Billed Revenue-03"/>
    <s v=""/>
    <x v="0"/>
    <s v="CAD0330909"/>
    <s v="S"/>
    <s v="KY"/>
    <s v="REV"/>
    <s v="974"/>
    <s v="GLBATCH"/>
    <n v="9"/>
    <n v="2016"/>
  </r>
  <r>
    <s v="110"/>
    <d v="2016-09-15T00:00:00"/>
    <x v="0"/>
    <x v="0"/>
    <s v="10828"/>
    <s v="GLNANDA"/>
    <n v="-168637.76"/>
    <n v="-1264413"/>
    <s v="Billed Revenues"/>
    <s v="EXV"/>
    <s v="NONBU"/>
    <s v="G0000110"/>
    <s v="N"/>
    <s v="MACSS Dist Billed Revenue-03"/>
    <s v=""/>
    <x v="0"/>
    <s v="CAD0330909"/>
    <s v="S"/>
    <s v="KY"/>
    <s v="REV"/>
    <s v="974"/>
    <s v="GLBATCH"/>
    <n v="9"/>
    <n v="2016"/>
  </r>
  <r>
    <s v="110"/>
    <d v="2016-09-15T00:00:00"/>
    <x v="0"/>
    <x v="0"/>
    <s v="10828"/>
    <s v="GLNANDA"/>
    <n v="0"/>
    <n v="45"/>
    <s v="Billed Revenues"/>
    <s v="EXV"/>
    <s v="NONBU"/>
    <s v="G0000110"/>
    <s v="N"/>
    <s v="MACSS Dist Billed Revenue-03"/>
    <s v=""/>
    <x v="0"/>
    <s v="CAD0330909"/>
    <s v="S"/>
    <s v="KY"/>
    <s v="REV"/>
    <s v="974"/>
    <s v="GLBATCH"/>
    <n v="9"/>
    <n v="2016"/>
  </r>
  <r>
    <s v="110"/>
    <d v="2016-09-15T00:00:00"/>
    <x v="1"/>
    <x v="0"/>
    <s v="10828"/>
    <s v="GLNANDA"/>
    <n v="-239993.54"/>
    <n v="-1992973"/>
    <s v="Billed Revenues"/>
    <s v="EXV"/>
    <s v="NONBU"/>
    <s v="G0000110"/>
    <s v="N"/>
    <s v="MACSS Dist Billed Revenue-03"/>
    <s v=""/>
    <x v="0"/>
    <s v="CAD0330909"/>
    <s v="S"/>
    <s v="KY"/>
    <s v="REV"/>
    <s v="974"/>
    <s v="GLBATCH"/>
    <n v="9"/>
    <n v="2016"/>
  </r>
  <r>
    <s v="110"/>
    <d v="2016-09-15T00:00:00"/>
    <x v="1"/>
    <x v="0"/>
    <s v="10828"/>
    <s v="GLNANDA"/>
    <n v="0"/>
    <n v="1858"/>
    <s v="Billed Revenues"/>
    <s v="EXV"/>
    <s v="NONBU"/>
    <s v="G0000110"/>
    <s v="N"/>
    <s v="MACSS Dist Billed Revenue-03"/>
    <s v=""/>
    <x v="0"/>
    <s v="CAD0330909"/>
    <s v="S"/>
    <s v="KY"/>
    <s v="REV"/>
    <s v="974"/>
    <s v="GLBATCH"/>
    <n v="9"/>
    <n v="2016"/>
  </r>
  <r>
    <s v="110"/>
    <d v="2016-09-15T00:00:00"/>
    <x v="2"/>
    <x v="0"/>
    <s v="10828"/>
    <s v="GLNANDA"/>
    <n v="-526665.53"/>
    <n v="-4317099"/>
    <s v="Billed Revenues"/>
    <s v="EXV"/>
    <s v="NONBU"/>
    <s v="G0000110"/>
    <s v="N"/>
    <s v="MACSS Dist Billed Revenue-03"/>
    <s v=""/>
    <x v="0"/>
    <s v="CAD0330909"/>
    <s v="S"/>
    <s v="KY"/>
    <s v="REV"/>
    <s v="974"/>
    <s v="GLBATCH"/>
    <n v="9"/>
    <n v="2016"/>
  </r>
  <r>
    <s v="110"/>
    <d v="2016-09-15T00:00:00"/>
    <x v="2"/>
    <x v="0"/>
    <s v="10828"/>
    <s v="GLNANDA"/>
    <n v="0"/>
    <n v="1458"/>
    <s v="Billed Revenues"/>
    <s v="EXV"/>
    <s v="NONBU"/>
    <s v="G0000110"/>
    <s v="N"/>
    <s v="MACSS Dist Billed Revenue-03"/>
    <s v=""/>
    <x v="0"/>
    <s v="CAD0330909"/>
    <s v="S"/>
    <s v="KY"/>
    <s v="REV"/>
    <s v="974"/>
    <s v="GLBATCH"/>
    <n v="9"/>
    <n v="2016"/>
  </r>
  <r>
    <s v="110"/>
    <d v="2016-09-15T00:00:00"/>
    <x v="3"/>
    <x v="0"/>
    <s v="10828"/>
    <s v="GLNANDA"/>
    <n v="-319930.78999999998"/>
    <n v="-4328757"/>
    <s v="Billed Revenues"/>
    <s v="EXV"/>
    <s v="NONBU"/>
    <s v="G0000110"/>
    <s v="N"/>
    <s v="MACSS Dist Billed Revenue-03"/>
    <s v=""/>
    <x v="0"/>
    <s v="CAD0330909"/>
    <s v="S"/>
    <s v="KY"/>
    <s v="REV"/>
    <s v="974"/>
    <s v="GLBATCH"/>
    <n v="9"/>
    <n v="2016"/>
  </r>
  <r>
    <s v="110"/>
    <d v="2016-09-15T00:00:00"/>
    <x v="4"/>
    <x v="0"/>
    <s v="10828"/>
    <s v="GLNANDA"/>
    <n v="0"/>
    <n v="3645"/>
    <s v="Billed Revenues"/>
    <s v="EXV"/>
    <s v="NONBU"/>
    <s v="G0000110"/>
    <s v="N"/>
    <s v="MACSS Dist Billed Revenue-03"/>
    <s v=""/>
    <x v="0"/>
    <s v="CAD0330909"/>
    <s v="S"/>
    <s v="KY"/>
    <s v="REV"/>
    <s v="974"/>
    <s v="GLBATCH"/>
    <n v="9"/>
    <n v="2016"/>
  </r>
  <r>
    <s v="110"/>
    <d v="2016-09-15T00:00:00"/>
    <x v="5"/>
    <x v="0"/>
    <s v="10828"/>
    <s v="GLNANDA"/>
    <n v="-157356.6"/>
    <n v="-1498197"/>
    <s v="Billed Revenues"/>
    <s v="EXV"/>
    <s v="NONBU"/>
    <s v="G0000110"/>
    <s v="N"/>
    <s v="MACSS Dist Billed Revenue-03"/>
    <s v=""/>
    <x v="0"/>
    <s v="CAD0330909"/>
    <s v="S"/>
    <s v="KY"/>
    <s v="REV"/>
    <s v="974"/>
    <s v="GLBATCH"/>
    <n v="9"/>
    <n v="2016"/>
  </r>
  <r>
    <s v="110"/>
    <d v="2016-09-15T00:00:00"/>
    <x v="5"/>
    <x v="0"/>
    <s v="10828"/>
    <s v="GLNANDA"/>
    <n v="0"/>
    <n v="171"/>
    <s v="Billed Revenues"/>
    <s v="EXV"/>
    <s v="NONBU"/>
    <s v="G0000110"/>
    <s v="N"/>
    <s v="MACSS Dist Billed Revenue-03"/>
    <s v=""/>
    <x v="0"/>
    <s v="CAD0330909"/>
    <s v="S"/>
    <s v="KY"/>
    <s v="REV"/>
    <s v="974"/>
    <s v="GLBATCH"/>
    <n v="9"/>
    <n v="2016"/>
  </r>
  <r>
    <s v="110"/>
    <d v="2016-09-15T00:00:00"/>
    <x v="6"/>
    <x v="0"/>
    <s v="10828"/>
    <s v="GLNANDA"/>
    <n v="-3859.69"/>
    <n v="-29719"/>
    <s v="Billed Revenues"/>
    <s v="EXV"/>
    <s v="NONBU"/>
    <s v="G0000110"/>
    <s v="N"/>
    <s v="MACSS Dist Billed Revenue-03"/>
    <s v=""/>
    <x v="0"/>
    <s v="CAD0330909"/>
    <s v="S"/>
    <s v="KY"/>
    <s v="REV"/>
    <s v="974"/>
    <s v="GLBATCH"/>
    <n v="9"/>
    <n v="2016"/>
  </r>
  <r>
    <s v="110"/>
    <d v="2016-09-15T00:00:00"/>
    <x v="6"/>
    <x v="0"/>
    <s v="10828"/>
    <s v="GLNANDA"/>
    <n v="0"/>
    <n v="14"/>
    <s v="Billed Revenues"/>
    <s v="EXV"/>
    <s v="NONBU"/>
    <s v="G0000110"/>
    <s v="N"/>
    <s v="MACSS Dist Billed Revenue-03"/>
    <s v=""/>
    <x v="0"/>
    <s v="CAD0330909"/>
    <s v="S"/>
    <s v="KY"/>
    <s v="REV"/>
    <s v="974"/>
    <s v="GLBATCH"/>
    <n v="9"/>
    <n v="2016"/>
  </r>
  <r>
    <s v="110"/>
    <d v="2016-09-15T00:00:00"/>
    <x v="7"/>
    <x v="0"/>
    <s v="10828"/>
    <s v="GLNANDA"/>
    <n v="-83685.67"/>
    <n v="-901198"/>
    <s v="Billed Revenues"/>
    <s v="EXV"/>
    <s v="NONBU"/>
    <s v="G0000110"/>
    <s v="N"/>
    <s v="MACSS Dist Billed Revenue-03"/>
    <s v=""/>
    <x v="0"/>
    <s v="CAD0330909"/>
    <s v="S"/>
    <s v="KY"/>
    <s v="REV"/>
    <s v="974"/>
    <s v="GLBATCH"/>
    <n v="9"/>
    <n v="2016"/>
  </r>
  <r>
    <s v="110"/>
    <d v="2016-09-15T00:00:00"/>
    <x v="7"/>
    <x v="0"/>
    <s v="10828"/>
    <s v="GLNANDA"/>
    <n v="0"/>
    <n v="38"/>
    <s v="Billed Revenues"/>
    <s v="EXV"/>
    <s v="NONBU"/>
    <s v="G0000110"/>
    <s v="N"/>
    <s v="MACSS Dist Billed Revenue-03"/>
    <s v=""/>
    <x v="0"/>
    <s v="CAD0330909"/>
    <s v="S"/>
    <s v="KY"/>
    <s v="REV"/>
    <s v="974"/>
    <s v="GLBATCH"/>
    <n v="9"/>
    <n v="2016"/>
  </r>
  <r>
    <s v="110"/>
    <d v="2016-09-15T00:00:00"/>
    <x v="4"/>
    <x v="0"/>
    <s v="10828"/>
    <s v="GLNANDA"/>
    <n v="-557747.43000000005"/>
    <n v="-4746964"/>
    <s v="Billed Revenues"/>
    <s v="EXV"/>
    <s v="NONBU"/>
    <s v="G0000110"/>
    <s v="N"/>
    <s v="MACSS Dist Billed Revenue-03"/>
    <s v=""/>
    <x v="0"/>
    <s v="CAD0330909"/>
    <s v="S"/>
    <s v="KY"/>
    <s v="REV"/>
    <s v="974"/>
    <s v="GLBATCH"/>
    <n v="9"/>
    <n v="2016"/>
  </r>
  <r>
    <s v="110"/>
    <d v="2016-09-15T00:00:00"/>
    <x v="1"/>
    <x v="0"/>
    <s v="10828"/>
    <s v="GLNANDA"/>
    <n v="-379115.77"/>
    <n v="-3212508"/>
    <s v="Billed Revenues"/>
    <s v="EXV"/>
    <s v="NONBU"/>
    <s v="G0000110"/>
    <s v="N"/>
    <s v="MACSS Dist Billed Revenue-03"/>
    <s v=""/>
    <x v="0"/>
    <s v="CAD0330912"/>
    <s v="S"/>
    <s v="KY"/>
    <s v="REV"/>
    <s v="974"/>
    <s v="GLBATCH"/>
    <n v="9"/>
    <n v="2016"/>
  </r>
  <r>
    <s v="110"/>
    <d v="2016-09-15T00:00:00"/>
    <x v="5"/>
    <x v="0"/>
    <s v="10828"/>
    <s v="GLNANDA"/>
    <n v="-163203.39000000001"/>
    <n v="-1399936"/>
    <s v="Billed Revenues"/>
    <s v="EXV"/>
    <s v="NONBU"/>
    <s v="G0000110"/>
    <s v="N"/>
    <s v="MACSS Dist Billed Revenue-03"/>
    <s v=""/>
    <x v="0"/>
    <s v="CAD0330912"/>
    <s v="S"/>
    <s v="KY"/>
    <s v="REV"/>
    <s v="974"/>
    <s v="GLBATCH"/>
    <n v="9"/>
    <n v="2016"/>
  </r>
  <r>
    <s v="110"/>
    <d v="2016-09-15T00:00:00"/>
    <x v="3"/>
    <x v="0"/>
    <s v="10828"/>
    <s v="GLNANDA"/>
    <n v="0"/>
    <n v="2"/>
    <s v="Billed Revenues"/>
    <s v="EXV"/>
    <s v="NONBU"/>
    <s v="G0000110"/>
    <s v="N"/>
    <s v="MACSS Dist Billed Revenue-03"/>
    <s v=""/>
    <x v="0"/>
    <s v="CAD0330912"/>
    <s v="S"/>
    <s v="KY"/>
    <s v="REV"/>
    <s v="974"/>
    <s v="GLBATCH"/>
    <n v="9"/>
    <n v="2016"/>
  </r>
  <r>
    <s v="110"/>
    <d v="2016-09-15T00:00:00"/>
    <x v="3"/>
    <x v="0"/>
    <s v="10828"/>
    <s v="GLNANDA"/>
    <n v="-13737.01"/>
    <n v="-86200"/>
    <s v="Billed Revenues"/>
    <s v="EXV"/>
    <s v="NONBU"/>
    <s v="G0000110"/>
    <s v="N"/>
    <s v="MACSS Dist Billed Revenue-03"/>
    <s v=""/>
    <x v="0"/>
    <s v="CAD0330912"/>
    <s v="S"/>
    <s v="KY"/>
    <s v="REV"/>
    <s v="974"/>
    <s v="GLBATCH"/>
    <n v="9"/>
    <n v="2016"/>
  </r>
  <r>
    <s v="110"/>
    <d v="2016-09-15T00:00:00"/>
    <x v="5"/>
    <x v="0"/>
    <s v="10828"/>
    <s v="GLNANDA"/>
    <n v="0"/>
    <n v="199"/>
    <s v="Billed Revenues"/>
    <s v="EXV"/>
    <s v="NONBU"/>
    <s v="G0000110"/>
    <s v="N"/>
    <s v="MACSS Dist Billed Revenue-03"/>
    <s v=""/>
    <x v="0"/>
    <s v="CAD0330912"/>
    <s v="S"/>
    <s v="KY"/>
    <s v="REV"/>
    <s v="974"/>
    <s v="GLBATCH"/>
    <n v="9"/>
    <n v="2016"/>
  </r>
  <r>
    <s v="110"/>
    <d v="2016-09-15T00:00:00"/>
    <x v="2"/>
    <x v="0"/>
    <s v="10828"/>
    <s v="GLNANDA"/>
    <n v="-599072.51"/>
    <n v="-5182639"/>
    <s v="Billed Revenues"/>
    <s v="EXV"/>
    <s v="NONBU"/>
    <s v="G0000110"/>
    <s v="N"/>
    <s v="MACSS Dist Billed Revenue-03"/>
    <s v=""/>
    <x v="0"/>
    <s v="CAD0330912"/>
    <s v="S"/>
    <s v="KY"/>
    <s v="REV"/>
    <s v="974"/>
    <s v="GLBATCH"/>
    <n v="9"/>
    <n v="2016"/>
  </r>
  <r>
    <s v="110"/>
    <d v="2016-09-15T00:00:00"/>
    <x v="2"/>
    <x v="0"/>
    <s v="10828"/>
    <s v="GLNANDA"/>
    <n v="0"/>
    <n v="1330"/>
    <s v="Billed Revenues"/>
    <s v="EXV"/>
    <s v="NONBU"/>
    <s v="G0000110"/>
    <s v="N"/>
    <s v="MACSS Dist Billed Revenue-03"/>
    <s v=""/>
    <x v="0"/>
    <s v="CAD0330912"/>
    <s v="S"/>
    <s v="KY"/>
    <s v="REV"/>
    <s v="974"/>
    <s v="GLBATCH"/>
    <n v="9"/>
    <n v="2016"/>
  </r>
  <r>
    <s v="110"/>
    <d v="2016-09-15T00:00:00"/>
    <x v="6"/>
    <x v="0"/>
    <s v="10828"/>
    <s v="GLNANDA"/>
    <n v="-3642.69"/>
    <n v="-22195"/>
    <s v="Billed Revenues"/>
    <s v="EXV"/>
    <s v="NONBU"/>
    <s v="G0000110"/>
    <s v="N"/>
    <s v="MACSS Dist Billed Revenue-03"/>
    <s v=""/>
    <x v="0"/>
    <s v="CAD0330912"/>
    <s v="S"/>
    <s v="KY"/>
    <s v="REV"/>
    <s v="974"/>
    <s v="GLBATCH"/>
    <n v="9"/>
    <n v="2016"/>
  </r>
  <r>
    <s v="110"/>
    <d v="2016-09-15T00:00:00"/>
    <x v="6"/>
    <x v="0"/>
    <s v="10828"/>
    <s v="GLNANDA"/>
    <n v="0"/>
    <n v="44"/>
    <s v="Billed Revenues"/>
    <s v="EXV"/>
    <s v="NONBU"/>
    <s v="G0000110"/>
    <s v="N"/>
    <s v="MACSS Dist Billed Revenue-03"/>
    <s v=""/>
    <x v="0"/>
    <s v="CAD0330912"/>
    <s v="S"/>
    <s v="KY"/>
    <s v="REV"/>
    <s v="974"/>
    <s v="GLBATCH"/>
    <n v="9"/>
    <n v="2016"/>
  </r>
  <r>
    <s v="110"/>
    <d v="2016-09-15T00:00:00"/>
    <x v="0"/>
    <x v="0"/>
    <s v="10828"/>
    <s v="GLNANDA"/>
    <n v="0"/>
    <n v="25"/>
    <s v="Billed Revenues"/>
    <s v="EXV"/>
    <s v="NONBU"/>
    <s v="G0000110"/>
    <s v="N"/>
    <s v="MACSS Dist Billed Revenue-03"/>
    <s v=""/>
    <x v="0"/>
    <s v="CAD0330912"/>
    <s v="S"/>
    <s v="KY"/>
    <s v="REV"/>
    <s v="974"/>
    <s v="GLBATCH"/>
    <n v="9"/>
    <n v="2016"/>
  </r>
  <r>
    <s v="110"/>
    <d v="2016-09-15T00:00:00"/>
    <x v="0"/>
    <x v="0"/>
    <s v="10828"/>
    <s v="GLNANDA"/>
    <n v="-29637.17"/>
    <n v="-315647"/>
    <s v="Billed Revenues"/>
    <s v="EXV"/>
    <s v="NONBU"/>
    <s v="G0000110"/>
    <s v="N"/>
    <s v="MACSS Dist Billed Revenue-03"/>
    <s v=""/>
    <x v="0"/>
    <s v="CAD0330912"/>
    <s v="S"/>
    <s v="KY"/>
    <s v="REV"/>
    <s v="974"/>
    <s v="GLBATCH"/>
    <n v="9"/>
    <n v="2016"/>
  </r>
  <r>
    <s v="110"/>
    <d v="2016-09-15T00:00:00"/>
    <x v="4"/>
    <x v="0"/>
    <s v="10828"/>
    <s v="GLNANDA"/>
    <n v="-709205.76"/>
    <n v="-6063165"/>
    <s v="Billed Revenues"/>
    <s v="EXV"/>
    <s v="NONBU"/>
    <s v="G0000110"/>
    <s v="N"/>
    <s v="MACSS Dist Billed Revenue-03"/>
    <s v=""/>
    <x v="0"/>
    <s v="CAD0330912"/>
    <s v="S"/>
    <s v="KY"/>
    <s v="REV"/>
    <s v="974"/>
    <s v="GLBATCH"/>
    <n v="9"/>
    <n v="2016"/>
  </r>
  <r>
    <s v="110"/>
    <d v="2016-09-15T00:00:00"/>
    <x v="4"/>
    <x v="0"/>
    <s v="10828"/>
    <s v="GLNANDA"/>
    <n v="0"/>
    <n v="4620"/>
    <s v="Billed Revenues"/>
    <s v="EXV"/>
    <s v="NONBU"/>
    <s v="G0000110"/>
    <s v="N"/>
    <s v="MACSS Dist Billed Revenue-03"/>
    <s v=""/>
    <x v="0"/>
    <s v="CAD0330912"/>
    <s v="S"/>
    <s v="KY"/>
    <s v="REV"/>
    <s v="974"/>
    <s v="GLBATCH"/>
    <n v="9"/>
    <n v="2016"/>
  </r>
  <r>
    <s v="110"/>
    <d v="2016-09-15T00:00:00"/>
    <x v="7"/>
    <x v="0"/>
    <s v="10828"/>
    <s v="GLNANDA"/>
    <n v="-74330.23"/>
    <n v="-657372"/>
    <s v="Billed Revenues"/>
    <s v="EXV"/>
    <s v="NONBU"/>
    <s v="G0000110"/>
    <s v="N"/>
    <s v="MACSS Dist Billed Revenue-03"/>
    <s v=""/>
    <x v="0"/>
    <s v="CAD0330912"/>
    <s v="S"/>
    <s v="KY"/>
    <s v="REV"/>
    <s v="974"/>
    <s v="GLBATCH"/>
    <n v="9"/>
    <n v="2016"/>
  </r>
  <r>
    <s v="110"/>
    <d v="2016-09-15T00:00:00"/>
    <x v="7"/>
    <x v="0"/>
    <s v="10828"/>
    <s v="GLNANDA"/>
    <n v="0"/>
    <n v="34"/>
    <s v="Billed Revenues"/>
    <s v="EXV"/>
    <s v="NONBU"/>
    <s v="G0000110"/>
    <s v="N"/>
    <s v="MACSS Dist Billed Revenue-03"/>
    <s v=""/>
    <x v="0"/>
    <s v="CAD0330912"/>
    <s v="S"/>
    <s v="KY"/>
    <s v="REV"/>
    <s v="974"/>
    <s v="GLBATCH"/>
    <n v="9"/>
    <n v="2016"/>
  </r>
  <r>
    <s v="110"/>
    <d v="2016-09-15T00:00:00"/>
    <x v="1"/>
    <x v="0"/>
    <s v="10828"/>
    <s v="GLNANDA"/>
    <n v="0"/>
    <n v="2623"/>
    <s v="Billed Revenues"/>
    <s v="EXV"/>
    <s v="NONBU"/>
    <s v="G0000110"/>
    <s v="N"/>
    <s v="MACSS Dist Billed Revenue-03"/>
    <s v=""/>
    <x v="0"/>
    <s v="CAD0330912"/>
    <s v="S"/>
    <s v="KY"/>
    <s v="REV"/>
    <s v="974"/>
    <s v="GLBATCH"/>
    <n v="9"/>
    <n v="2016"/>
  </r>
  <r>
    <s v="110"/>
    <d v="2016-09-15T00:00:00"/>
    <x v="6"/>
    <x v="0"/>
    <s v="10828"/>
    <s v="GLNANDA"/>
    <n v="0"/>
    <n v="12"/>
    <s v="Billed Revenues"/>
    <s v="EXV"/>
    <s v="NONBU"/>
    <s v="G0000110"/>
    <s v="N"/>
    <s v="MACSS Dist Billed Revenue-03"/>
    <s v=""/>
    <x v="0"/>
    <s v="CAD0330913"/>
    <s v="S"/>
    <s v="KY"/>
    <s v="REV"/>
    <s v="974"/>
    <s v="GLBATCH"/>
    <n v="9"/>
    <n v="2016"/>
  </r>
  <r>
    <s v="110"/>
    <d v="2016-09-15T00:00:00"/>
    <x v="2"/>
    <x v="0"/>
    <s v="10828"/>
    <s v="GLNANDA"/>
    <n v="-824235.04"/>
    <n v="-6990761"/>
    <s v="Billed Revenues"/>
    <s v="EXV"/>
    <s v="NONBU"/>
    <s v="G0000110"/>
    <s v="N"/>
    <s v="MACSS Dist Billed Revenue-03"/>
    <s v=""/>
    <x v="0"/>
    <s v="CAD0330913"/>
    <s v="S"/>
    <s v="KY"/>
    <s v="REV"/>
    <s v="974"/>
    <s v="GLBATCH"/>
    <n v="9"/>
    <n v="2016"/>
  </r>
  <r>
    <s v="110"/>
    <d v="2016-09-15T00:00:00"/>
    <x v="2"/>
    <x v="0"/>
    <s v="10828"/>
    <s v="GLNANDA"/>
    <n v="0"/>
    <n v="1757"/>
    <s v="Billed Revenues"/>
    <s v="EXV"/>
    <s v="NONBU"/>
    <s v="G0000110"/>
    <s v="N"/>
    <s v="MACSS Dist Billed Revenue-03"/>
    <s v=""/>
    <x v="0"/>
    <s v="CAD0330913"/>
    <s v="S"/>
    <s v="KY"/>
    <s v="REV"/>
    <s v="974"/>
    <s v="GLBATCH"/>
    <n v="9"/>
    <n v="2016"/>
  </r>
  <r>
    <s v="110"/>
    <d v="2016-09-15T00:00:00"/>
    <x v="4"/>
    <x v="0"/>
    <s v="10828"/>
    <s v="GLNANDA"/>
    <n v="-789061.64"/>
    <n v="-6797442"/>
    <s v="Billed Revenues"/>
    <s v="EXV"/>
    <s v="NONBU"/>
    <s v="G0000110"/>
    <s v="N"/>
    <s v="MACSS Dist Billed Revenue-03"/>
    <s v=""/>
    <x v="0"/>
    <s v="CAD0330913"/>
    <s v="S"/>
    <s v="KY"/>
    <s v="REV"/>
    <s v="974"/>
    <s v="GLBATCH"/>
    <n v="9"/>
    <n v="2016"/>
  </r>
  <r>
    <s v="110"/>
    <d v="2016-09-15T00:00:00"/>
    <x v="4"/>
    <x v="0"/>
    <s v="10828"/>
    <s v="GLNANDA"/>
    <n v="0"/>
    <n v="4858"/>
    <s v="Billed Revenues"/>
    <s v="EXV"/>
    <s v="NONBU"/>
    <s v="G0000110"/>
    <s v="N"/>
    <s v="MACSS Dist Billed Revenue-03"/>
    <s v=""/>
    <x v="0"/>
    <s v="CAD0330913"/>
    <s v="S"/>
    <s v="KY"/>
    <s v="REV"/>
    <s v="974"/>
    <s v="GLBATCH"/>
    <n v="9"/>
    <n v="2016"/>
  </r>
  <r>
    <s v="110"/>
    <d v="2016-09-15T00:00:00"/>
    <x v="5"/>
    <x v="0"/>
    <s v="10828"/>
    <s v="GLNANDA"/>
    <n v="-144573.45000000001"/>
    <n v="-1253617"/>
    <s v="Billed Revenues"/>
    <s v="EXV"/>
    <s v="NONBU"/>
    <s v="G0000110"/>
    <s v="N"/>
    <s v="MACSS Dist Billed Revenue-03"/>
    <s v=""/>
    <x v="0"/>
    <s v="CAD0330913"/>
    <s v="S"/>
    <s v="KY"/>
    <s v="REV"/>
    <s v="974"/>
    <s v="GLBATCH"/>
    <n v="9"/>
    <n v="2016"/>
  </r>
  <r>
    <s v="110"/>
    <d v="2016-09-15T00:00:00"/>
    <x v="1"/>
    <x v="0"/>
    <s v="10828"/>
    <s v="GLNANDA"/>
    <n v="-319749.44"/>
    <n v="-2698660"/>
    <s v="Billed Revenues"/>
    <s v="EXV"/>
    <s v="NONBU"/>
    <s v="G0000110"/>
    <s v="N"/>
    <s v="MACSS Dist Billed Revenue-03"/>
    <s v=""/>
    <x v="0"/>
    <s v="CAD0330913"/>
    <s v="S"/>
    <s v="KY"/>
    <s v="REV"/>
    <s v="974"/>
    <s v="GLBATCH"/>
    <n v="9"/>
    <n v="2016"/>
  </r>
  <r>
    <s v="110"/>
    <d v="2016-09-15T00:00:00"/>
    <x v="6"/>
    <x v="0"/>
    <s v="10828"/>
    <s v="GLNANDA"/>
    <n v="-3151.71"/>
    <n v="-21463"/>
    <s v="Billed Revenues"/>
    <s v="EXV"/>
    <s v="NONBU"/>
    <s v="G0000110"/>
    <s v="N"/>
    <s v="MACSS Dist Billed Revenue-03"/>
    <s v=""/>
    <x v="0"/>
    <s v="CAD0330913"/>
    <s v="S"/>
    <s v="KY"/>
    <s v="REV"/>
    <s v="974"/>
    <s v="GLBATCH"/>
    <n v="9"/>
    <n v="2016"/>
  </r>
  <r>
    <s v="110"/>
    <d v="2016-09-15T00:00:00"/>
    <x v="7"/>
    <x v="0"/>
    <s v="10828"/>
    <s v="GLNANDA"/>
    <n v="0"/>
    <n v="47"/>
    <s v="Billed Revenues"/>
    <s v="EXV"/>
    <s v="NONBU"/>
    <s v="G0000110"/>
    <s v="N"/>
    <s v="MACSS Dist Billed Revenue-03"/>
    <s v=""/>
    <x v="0"/>
    <s v="CAD0330913"/>
    <s v="S"/>
    <s v="KY"/>
    <s v="REV"/>
    <s v="974"/>
    <s v="GLBATCH"/>
    <n v="9"/>
    <n v="2016"/>
  </r>
  <r>
    <s v="110"/>
    <d v="2016-09-15T00:00:00"/>
    <x v="0"/>
    <x v="0"/>
    <s v="10828"/>
    <s v="GLNANDA"/>
    <n v="0"/>
    <n v="29"/>
    <s v="Billed Revenues"/>
    <s v="EXV"/>
    <s v="NONBU"/>
    <s v="G0000110"/>
    <s v="N"/>
    <s v="MACSS Dist Billed Revenue-03"/>
    <s v=""/>
    <x v="0"/>
    <s v="CAD0330913"/>
    <s v="S"/>
    <s v="KY"/>
    <s v="REV"/>
    <s v="974"/>
    <s v="GLBATCH"/>
    <n v="9"/>
    <n v="2016"/>
  </r>
  <r>
    <s v="110"/>
    <d v="2016-09-15T00:00:00"/>
    <x v="0"/>
    <x v="0"/>
    <s v="10828"/>
    <s v="GLNANDA"/>
    <n v="-9957.69"/>
    <n v="-64717"/>
    <s v="Billed Revenues"/>
    <s v="EXV"/>
    <s v="NONBU"/>
    <s v="G0000110"/>
    <s v="N"/>
    <s v="MACSS Dist Billed Revenue-03"/>
    <s v=""/>
    <x v="0"/>
    <s v="CAD0330913"/>
    <s v="S"/>
    <s v="KY"/>
    <s v="REV"/>
    <s v="974"/>
    <s v="GLBATCH"/>
    <n v="9"/>
    <n v="2016"/>
  </r>
  <r>
    <s v="110"/>
    <d v="2016-09-15T00:00:00"/>
    <x v="7"/>
    <x v="0"/>
    <s v="10828"/>
    <s v="GLNANDA"/>
    <n v="-114826.01"/>
    <n v="-1035567"/>
    <s v="Billed Revenues"/>
    <s v="EXV"/>
    <s v="NONBU"/>
    <s v="G0000110"/>
    <s v="N"/>
    <s v="MACSS Dist Billed Revenue-03"/>
    <s v=""/>
    <x v="0"/>
    <s v="CAD0330913"/>
    <s v="S"/>
    <s v="KY"/>
    <s v="REV"/>
    <s v="974"/>
    <s v="GLBATCH"/>
    <n v="9"/>
    <n v="2016"/>
  </r>
  <r>
    <s v="110"/>
    <d v="2016-09-15T00:00:00"/>
    <x v="3"/>
    <x v="0"/>
    <s v="10828"/>
    <s v="GLNANDA"/>
    <n v="0"/>
    <n v="6"/>
    <s v="Billed Revenues"/>
    <s v="EXV"/>
    <s v="NONBU"/>
    <s v="G0000110"/>
    <s v="N"/>
    <s v="MACSS Dist Billed Revenue-03"/>
    <s v=""/>
    <x v="0"/>
    <s v="CAD0330913"/>
    <s v="S"/>
    <s v="KY"/>
    <s v="REV"/>
    <s v="974"/>
    <s v="GLBATCH"/>
    <n v="9"/>
    <n v="2016"/>
  </r>
  <r>
    <s v="110"/>
    <d v="2016-09-15T00:00:00"/>
    <x v="1"/>
    <x v="0"/>
    <s v="10828"/>
    <s v="GLNANDA"/>
    <n v="0"/>
    <n v="2233"/>
    <s v="Billed Revenues"/>
    <s v="EXV"/>
    <s v="NONBU"/>
    <s v="G0000110"/>
    <s v="N"/>
    <s v="MACSS Dist Billed Revenue-03"/>
    <s v=""/>
    <x v="0"/>
    <s v="CAD0330913"/>
    <s v="S"/>
    <s v="KY"/>
    <s v="REV"/>
    <s v="974"/>
    <s v="GLBATCH"/>
    <n v="9"/>
    <n v="2016"/>
  </r>
  <r>
    <s v="110"/>
    <d v="2016-09-15T00:00:00"/>
    <x v="5"/>
    <x v="0"/>
    <s v="10828"/>
    <s v="GLNANDA"/>
    <n v="0"/>
    <n v="215"/>
    <s v="Billed Revenues"/>
    <s v="EXV"/>
    <s v="NONBU"/>
    <s v="G0000110"/>
    <s v="N"/>
    <s v="MACSS Dist Billed Revenue-03"/>
    <s v=""/>
    <x v="0"/>
    <s v="CAD0330913"/>
    <s v="S"/>
    <s v="KY"/>
    <s v="REV"/>
    <s v="974"/>
    <s v="GLBATCH"/>
    <n v="9"/>
    <n v="2016"/>
  </r>
  <r>
    <s v="110"/>
    <d v="2016-09-15T00:00:00"/>
    <x v="3"/>
    <x v="0"/>
    <s v="10828"/>
    <s v="GLNANDA"/>
    <n v="-13047.53"/>
    <n v="-117991"/>
    <s v="Billed Revenues"/>
    <s v="EXV"/>
    <s v="NONBU"/>
    <s v="G0000110"/>
    <s v="N"/>
    <s v="MACSS Dist Billed Revenue-03"/>
    <s v=""/>
    <x v="0"/>
    <s v="CAD0330913"/>
    <s v="S"/>
    <s v="KY"/>
    <s v="REV"/>
    <s v="974"/>
    <s v="GLBATCH"/>
    <n v="9"/>
    <n v="2016"/>
  </r>
  <r>
    <s v="110"/>
    <d v="2016-09-15T00:00:00"/>
    <x v="3"/>
    <x v="0"/>
    <s v="10828"/>
    <s v="GLNANDA"/>
    <n v="0"/>
    <n v="10"/>
    <s v="Billed Revenues"/>
    <s v="EXV"/>
    <s v="NONBU"/>
    <s v="G0000110"/>
    <s v="N"/>
    <s v="MACSS Dist Billed Revenue-03"/>
    <s v=""/>
    <x v="0"/>
    <s v="CAD0330914"/>
    <s v="S"/>
    <s v="KY"/>
    <s v="REV"/>
    <s v="974"/>
    <s v="GLBATCH"/>
    <n v="9"/>
    <n v="2016"/>
  </r>
  <r>
    <s v="110"/>
    <d v="2016-09-15T00:00:00"/>
    <x v="2"/>
    <x v="0"/>
    <s v="10828"/>
    <s v="GLNANDA"/>
    <n v="-474036.85"/>
    <n v="-4082198"/>
    <s v="Billed Revenues"/>
    <s v="EXV"/>
    <s v="NONBU"/>
    <s v="G0000110"/>
    <s v="N"/>
    <s v="MACSS Dist Billed Revenue-03"/>
    <s v=""/>
    <x v="0"/>
    <s v="CAD0330914"/>
    <s v="S"/>
    <s v="KY"/>
    <s v="REV"/>
    <s v="974"/>
    <s v="GLBATCH"/>
    <n v="9"/>
    <n v="2016"/>
  </r>
  <r>
    <s v="110"/>
    <d v="2016-09-15T00:00:00"/>
    <x v="0"/>
    <x v="0"/>
    <s v="10828"/>
    <s v="GLNANDA"/>
    <n v="-30421.09"/>
    <n v="-224401"/>
    <s v="Billed Revenues"/>
    <s v="EXV"/>
    <s v="NONBU"/>
    <s v="G0000110"/>
    <s v="N"/>
    <s v="MACSS Dist Billed Revenue-03"/>
    <s v=""/>
    <x v="0"/>
    <s v="CAD0330914"/>
    <s v="S"/>
    <s v="KY"/>
    <s v="REV"/>
    <s v="974"/>
    <s v="GLBATCH"/>
    <n v="9"/>
    <n v="2016"/>
  </r>
  <r>
    <s v="110"/>
    <d v="2016-09-15T00:00:00"/>
    <x v="0"/>
    <x v="0"/>
    <s v="10828"/>
    <s v="GLNANDA"/>
    <n v="0"/>
    <n v="30"/>
    <s v="Billed Revenues"/>
    <s v="EXV"/>
    <s v="NONBU"/>
    <s v="G0000110"/>
    <s v="N"/>
    <s v="MACSS Dist Billed Revenue-03"/>
    <s v=""/>
    <x v="0"/>
    <s v="CAD0330914"/>
    <s v="S"/>
    <s v="KY"/>
    <s v="REV"/>
    <s v="974"/>
    <s v="GLBATCH"/>
    <n v="9"/>
    <n v="2016"/>
  </r>
  <r>
    <s v="110"/>
    <d v="2016-09-15T00:00:00"/>
    <x v="1"/>
    <x v="0"/>
    <s v="10828"/>
    <s v="GLNANDA"/>
    <n v="-283248.28000000003"/>
    <n v="-2365149"/>
    <s v="Billed Revenues"/>
    <s v="EXV"/>
    <s v="NONBU"/>
    <s v="G0000110"/>
    <s v="N"/>
    <s v="MACSS Dist Billed Revenue-03"/>
    <s v=""/>
    <x v="0"/>
    <s v="CAD0330914"/>
    <s v="S"/>
    <s v="KY"/>
    <s v="REV"/>
    <s v="974"/>
    <s v="GLBATCH"/>
    <n v="9"/>
    <n v="2016"/>
  </r>
  <r>
    <s v="110"/>
    <d v="2016-09-15T00:00:00"/>
    <x v="1"/>
    <x v="0"/>
    <s v="10828"/>
    <s v="GLNANDA"/>
    <n v="0"/>
    <n v="2134"/>
    <s v="Billed Revenues"/>
    <s v="EXV"/>
    <s v="NONBU"/>
    <s v="G0000110"/>
    <s v="N"/>
    <s v="MACSS Dist Billed Revenue-03"/>
    <s v=""/>
    <x v="0"/>
    <s v="CAD0330914"/>
    <s v="S"/>
    <s v="KY"/>
    <s v="REV"/>
    <s v="974"/>
    <s v="GLBATCH"/>
    <n v="9"/>
    <n v="2016"/>
  </r>
  <r>
    <s v="110"/>
    <d v="2016-09-15T00:00:00"/>
    <x v="2"/>
    <x v="0"/>
    <s v="10828"/>
    <s v="GLNANDA"/>
    <n v="0"/>
    <n v="1387"/>
    <s v="Billed Revenues"/>
    <s v="EXV"/>
    <s v="NONBU"/>
    <s v="G0000110"/>
    <s v="N"/>
    <s v="MACSS Dist Billed Revenue-03"/>
    <s v=""/>
    <x v="0"/>
    <s v="CAD0330914"/>
    <s v="S"/>
    <s v="KY"/>
    <s v="REV"/>
    <s v="974"/>
    <s v="GLBATCH"/>
    <n v="9"/>
    <n v="2016"/>
  </r>
  <r>
    <s v="110"/>
    <d v="2016-09-15T00:00:00"/>
    <x v="3"/>
    <x v="0"/>
    <s v="10828"/>
    <s v="GLNANDA"/>
    <n v="-59583.03"/>
    <n v="-802480"/>
    <s v="Billed Revenues"/>
    <s v="EXV"/>
    <s v="NONBU"/>
    <s v="G0000110"/>
    <s v="N"/>
    <s v="MACSS Dist Billed Revenue-03"/>
    <s v=""/>
    <x v="0"/>
    <s v="CAD0330914"/>
    <s v="S"/>
    <s v="KY"/>
    <s v="REV"/>
    <s v="974"/>
    <s v="GLBATCH"/>
    <n v="9"/>
    <n v="2016"/>
  </r>
  <r>
    <s v="110"/>
    <d v="2016-09-15T00:00:00"/>
    <x v="4"/>
    <x v="0"/>
    <s v="10828"/>
    <s v="GLNANDA"/>
    <n v="0"/>
    <n v="4526"/>
    <s v="Billed Revenues"/>
    <s v="EXV"/>
    <s v="NONBU"/>
    <s v="G0000110"/>
    <s v="N"/>
    <s v="MACSS Dist Billed Revenue-03"/>
    <s v=""/>
    <x v="0"/>
    <s v="CAD0330914"/>
    <s v="S"/>
    <s v="KY"/>
    <s v="REV"/>
    <s v="974"/>
    <s v="GLBATCH"/>
    <n v="9"/>
    <n v="2016"/>
  </r>
  <r>
    <s v="110"/>
    <d v="2016-09-15T00:00:00"/>
    <x v="5"/>
    <x v="0"/>
    <s v="10828"/>
    <s v="GLNANDA"/>
    <n v="-51676.59"/>
    <n v="-427918"/>
    <s v="Billed Revenues"/>
    <s v="EXV"/>
    <s v="NONBU"/>
    <s v="G0000110"/>
    <s v="N"/>
    <s v="MACSS Dist Billed Revenue-03"/>
    <s v=""/>
    <x v="0"/>
    <s v="CAD0330914"/>
    <s v="S"/>
    <s v="KY"/>
    <s v="REV"/>
    <s v="974"/>
    <s v="GLBATCH"/>
    <n v="9"/>
    <n v="2016"/>
  </r>
  <r>
    <s v="110"/>
    <d v="2016-09-15T00:00:00"/>
    <x v="5"/>
    <x v="0"/>
    <s v="10828"/>
    <s v="GLNANDA"/>
    <n v="0"/>
    <n v="104"/>
    <s v="Billed Revenues"/>
    <s v="EXV"/>
    <s v="NONBU"/>
    <s v="G0000110"/>
    <s v="N"/>
    <s v="MACSS Dist Billed Revenue-03"/>
    <s v=""/>
    <x v="0"/>
    <s v="CAD0330914"/>
    <s v="S"/>
    <s v="KY"/>
    <s v="REV"/>
    <s v="974"/>
    <s v="GLBATCH"/>
    <n v="9"/>
    <n v="2016"/>
  </r>
  <r>
    <s v="110"/>
    <d v="2016-09-15T00:00:00"/>
    <x v="6"/>
    <x v="0"/>
    <s v="10828"/>
    <s v="GLNANDA"/>
    <n v="-739.37"/>
    <n v="-3415"/>
    <s v="Billed Revenues"/>
    <s v="EXV"/>
    <s v="NONBU"/>
    <s v="G0000110"/>
    <s v="N"/>
    <s v="MACSS Dist Billed Revenue-03"/>
    <s v=""/>
    <x v="0"/>
    <s v="CAD0330914"/>
    <s v="S"/>
    <s v="KY"/>
    <s v="REV"/>
    <s v="974"/>
    <s v="GLBATCH"/>
    <n v="9"/>
    <n v="2016"/>
  </r>
  <r>
    <s v="110"/>
    <d v="2016-09-15T00:00:00"/>
    <x v="6"/>
    <x v="0"/>
    <s v="10828"/>
    <s v="GLNANDA"/>
    <n v="0"/>
    <n v="17"/>
    <s v="Billed Revenues"/>
    <s v="EXV"/>
    <s v="NONBU"/>
    <s v="G0000110"/>
    <s v="N"/>
    <s v="MACSS Dist Billed Revenue-03"/>
    <s v=""/>
    <x v="0"/>
    <s v="CAD0330914"/>
    <s v="S"/>
    <s v="KY"/>
    <s v="REV"/>
    <s v="974"/>
    <s v="GLBATCH"/>
    <n v="9"/>
    <n v="2016"/>
  </r>
  <r>
    <s v="110"/>
    <d v="2016-09-15T00:00:00"/>
    <x v="7"/>
    <x v="0"/>
    <s v="10828"/>
    <s v="GLNANDA"/>
    <n v="-151620.85999999999"/>
    <n v="-1497573"/>
    <s v="Billed Revenues"/>
    <s v="EXV"/>
    <s v="NONBU"/>
    <s v="G0000110"/>
    <s v="N"/>
    <s v="MACSS Dist Billed Revenue-03"/>
    <s v=""/>
    <x v="0"/>
    <s v="CAD0330914"/>
    <s v="S"/>
    <s v="KY"/>
    <s v="REV"/>
    <s v="974"/>
    <s v="GLBATCH"/>
    <n v="9"/>
    <n v="2016"/>
  </r>
  <r>
    <s v="110"/>
    <d v="2016-09-15T00:00:00"/>
    <x v="7"/>
    <x v="0"/>
    <s v="10828"/>
    <s v="GLNANDA"/>
    <n v="0"/>
    <n v="40"/>
    <s v="Billed Revenues"/>
    <s v="EXV"/>
    <s v="NONBU"/>
    <s v="G0000110"/>
    <s v="N"/>
    <s v="MACSS Dist Billed Revenue-03"/>
    <s v=""/>
    <x v="0"/>
    <s v="CAD0330914"/>
    <s v="S"/>
    <s v="KY"/>
    <s v="REV"/>
    <s v="974"/>
    <s v="GLBATCH"/>
    <n v="9"/>
    <n v="2016"/>
  </r>
  <r>
    <s v="110"/>
    <d v="2016-09-15T00:00:00"/>
    <x v="4"/>
    <x v="0"/>
    <s v="10828"/>
    <s v="GLNANDA"/>
    <n v="-667941.54"/>
    <n v="-5681492"/>
    <s v="Billed Revenues"/>
    <s v="EXV"/>
    <s v="NONBU"/>
    <s v="G0000110"/>
    <s v="N"/>
    <s v="MACSS Dist Billed Revenue-03"/>
    <s v=""/>
    <x v="0"/>
    <s v="CAD0330914"/>
    <s v="S"/>
    <s v="KY"/>
    <s v="REV"/>
    <s v="974"/>
    <s v="GLBATCH"/>
    <n v="9"/>
    <n v="2016"/>
  </r>
  <r>
    <s v="110"/>
    <d v="2016-09-15T00:00:00"/>
    <x v="5"/>
    <x v="0"/>
    <s v="10828"/>
    <s v="GLNANDA"/>
    <n v="0"/>
    <n v="83"/>
    <s v="Billed Revenues"/>
    <s v="EXV"/>
    <s v="NONBU"/>
    <s v="G0000110"/>
    <s v="N"/>
    <s v="MACSS Dist Billed Revenue-03"/>
    <s v=""/>
    <x v="0"/>
    <s v="CAD0330915"/>
    <s v="S"/>
    <s v="KY"/>
    <s v="REV"/>
    <s v="974"/>
    <s v="GLBATCH"/>
    <n v="9"/>
    <n v="2016"/>
  </r>
  <r>
    <s v="110"/>
    <d v="2016-09-15T00:00:00"/>
    <x v="5"/>
    <x v="0"/>
    <s v="10828"/>
    <s v="GLNANDA"/>
    <n v="-39532.910000000003"/>
    <n v="-330040"/>
    <s v="Billed Revenues"/>
    <s v="EXV"/>
    <s v="NONBU"/>
    <s v="G0000110"/>
    <s v="N"/>
    <s v="MACSS Dist Billed Revenue-03"/>
    <s v=""/>
    <x v="0"/>
    <s v="CAD0330915"/>
    <s v="S"/>
    <s v="KY"/>
    <s v="REV"/>
    <s v="974"/>
    <s v="GLBATCH"/>
    <n v="9"/>
    <n v="2016"/>
  </r>
  <r>
    <s v="110"/>
    <d v="2016-09-15T00:00:00"/>
    <x v="6"/>
    <x v="0"/>
    <s v="10828"/>
    <s v="GLNANDA"/>
    <n v="0"/>
    <n v="2"/>
    <s v="Billed Revenues"/>
    <s v="EXV"/>
    <s v="NONBU"/>
    <s v="G0000110"/>
    <s v="N"/>
    <s v="MACSS Dist Billed Revenue-03"/>
    <s v=""/>
    <x v="0"/>
    <s v="CAD0330915"/>
    <s v="S"/>
    <s v="KY"/>
    <s v="REV"/>
    <s v="974"/>
    <s v="GLBATCH"/>
    <n v="9"/>
    <n v="2016"/>
  </r>
  <r>
    <s v="110"/>
    <d v="2016-09-15T00:00:00"/>
    <x v="6"/>
    <x v="0"/>
    <s v="10828"/>
    <s v="GLNANDA"/>
    <n v="-98.29"/>
    <n v="-427"/>
    <s v="Billed Revenues"/>
    <s v="EXV"/>
    <s v="NONBU"/>
    <s v="G0000110"/>
    <s v="N"/>
    <s v="MACSS Dist Billed Revenue-03"/>
    <s v=""/>
    <x v="0"/>
    <s v="CAD0330915"/>
    <s v="S"/>
    <s v="KY"/>
    <s v="REV"/>
    <s v="974"/>
    <s v="GLBATCH"/>
    <n v="9"/>
    <n v="2016"/>
  </r>
  <r>
    <s v="110"/>
    <d v="2016-09-15T00:00:00"/>
    <x v="4"/>
    <x v="0"/>
    <s v="10828"/>
    <s v="GLNANDA"/>
    <n v="0"/>
    <n v="3970"/>
    <s v="Billed Revenues"/>
    <s v="EXV"/>
    <s v="NONBU"/>
    <s v="G0000110"/>
    <s v="N"/>
    <s v="MACSS Dist Billed Revenue-03"/>
    <s v=""/>
    <x v="0"/>
    <s v="CAD0330915"/>
    <s v="S"/>
    <s v="KY"/>
    <s v="REV"/>
    <s v="974"/>
    <s v="GLBATCH"/>
    <n v="9"/>
    <n v="2016"/>
  </r>
  <r>
    <s v="110"/>
    <d v="2016-09-15T00:00:00"/>
    <x v="4"/>
    <x v="0"/>
    <s v="10828"/>
    <s v="GLNANDA"/>
    <n v="-590699.04"/>
    <n v="-5010840"/>
    <s v="Billed Revenues"/>
    <s v="EXV"/>
    <s v="NONBU"/>
    <s v="G0000110"/>
    <s v="N"/>
    <s v="MACSS Dist Billed Revenue-03"/>
    <s v=""/>
    <x v="0"/>
    <s v="CAD0330915"/>
    <s v="S"/>
    <s v="KY"/>
    <s v="REV"/>
    <s v="974"/>
    <s v="GLBATCH"/>
    <n v="9"/>
    <n v="2016"/>
  </r>
  <r>
    <s v="110"/>
    <d v="2016-09-15T00:00:00"/>
    <x v="1"/>
    <x v="0"/>
    <s v="10828"/>
    <s v="GLNANDA"/>
    <n v="0"/>
    <n v="2354"/>
    <s v="Billed Revenues"/>
    <s v="EXV"/>
    <s v="NONBU"/>
    <s v="G0000110"/>
    <s v="N"/>
    <s v="MACSS Dist Billed Revenue-03"/>
    <s v=""/>
    <x v="0"/>
    <s v="CAD0330915"/>
    <s v="S"/>
    <s v="KY"/>
    <s v="REV"/>
    <s v="974"/>
    <s v="GLBATCH"/>
    <n v="9"/>
    <n v="2016"/>
  </r>
  <r>
    <s v="110"/>
    <d v="2016-09-15T00:00:00"/>
    <x v="1"/>
    <x v="0"/>
    <s v="10828"/>
    <s v="GLNANDA"/>
    <n v="-303859.92"/>
    <n v="-2534732"/>
    <s v="Billed Revenues"/>
    <s v="EXV"/>
    <s v="NONBU"/>
    <s v="G0000110"/>
    <s v="N"/>
    <s v="MACSS Dist Billed Revenue-03"/>
    <s v=""/>
    <x v="0"/>
    <s v="CAD0330915"/>
    <s v="S"/>
    <s v="KY"/>
    <s v="REV"/>
    <s v="974"/>
    <s v="GLBATCH"/>
    <n v="9"/>
    <n v="2016"/>
  </r>
  <r>
    <s v="110"/>
    <d v="2016-09-15T00:00:00"/>
    <x v="0"/>
    <x v="0"/>
    <s v="10828"/>
    <s v="GLNANDA"/>
    <n v="0"/>
    <n v="19"/>
    <s v="Billed Revenues"/>
    <s v="EXV"/>
    <s v="NONBU"/>
    <s v="G0000110"/>
    <s v="N"/>
    <s v="MACSS Dist Billed Revenue-03"/>
    <s v=""/>
    <x v="0"/>
    <s v="CAD0330915"/>
    <s v="S"/>
    <s v="KY"/>
    <s v="REV"/>
    <s v="974"/>
    <s v="GLBATCH"/>
    <n v="9"/>
    <n v="2016"/>
  </r>
  <r>
    <s v="110"/>
    <d v="2016-09-15T00:00:00"/>
    <x v="0"/>
    <x v="0"/>
    <s v="10828"/>
    <s v="GLNANDA"/>
    <n v="-48098.85"/>
    <n v="-739245"/>
    <s v="Billed Revenues"/>
    <s v="EXV"/>
    <s v="NONBU"/>
    <s v="G0000110"/>
    <s v="N"/>
    <s v="MACSS Dist Billed Revenue-03"/>
    <s v=""/>
    <x v="0"/>
    <s v="CAD0330915"/>
    <s v="S"/>
    <s v="KY"/>
    <s v="REV"/>
    <s v="974"/>
    <s v="GLBATCH"/>
    <n v="9"/>
    <n v="2016"/>
  </r>
  <r>
    <s v="110"/>
    <d v="2016-09-15T00:00:00"/>
    <x v="2"/>
    <x v="0"/>
    <s v="10828"/>
    <s v="GLNANDA"/>
    <n v="0"/>
    <n v="1065"/>
    <s v="Billed Revenues"/>
    <s v="EXV"/>
    <s v="NONBU"/>
    <s v="G0000110"/>
    <s v="N"/>
    <s v="MACSS Dist Billed Revenue-03"/>
    <s v=""/>
    <x v="0"/>
    <s v="CAD0330915"/>
    <s v="S"/>
    <s v="KY"/>
    <s v="REV"/>
    <s v="974"/>
    <s v="GLBATCH"/>
    <n v="9"/>
    <n v="2016"/>
  </r>
  <r>
    <s v="110"/>
    <d v="2016-09-15T00:00:00"/>
    <x v="2"/>
    <x v="0"/>
    <s v="10828"/>
    <s v="GLNANDA"/>
    <n v="-168264.37"/>
    <n v="-1266677"/>
    <s v="Billed Revenues"/>
    <s v="EXV"/>
    <s v="NONBU"/>
    <s v="G0000110"/>
    <s v="N"/>
    <s v="MACSS Dist Billed Revenue-03"/>
    <s v=""/>
    <x v="0"/>
    <s v="CAD0330915"/>
    <s v="S"/>
    <s v="KY"/>
    <s v="REV"/>
    <s v="974"/>
    <s v="GLBATCH"/>
    <n v="9"/>
    <n v="2016"/>
  </r>
  <r>
    <s v="110"/>
    <d v="2016-09-15T00:00:00"/>
    <x v="7"/>
    <x v="0"/>
    <s v="10828"/>
    <s v="GLNANDA"/>
    <n v="0"/>
    <n v="12"/>
    <s v="Billed Revenues"/>
    <s v="EXV"/>
    <s v="NONBU"/>
    <s v="G0000110"/>
    <s v="N"/>
    <s v="MACSS Dist Billed Revenue-03"/>
    <s v=""/>
    <x v="0"/>
    <s v="CAD0330915"/>
    <s v="S"/>
    <s v="KY"/>
    <s v="REV"/>
    <s v="974"/>
    <s v="GLBATCH"/>
    <n v="9"/>
    <n v="2016"/>
  </r>
  <r>
    <s v="110"/>
    <d v="2016-09-15T00:00:00"/>
    <x v="7"/>
    <x v="0"/>
    <s v="10828"/>
    <s v="GLNANDA"/>
    <n v="-38791.32"/>
    <n v="-336365"/>
    <s v="Billed Revenues"/>
    <s v="EXV"/>
    <s v="NONBU"/>
    <s v="G0000110"/>
    <s v="N"/>
    <s v="MACSS Dist Billed Revenue-03"/>
    <s v=""/>
    <x v="0"/>
    <s v="CAD0330915"/>
    <s v="S"/>
    <s v="KY"/>
    <s v="REV"/>
    <s v="974"/>
    <s v="GLBATCH"/>
    <n v="9"/>
    <n v="2016"/>
  </r>
  <r>
    <s v="110"/>
    <d v="2016-09-15T00:00:00"/>
    <x v="3"/>
    <x v="0"/>
    <s v="10828"/>
    <s v="GLNANDA"/>
    <n v="0"/>
    <n v="6"/>
    <s v="Billed Revenues"/>
    <s v="EXV"/>
    <s v="NONBU"/>
    <s v="G0000110"/>
    <s v="N"/>
    <s v="MACSS Dist Billed Revenue-03"/>
    <s v=""/>
    <x v="0"/>
    <s v="CAD0330915"/>
    <s v="S"/>
    <s v="KY"/>
    <s v="REV"/>
    <s v="974"/>
    <s v="GLBATCH"/>
    <n v="9"/>
    <n v="2016"/>
  </r>
  <r>
    <s v="110"/>
    <d v="2016-09-15T00:00:00"/>
    <x v="3"/>
    <x v="0"/>
    <s v="10828"/>
    <s v="GLNANDA"/>
    <n v="-2543.5100000000002"/>
    <n v="-19200"/>
    <s v="Billed Revenues"/>
    <s v="EXV"/>
    <s v="NONBU"/>
    <s v="G0000110"/>
    <s v="N"/>
    <s v="MACSS Dist Billed Revenue-03"/>
    <s v=""/>
    <x v="0"/>
    <s v="CAD0330915"/>
    <s v="S"/>
    <s v="KY"/>
    <s v="REV"/>
    <s v="974"/>
    <s v="GLBATCH"/>
    <n v="9"/>
    <n v="2016"/>
  </r>
  <r>
    <s v="110"/>
    <d v="2016-09-15T00:00:00"/>
    <x v="4"/>
    <x v="0"/>
    <s v="10828"/>
    <s v="GLNANDA"/>
    <n v="-450665.18"/>
    <n v="-3798114"/>
    <s v="Billed Revenues"/>
    <s v="EXV"/>
    <s v="NONBU"/>
    <s v="G0000110"/>
    <s v="N"/>
    <s v="MACSS Dist Billed Revenue-03"/>
    <s v=""/>
    <x v="0"/>
    <s v="CAD0330916"/>
    <s v="S"/>
    <s v="KY"/>
    <s v="REV"/>
    <s v="974"/>
    <s v="GLBATCH"/>
    <n v="9"/>
    <n v="2016"/>
  </r>
  <r>
    <s v="110"/>
    <d v="2016-09-15T00:00:00"/>
    <x v="3"/>
    <x v="0"/>
    <s v="10828"/>
    <s v="GLNANDA"/>
    <n v="0"/>
    <n v="11"/>
    <s v="Billed Revenues"/>
    <s v="EXV"/>
    <s v="NONBU"/>
    <s v="G0000110"/>
    <s v="N"/>
    <s v="MACSS Dist Billed Revenue-03"/>
    <s v=""/>
    <x v="0"/>
    <s v="CAD0330916"/>
    <s v="S"/>
    <s v="KY"/>
    <s v="REV"/>
    <s v="974"/>
    <s v="GLBATCH"/>
    <n v="9"/>
    <n v="2016"/>
  </r>
  <r>
    <s v="110"/>
    <d v="2016-09-15T00:00:00"/>
    <x v="2"/>
    <x v="0"/>
    <s v="10828"/>
    <s v="GLNANDA"/>
    <n v="-120333.11"/>
    <n v="-877759"/>
    <s v="Billed Revenues"/>
    <s v="EXV"/>
    <s v="NONBU"/>
    <s v="G0000110"/>
    <s v="N"/>
    <s v="MACSS Dist Billed Revenue-03"/>
    <s v=""/>
    <x v="0"/>
    <s v="CAD0330916"/>
    <s v="S"/>
    <s v="KY"/>
    <s v="REV"/>
    <s v="974"/>
    <s v="GLBATCH"/>
    <n v="9"/>
    <n v="2016"/>
  </r>
  <r>
    <s v="110"/>
    <d v="2016-09-15T00:00:00"/>
    <x v="2"/>
    <x v="0"/>
    <s v="10828"/>
    <s v="GLNANDA"/>
    <n v="0"/>
    <n v="891"/>
    <s v="Billed Revenues"/>
    <s v="EXV"/>
    <s v="NONBU"/>
    <s v="G0000110"/>
    <s v="N"/>
    <s v="MACSS Dist Billed Revenue-03"/>
    <s v=""/>
    <x v="0"/>
    <s v="CAD0330916"/>
    <s v="S"/>
    <s v="KY"/>
    <s v="REV"/>
    <s v="974"/>
    <s v="GLBATCH"/>
    <n v="9"/>
    <n v="2016"/>
  </r>
  <r>
    <s v="110"/>
    <d v="2016-09-15T00:00:00"/>
    <x v="0"/>
    <x v="0"/>
    <s v="10828"/>
    <s v="GLNANDA"/>
    <n v="-67786.98"/>
    <n v="-609350"/>
    <s v="Billed Revenues"/>
    <s v="EXV"/>
    <s v="NONBU"/>
    <s v="G0000110"/>
    <s v="N"/>
    <s v="MACSS Dist Billed Revenue-03"/>
    <s v=""/>
    <x v="0"/>
    <s v="CAD0330916"/>
    <s v="S"/>
    <s v="KY"/>
    <s v="REV"/>
    <s v="974"/>
    <s v="GLBATCH"/>
    <n v="9"/>
    <n v="2016"/>
  </r>
  <r>
    <s v="110"/>
    <d v="2016-09-15T00:00:00"/>
    <x v="0"/>
    <x v="0"/>
    <s v="10828"/>
    <s v="GLNANDA"/>
    <n v="0"/>
    <n v="31"/>
    <s v="Billed Revenues"/>
    <s v="EXV"/>
    <s v="NONBU"/>
    <s v="G0000110"/>
    <s v="N"/>
    <s v="MACSS Dist Billed Revenue-03"/>
    <s v=""/>
    <x v="0"/>
    <s v="CAD0330916"/>
    <s v="S"/>
    <s v="KY"/>
    <s v="REV"/>
    <s v="974"/>
    <s v="GLBATCH"/>
    <n v="9"/>
    <n v="2016"/>
  </r>
  <r>
    <s v="110"/>
    <d v="2016-09-15T00:00:00"/>
    <x v="3"/>
    <x v="0"/>
    <s v="10828"/>
    <s v="GLNANDA"/>
    <n v="-106614.08"/>
    <n v="-894266"/>
    <s v="Billed Revenues"/>
    <s v="EXV"/>
    <s v="NONBU"/>
    <s v="G0000110"/>
    <s v="N"/>
    <s v="MACSS Dist Billed Revenue-03"/>
    <s v=""/>
    <x v="0"/>
    <s v="CAD0330916"/>
    <s v="S"/>
    <s v="KY"/>
    <s v="REV"/>
    <s v="974"/>
    <s v="GLBATCH"/>
    <n v="9"/>
    <n v="2016"/>
  </r>
  <r>
    <s v="110"/>
    <d v="2016-09-15T00:00:00"/>
    <x v="4"/>
    <x v="0"/>
    <s v="10828"/>
    <s v="GLNANDA"/>
    <n v="0"/>
    <n v="3204"/>
    <s v="Billed Revenues"/>
    <s v="EXV"/>
    <s v="NONBU"/>
    <s v="G0000110"/>
    <s v="N"/>
    <s v="MACSS Dist Billed Revenue-03"/>
    <s v=""/>
    <x v="0"/>
    <s v="CAD0330916"/>
    <s v="S"/>
    <s v="KY"/>
    <s v="REV"/>
    <s v="974"/>
    <s v="GLBATCH"/>
    <n v="9"/>
    <n v="2016"/>
  </r>
  <r>
    <s v="110"/>
    <d v="2016-09-15T00:00:00"/>
    <x v="1"/>
    <x v="0"/>
    <s v="10828"/>
    <s v="GLNANDA"/>
    <n v="-285737.96000000002"/>
    <n v="-2385960"/>
    <s v="Billed Revenues"/>
    <s v="EXV"/>
    <s v="NONBU"/>
    <s v="G0000110"/>
    <s v="N"/>
    <s v="MACSS Dist Billed Revenue-03"/>
    <s v=""/>
    <x v="0"/>
    <s v="CAD0330916"/>
    <s v="S"/>
    <s v="KY"/>
    <s v="REV"/>
    <s v="974"/>
    <s v="GLBATCH"/>
    <n v="9"/>
    <n v="2016"/>
  </r>
  <r>
    <s v="110"/>
    <d v="2016-09-15T00:00:00"/>
    <x v="1"/>
    <x v="0"/>
    <s v="10828"/>
    <s v="GLNANDA"/>
    <n v="0"/>
    <n v="2190"/>
    <s v="Billed Revenues"/>
    <s v="EXV"/>
    <s v="NONBU"/>
    <s v="G0000110"/>
    <s v="N"/>
    <s v="MACSS Dist Billed Revenue-03"/>
    <s v=""/>
    <x v="0"/>
    <s v="CAD0330916"/>
    <s v="S"/>
    <s v="KY"/>
    <s v="REV"/>
    <s v="974"/>
    <s v="GLBATCH"/>
    <n v="9"/>
    <n v="2016"/>
  </r>
  <r>
    <s v="110"/>
    <d v="2016-09-15T00:00:00"/>
    <x v="6"/>
    <x v="0"/>
    <s v="10828"/>
    <s v="GLNANDA"/>
    <n v="-256.97000000000003"/>
    <n v="-715"/>
    <s v="Billed Revenues"/>
    <s v="EXV"/>
    <s v="NONBU"/>
    <s v="G0000110"/>
    <s v="N"/>
    <s v="MACSS Dist Billed Revenue-03"/>
    <s v=""/>
    <x v="0"/>
    <s v="CAD0330916"/>
    <s v="S"/>
    <s v="KY"/>
    <s v="REV"/>
    <s v="974"/>
    <s v="GLBATCH"/>
    <n v="9"/>
    <n v="2016"/>
  </r>
  <r>
    <s v="110"/>
    <d v="2016-09-15T00:00:00"/>
    <x v="6"/>
    <x v="0"/>
    <s v="10828"/>
    <s v="GLNANDA"/>
    <n v="0"/>
    <n v="8"/>
    <s v="Billed Revenues"/>
    <s v="EXV"/>
    <s v="NONBU"/>
    <s v="G0000110"/>
    <s v="N"/>
    <s v="MACSS Dist Billed Revenue-03"/>
    <s v=""/>
    <x v="0"/>
    <s v="CAD0330916"/>
    <s v="S"/>
    <s v="KY"/>
    <s v="REV"/>
    <s v="974"/>
    <s v="GLBATCH"/>
    <n v="9"/>
    <n v="2016"/>
  </r>
  <r>
    <s v="110"/>
    <d v="2016-09-15T00:00:00"/>
    <x v="7"/>
    <x v="0"/>
    <s v="10828"/>
    <s v="GLNANDA"/>
    <n v="-74324.929999999993"/>
    <n v="-669864"/>
    <s v="Billed Revenues"/>
    <s v="EXV"/>
    <s v="NONBU"/>
    <s v="G0000110"/>
    <s v="N"/>
    <s v="MACSS Dist Billed Revenue-03"/>
    <s v=""/>
    <x v="0"/>
    <s v="CAD0330916"/>
    <s v="S"/>
    <s v="KY"/>
    <s v="REV"/>
    <s v="974"/>
    <s v="GLBATCH"/>
    <n v="9"/>
    <n v="2016"/>
  </r>
  <r>
    <s v="110"/>
    <d v="2016-09-15T00:00:00"/>
    <x v="7"/>
    <x v="0"/>
    <s v="10828"/>
    <s v="GLNANDA"/>
    <n v="0"/>
    <n v="17"/>
    <s v="Billed Revenues"/>
    <s v="EXV"/>
    <s v="NONBU"/>
    <s v="G0000110"/>
    <s v="N"/>
    <s v="MACSS Dist Billed Revenue-03"/>
    <s v=""/>
    <x v="0"/>
    <s v="CAD0330916"/>
    <s v="S"/>
    <s v="KY"/>
    <s v="REV"/>
    <s v="974"/>
    <s v="GLBATCH"/>
    <n v="9"/>
    <n v="2016"/>
  </r>
  <r>
    <s v="110"/>
    <d v="2016-09-15T00:00:00"/>
    <x v="5"/>
    <x v="0"/>
    <s v="10828"/>
    <s v="GLNANDA"/>
    <n v="-39033.440000000002"/>
    <n v="-336844"/>
    <s v="Billed Revenues"/>
    <s v="EXV"/>
    <s v="NONBU"/>
    <s v="G0000110"/>
    <s v="N"/>
    <s v="MACSS Dist Billed Revenue-03"/>
    <s v=""/>
    <x v="0"/>
    <s v="CAD0330916"/>
    <s v="S"/>
    <s v="KY"/>
    <s v="REV"/>
    <s v="974"/>
    <s v="GLBATCH"/>
    <n v="9"/>
    <n v="2016"/>
  </r>
  <r>
    <s v="110"/>
    <d v="2016-09-15T00:00:00"/>
    <x v="5"/>
    <x v="0"/>
    <s v="10828"/>
    <s v="GLNANDA"/>
    <n v="0"/>
    <n v="81"/>
    <s v="Billed Revenues"/>
    <s v="EXV"/>
    <s v="NONBU"/>
    <s v="G0000110"/>
    <s v="N"/>
    <s v="MACSS Dist Billed Revenue-03"/>
    <s v=""/>
    <x v="0"/>
    <s v="CAD0330916"/>
    <s v="S"/>
    <s v="KY"/>
    <s v="REV"/>
    <s v="974"/>
    <s v="GLBATCH"/>
    <n v="9"/>
    <n v="2016"/>
  </r>
  <r>
    <s v="110"/>
    <d v="2016-09-15T00:00:00"/>
    <x v="3"/>
    <x v="0"/>
    <s v="10828"/>
    <s v="GLNANDA"/>
    <n v="-48702.39"/>
    <n v="-506966"/>
    <s v="Billed Revenues"/>
    <s v="EXV"/>
    <s v="NONBU"/>
    <s v="G0000110"/>
    <s v="N"/>
    <s v="MACSS Dist Billed Revenue-03"/>
    <s v=""/>
    <x v="0"/>
    <s v="CAD0330919"/>
    <s v="S"/>
    <s v="KY"/>
    <s v="REV"/>
    <s v="974"/>
    <s v="GLBATCH"/>
    <n v="9"/>
    <n v="2016"/>
  </r>
  <r>
    <s v="110"/>
    <d v="2016-09-15T00:00:00"/>
    <x v="5"/>
    <x v="0"/>
    <s v="10828"/>
    <s v="GLNANDA"/>
    <n v="0"/>
    <n v="100"/>
    <s v="Billed Revenues"/>
    <s v="EXV"/>
    <s v="NONBU"/>
    <s v="G0000110"/>
    <s v="N"/>
    <s v="MACSS Dist Billed Revenue-03"/>
    <s v=""/>
    <x v="0"/>
    <s v="CAD0330919"/>
    <s v="S"/>
    <s v="KY"/>
    <s v="REV"/>
    <s v="974"/>
    <s v="GLBATCH"/>
    <n v="9"/>
    <n v="2016"/>
  </r>
  <r>
    <s v="110"/>
    <d v="2016-09-15T00:00:00"/>
    <x v="4"/>
    <x v="0"/>
    <s v="10828"/>
    <s v="GLNANDA"/>
    <n v="-690861.94"/>
    <n v="-5897221"/>
    <s v="Billed Revenues"/>
    <s v="EXV"/>
    <s v="NONBU"/>
    <s v="G0000110"/>
    <s v="N"/>
    <s v="MACSS Dist Billed Revenue-03"/>
    <s v=""/>
    <x v="0"/>
    <s v="CAD0330919"/>
    <s v="S"/>
    <s v="KY"/>
    <s v="REV"/>
    <s v="974"/>
    <s v="GLBATCH"/>
    <n v="9"/>
    <n v="2016"/>
  </r>
  <r>
    <s v="110"/>
    <d v="2016-09-15T00:00:00"/>
    <x v="4"/>
    <x v="0"/>
    <s v="10828"/>
    <s v="GLNANDA"/>
    <n v="0"/>
    <n v="4515"/>
    <s v="Billed Revenues"/>
    <s v="EXV"/>
    <s v="NONBU"/>
    <s v="G0000110"/>
    <s v="N"/>
    <s v="MACSS Dist Billed Revenue-03"/>
    <s v=""/>
    <x v="0"/>
    <s v="CAD0330919"/>
    <s v="S"/>
    <s v="KY"/>
    <s v="REV"/>
    <s v="974"/>
    <s v="GLBATCH"/>
    <n v="9"/>
    <n v="2016"/>
  </r>
  <r>
    <s v="110"/>
    <d v="2016-09-15T00:00:00"/>
    <x v="2"/>
    <x v="0"/>
    <s v="10828"/>
    <s v="GLNANDA"/>
    <n v="-503961.85"/>
    <n v="-5270452"/>
    <s v="Billed Revenues"/>
    <s v="EXV"/>
    <s v="NONBU"/>
    <s v="G0000110"/>
    <s v="N"/>
    <s v="MACSS Dist Billed Revenue-03"/>
    <s v=""/>
    <x v="0"/>
    <s v="CAD0330919"/>
    <s v="S"/>
    <s v="KY"/>
    <s v="REV"/>
    <s v="974"/>
    <s v="GLBATCH"/>
    <n v="9"/>
    <n v="2016"/>
  </r>
  <r>
    <s v="110"/>
    <d v="2016-09-15T00:00:00"/>
    <x v="2"/>
    <x v="0"/>
    <s v="10828"/>
    <s v="GLNANDA"/>
    <n v="0"/>
    <n v="1341"/>
    <s v="Billed Revenues"/>
    <s v="EXV"/>
    <s v="NONBU"/>
    <s v="G0000110"/>
    <s v="N"/>
    <s v="MACSS Dist Billed Revenue-03"/>
    <s v=""/>
    <x v="0"/>
    <s v="CAD0330919"/>
    <s v="S"/>
    <s v="KY"/>
    <s v="REV"/>
    <s v="974"/>
    <s v="GLBATCH"/>
    <n v="9"/>
    <n v="2016"/>
  </r>
  <r>
    <s v="110"/>
    <d v="2016-09-15T00:00:00"/>
    <x v="6"/>
    <x v="0"/>
    <s v="10828"/>
    <s v="GLNANDA"/>
    <n v="-1775.52"/>
    <n v="-13171"/>
    <s v="Billed Revenues"/>
    <s v="EXV"/>
    <s v="NONBU"/>
    <s v="G0000110"/>
    <s v="N"/>
    <s v="MACSS Dist Billed Revenue-03"/>
    <s v=""/>
    <x v="0"/>
    <s v="CAD0330919"/>
    <s v="S"/>
    <s v="KY"/>
    <s v="REV"/>
    <s v="974"/>
    <s v="GLBATCH"/>
    <n v="9"/>
    <n v="2016"/>
  </r>
  <r>
    <s v="110"/>
    <d v="2016-09-15T00:00:00"/>
    <x v="6"/>
    <x v="0"/>
    <s v="10828"/>
    <s v="GLNANDA"/>
    <n v="0"/>
    <n v="9"/>
    <s v="Billed Revenues"/>
    <s v="EXV"/>
    <s v="NONBU"/>
    <s v="G0000110"/>
    <s v="N"/>
    <s v="MACSS Dist Billed Revenue-03"/>
    <s v=""/>
    <x v="0"/>
    <s v="CAD0330919"/>
    <s v="S"/>
    <s v="KY"/>
    <s v="REV"/>
    <s v="974"/>
    <s v="GLBATCH"/>
    <n v="9"/>
    <n v="2016"/>
  </r>
  <r>
    <s v="110"/>
    <d v="2016-09-15T00:00:00"/>
    <x v="7"/>
    <x v="0"/>
    <s v="10828"/>
    <s v="GLNANDA"/>
    <n v="-52194.52"/>
    <n v="-471172"/>
    <s v="Billed Revenues"/>
    <s v="EXV"/>
    <s v="NONBU"/>
    <s v="G0000110"/>
    <s v="N"/>
    <s v="MACSS Dist Billed Revenue-03"/>
    <s v=""/>
    <x v="0"/>
    <s v="CAD0330919"/>
    <s v="S"/>
    <s v="KY"/>
    <s v="REV"/>
    <s v="974"/>
    <s v="GLBATCH"/>
    <n v="9"/>
    <n v="2016"/>
  </r>
  <r>
    <s v="110"/>
    <d v="2016-09-15T00:00:00"/>
    <x v="7"/>
    <x v="0"/>
    <s v="10828"/>
    <s v="GLNANDA"/>
    <n v="0"/>
    <n v="17"/>
    <s v="Billed Revenues"/>
    <s v="EXV"/>
    <s v="NONBU"/>
    <s v="G0000110"/>
    <s v="N"/>
    <s v="MACSS Dist Billed Revenue-03"/>
    <s v=""/>
    <x v="0"/>
    <s v="CAD0330919"/>
    <s v="S"/>
    <s v="KY"/>
    <s v="REV"/>
    <s v="974"/>
    <s v="GLBATCH"/>
    <n v="9"/>
    <n v="2016"/>
  </r>
  <r>
    <s v="110"/>
    <d v="2016-09-15T00:00:00"/>
    <x v="0"/>
    <x v="0"/>
    <s v="10828"/>
    <s v="GLNANDA"/>
    <n v="-236054.39999999999"/>
    <n v="-2762127"/>
    <s v="Billed Revenues"/>
    <s v="EXV"/>
    <s v="NONBU"/>
    <s v="G0000110"/>
    <s v="N"/>
    <s v="MACSS Dist Billed Revenue-03"/>
    <s v=""/>
    <x v="0"/>
    <s v="CAD0330919"/>
    <s v="S"/>
    <s v="KY"/>
    <s v="REV"/>
    <s v="974"/>
    <s v="GLBATCH"/>
    <n v="9"/>
    <n v="2016"/>
  </r>
  <r>
    <s v="110"/>
    <d v="2016-09-15T00:00:00"/>
    <x v="0"/>
    <x v="0"/>
    <s v="10828"/>
    <s v="GLNANDA"/>
    <n v="0"/>
    <n v="91"/>
    <s v="Billed Revenues"/>
    <s v="EXV"/>
    <s v="NONBU"/>
    <s v="G0000110"/>
    <s v="N"/>
    <s v="MACSS Dist Billed Revenue-03"/>
    <s v=""/>
    <x v="0"/>
    <s v="CAD0330919"/>
    <s v="S"/>
    <s v="KY"/>
    <s v="REV"/>
    <s v="974"/>
    <s v="GLBATCH"/>
    <n v="9"/>
    <n v="2016"/>
  </r>
  <r>
    <s v="110"/>
    <d v="2016-09-15T00:00:00"/>
    <x v="1"/>
    <x v="0"/>
    <s v="10828"/>
    <s v="GLNANDA"/>
    <n v="-280247.58"/>
    <n v="-2341119"/>
    <s v="Billed Revenues"/>
    <s v="EXV"/>
    <s v="NONBU"/>
    <s v="G0000110"/>
    <s v="N"/>
    <s v="MACSS Dist Billed Revenue-03"/>
    <s v=""/>
    <x v="0"/>
    <s v="CAD0330919"/>
    <s v="S"/>
    <s v="KY"/>
    <s v="REV"/>
    <s v="974"/>
    <s v="GLBATCH"/>
    <n v="9"/>
    <n v="2016"/>
  </r>
  <r>
    <s v="110"/>
    <d v="2016-09-15T00:00:00"/>
    <x v="1"/>
    <x v="0"/>
    <s v="10828"/>
    <s v="GLNANDA"/>
    <n v="0"/>
    <n v="2106"/>
    <s v="Billed Revenues"/>
    <s v="EXV"/>
    <s v="NONBU"/>
    <s v="G0000110"/>
    <s v="N"/>
    <s v="MACSS Dist Billed Revenue-03"/>
    <s v=""/>
    <x v="0"/>
    <s v="CAD0330919"/>
    <s v="S"/>
    <s v="KY"/>
    <s v="REV"/>
    <s v="974"/>
    <s v="GLBATCH"/>
    <n v="9"/>
    <n v="2016"/>
  </r>
  <r>
    <s v="110"/>
    <d v="2016-09-15T00:00:00"/>
    <x v="5"/>
    <x v="0"/>
    <s v="10828"/>
    <s v="GLNANDA"/>
    <n v="-67496.399999999994"/>
    <n v="-576085"/>
    <s v="Billed Revenues"/>
    <s v="EXV"/>
    <s v="NONBU"/>
    <s v="G0000110"/>
    <s v="N"/>
    <s v="MACSS Dist Billed Revenue-03"/>
    <s v=""/>
    <x v="0"/>
    <s v="CAD0330919"/>
    <s v="S"/>
    <s v="KY"/>
    <s v="REV"/>
    <s v="974"/>
    <s v="GLBATCH"/>
    <n v="9"/>
    <n v="2016"/>
  </r>
  <r>
    <s v="110"/>
    <d v="2016-09-15T00:00:00"/>
    <x v="3"/>
    <x v="0"/>
    <s v="10828"/>
    <s v="GLNANDA"/>
    <n v="0"/>
    <n v="15"/>
    <s v="Billed Revenues"/>
    <s v="EXV"/>
    <s v="NONBU"/>
    <s v="G0000110"/>
    <s v="N"/>
    <s v="MACSS Dist Billed Revenue-03"/>
    <s v=""/>
    <x v="0"/>
    <s v="CAD0330919"/>
    <s v="S"/>
    <s v="KY"/>
    <s v="REV"/>
    <s v="974"/>
    <s v="GLBATCH"/>
    <n v="9"/>
    <n v="2016"/>
  </r>
  <r>
    <s v="110"/>
    <d v="2016-09-15T00:00:00"/>
    <x v="3"/>
    <x v="0"/>
    <s v="10828"/>
    <s v="GLNANDA"/>
    <n v="0"/>
    <n v="12"/>
    <s v="Billed Revenues"/>
    <s v="EXV"/>
    <s v="NONBU"/>
    <s v="G0000110"/>
    <s v="N"/>
    <s v="MACSS Dist Billed Revenue-03"/>
    <s v=""/>
    <x v="0"/>
    <s v="CAD0330920"/>
    <s v="S"/>
    <s v="KY"/>
    <s v="REV"/>
    <s v="974"/>
    <s v="GLBATCH"/>
    <n v="9"/>
    <n v="2016"/>
  </r>
  <r>
    <s v="110"/>
    <d v="2016-09-15T00:00:00"/>
    <x v="3"/>
    <x v="0"/>
    <s v="10828"/>
    <s v="GLNANDA"/>
    <n v="-17119.18"/>
    <n v="-104502"/>
    <s v="Billed Revenues"/>
    <s v="EXV"/>
    <s v="NONBU"/>
    <s v="G0000110"/>
    <s v="N"/>
    <s v="MACSS Dist Billed Revenue-03"/>
    <s v=""/>
    <x v="0"/>
    <s v="CAD0330920"/>
    <s v="S"/>
    <s v="KY"/>
    <s v="REV"/>
    <s v="974"/>
    <s v="GLBATCH"/>
    <n v="9"/>
    <n v="2016"/>
  </r>
  <r>
    <s v="110"/>
    <d v="2016-09-15T00:00:00"/>
    <x v="5"/>
    <x v="0"/>
    <s v="10828"/>
    <s v="GLNANDA"/>
    <n v="0"/>
    <n v="144"/>
    <s v="Billed Revenues"/>
    <s v="EXV"/>
    <s v="NONBU"/>
    <s v="G0000110"/>
    <s v="N"/>
    <s v="MACSS Dist Billed Revenue-03"/>
    <s v=""/>
    <x v="0"/>
    <s v="CAD0330920"/>
    <s v="S"/>
    <s v="KY"/>
    <s v="REV"/>
    <s v="974"/>
    <s v="GLBATCH"/>
    <n v="9"/>
    <n v="2016"/>
  </r>
  <r>
    <s v="110"/>
    <d v="2016-09-15T00:00:00"/>
    <x v="5"/>
    <x v="0"/>
    <s v="10828"/>
    <s v="GLNANDA"/>
    <n v="-89187.56"/>
    <n v="-772665"/>
    <s v="Billed Revenues"/>
    <s v="EXV"/>
    <s v="NONBU"/>
    <s v="G0000110"/>
    <s v="N"/>
    <s v="MACSS Dist Billed Revenue-03"/>
    <s v=""/>
    <x v="0"/>
    <s v="CAD0330920"/>
    <s v="S"/>
    <s v="KY"/>
    <s v="REV"/>
    <s v="974"/>
    <s v="GLBATCH"/>
    <n v="9"/>
    <n v="2016"/>
  </r>
  <r>
    <s v="110"/>
    <d v="2016-09-15T00:00:00"/>
    <x v="7"/>
    <x v="0"/>
    <s v="10828"/>
    <s v="GLNANDA"/>
    <n v="0"/>
    <n v="28"/>
    <s v="Billed Revenues"/>
    <s v="EXV"/>
    <s v="NONBU"/>
    <s v="G0000110"/>
    <s v="N"/>
    <s v="MACSS Dist Billed Revenue-03"/>
    <s v=""/>
    <x v="0"/>
    <s v="CAD0330920"/>
    <s v="S"/>
    <s v="KY"/>
    <s v="REV"/>
    <s v="974"/>
    <s v="GLBATCH"/>
    <n v="9"/>
    <n v="2016"/>
  </r>
  <r>
    <s v="110"/>
    <d v="2016-09-15T00:00:00"/>
    <x v="7"/>
    <x v="0"/>
    <s v="10828"/>
    <s v="GLNANDA"/>
    <n v="-64227.87"/>
    <n v="-546216"/>
    <s v="Billed Revenues"/>
    <s v="EXV"/>
    <s v="NONBU"/>
    <s v="G0000110"/>
    <s v="N"/>
    <s v="MACSS Dist Billed Revenue-03"/>
    <s v=""/>
    <x v="0"/>
    <s v="CAD0330920"/>
    <s v="S"/>
    <s v="KY"/>
    <s v="REV"/>
    <s v="974"/>
    <s v="GLBATCH"/>
    <n v="9"/>
    <n v="2016"/>
  </r>
  <r>
    <s v="110"/>
    <d v="2016-09-15T00:00:00"/>
    <x v="6"/>
    <x v="0"/>
    <s v="10828"/>
    <s v="GLNANDA"/>
    <n v="0"/>
    <n v="11"/>
    <s v="Billed Revenues"/>
    <s v="EXV"/>
    <s v="NONBU"/>
    <s v="G0000110"/>
    <s v="N"/>
    <s v="MACSS Dist Billed Revenue-03"/>
    <s v=""/>
    <x v="0"/>
    <s v="CAD0330920"/>
    <s v="S"/>
    <s v="KY"/>
    <s v="REV"/>
    <s v="974"/>
    <s v="GLBATCH"/>
    <n v="9"/>
    <n v="2016"/>
  </r>
  <r>
    <s v="110"/>
    <d v="2016-09-15T00:00:00"/>
    <x v="6"/>
    <x v="0"/>
    <s v="10828"/>
    <s v="GLNANDA"/>
    <n v="-591.24"/>
    <n v="-3333"/>
    <s v="Billed Revenues"/>
    <s v="EXV"/>
    <s v="NONBU"/>
    <s v="G0000110"/>
    <s v="N"/>
    <s v="MACSS Dist Billed Revenue-03"/>
    <s v=""/>
    <x v="0"/>
    <s v="CAD0330920"/>
    <s v="S"/>
    <s v="KY"/>
    <s v="REV"/>
    <s v="974"/>
    <s v="GLBATCH"/>
    <n v="9"/>
    <n v="2016"/>
  </r>
  <r>
    <s v="110"/>
    <d v="2016-09-15T00:00:00"/>
    <x v="1"/>
    <x v="0"/>
    <s v="10828"/>
    <s v="GLNANDA"/>
    <n v="0"/>
    <n v="1956"/>
    <s v="Billed Revenues"/>
    <s v="EXV"/>
    <s v="NONBU"/>
    <s v="G0000110"/>
    <s v="N"/>
    <s v="MACSS Dist Billed Revenue-03"/>
    <s v=""/>
    <x v="0"/>
    <s v="CAD0330920"/>
    <s v="S"/>
    <s v="KY"/>
    <s v="REV"/>
    <s v="974"/>
    <s v="GLBATCH"/>
    <n v="9"/>
    <n v="2016"/>
  </r>
  <r>
    <s v="110"/>
    <d v="2016-09-15T00:00:00"/>
    <x v="1"/>
    <x v="0"/>
    <s v="10828"/>
    <s v="GLNANDA"/>
    <n v="-266299.65000000002"/>
    <n v="-2227930"/>
    <s v="Billed Revenues"/>
    <s v="EXV"/>
    <s v="NONBU"/>
    <s v="G0000110"/>
    <s v="N"/>
    <s v="MACSS Dist Billed Revenue-03"/>
    <s v=""/>
    <x v="0"/>
    <s v="CAD0330920"/>
    <s v="S"/>
    <s v="KY"/>
    <s v="REV"/>
    <s v="974"/>
    <s v="GLBATCH"/>
    <n v="9"/>
    <n v="2016"/>
  </r>
  <r>
    <s v="110"/>
    <d v="2016-09-15T00:00:00"/>
    <x v="4"/>
    <x v="0"/>
    <s v="10828"/>
    <s v="GLNANDA"/>
    <n v="0"/>
    <n v="3645"/>
    <s v="Billed Revenues"/>
    <s v="EXV"/>
    <s v="NONBU"/>
    <s v="G0000110"/>
    <s v="N"/>
    <s v="MACSS Dist Billed Revenue-03"/>
    <s v=""/>
    <x v="0"/>
    <s v="CAD0330920"/>
    <s v="S"/>
    <s v="KY"/>
    <s v="REV"/>
    <s v="974"/>
    <s v="GLBATCH"/>
    <n v="9"/>
    <n v="2016"/>
  </r>
  <r>
    <s v="110"/>
    <d v="2016-09-15T00:00:00"/>
    <x v="4"/>
    <x v="0"/>
    <s v="10828"/>
    <s v="GLNANDA"/>
    <n v="-585030.9"/>
    <n v="-5006002"/>
    <s v="Billed Revenues"/>
    <s v="EXV"/>
    <s v="NONBU"/>
    <s v="G0000110"/>
    <s v="N"/>
    <s v="MACSS Dist Billed Revenue-03"/>
    <s v=""/>
    <x v="0"/>
    <s v="CAD0330920"/>
    <s v="S"/>
    <s v="KY"/>
    <s v="REV"/>
    <s v="974"/>
    <s v="GLBATCH"/>
    <n v="9"/>
    <n v="2016"/>
  </r>
  <r>
    <s v="110"/>
    <d v="2016-09-15T00:00:00"/>
    <x v="0"/>
    <x v="0"/>
    <s v="10828"/>
    <s v="GLNANDA"/>
    <n v="0"/>
    <n v="53"/>
    <s v="Billed Revenues"/>
    <s v="EXV"/>
    <s v="NONBU"/>
    <s v="G0000110"/>
    <s v="N"/>
    <s v="MACSS Dist Billed Revenue-03"/>
    <s v=""/>
    <x v="0"/>
    <s v="CAD0330920"/>
    <s v="S"/>
    <s v="KY"/>
    <s v="REV"/>
    <s v="974"/>
    <s v="GLBATCH"/>
    <n v="9"/>
    <n v="2016"/>
  </r>
  <r>
    <s v="110"/>
    <d v="2016-09-15T00:00:00"/>
    <x v="0"/>
    <x v="0"/>
    <s v="10828"/>
    <s v="GLNANDA"/>
    <n v="-29905.62"/>
    <n v="-261757"/>
    <s v="Billed Revenues"/>
    <s v="EXV"/>
    <s v="NONBU"/>
    <s v="G0000110"/>
    <s v="N"/>
    <s v="MACSS Dist Billed Revenue-03"/>
    <s v=""/>
    <x v="0"/>
    <s v="CAD0330920"/>
    <s v="S"/>
    <s v="KY"/>
    <s v="REV"/>
    <s v="974"/>
    <s v="GLBATCH"/>
    <n v="9"/>
    <n v="2016"/>
  </r>
  <r>
    <s v="110"/>
    <d v="2016-09-15T00:00:00"/>
    <x v="2"/>
    <x v="0"/>
    <s v="10828"/>
    <s v="GLNANDA"/>
    <n v="0"/>
    <n v="1063"/>
    <s v="Billed Revenues"/>
    <s v="EXV"/>
    <s v="NONBU"/>
    <s v="G0000110"/>
    <s v="N"/>
    <s v="MACSS Dist Billed Revenue-03"/>
    <s v=""/>
    <x v="0"/>
    <s v="CAD0330920"/>
    <s v="S"/>
    <s v="KY"/>
    <s v="REV"/>
    <s v="974"/>
    <s v="GLBATCH"/>
    <n v="9"/>
    <n v="2016"/>
  </r>
  <r>
    <s v="110"/>
    <d v="2016-09-15T00:00:00"/>
    <x v="2"/>
    <x v="0"/>
    <s v="10828"/>
    <s v="GLNANDA"/>
    <n v="-268165.44"/>
    <n v="-2160937"/>
    <s v="Billed Revenues"/>
    <s v="EXV"/>
    <s v="NONBU"/>
    <s v="G0000110"/>
    <s v="N"/>
    <s v="MACSS Dist Billed Revenue-03"/>
    <s v=""/>
    <x v="0"/>
    <s v="CAD0330920"/>
    <s v="S"/>
    <s v="KY"/>
    <s v="REV"/>
    <s v="974"/>
    <s v="GLBATCH"/>
    <n v="9"/>
    <n v="2016"/>
  </r>
  <r>
    <s v="110"/>
    <d v="2016-09-15T00:00:00"/>
    <x v="7"/>
    <x v="0"/>
    <s v="10828"/>
    <s v="GLNANDA"/>
    <n v="0"/>
    <n v="33"/>
    <s v="Billed Revenues"/>
    <s v="EXV"/>
    <s v="NONBU"/>
    <s v="G0000110"/>
    <s v="N"/>
    <s v="MACSS Dist Billed Revenue-03"/>
    <s v=""/>
    <x v="0"/>
    <s v="CAD0330921"/>
    <s v="S"/>
    <s v="KY"/>
    <s v="REV"/>
    <s v="974"/>
    <s v="GLBATCH"/>
    <n v="9"/>
    <n v="2016"/>
  </r>
  <r>
    <s v="110"/>
    <d v="2016-09-15T00:00:00"/>
    <x v="2"/>
    <x v="0"/>
    <s v="10828"/>
    <s v="GLNANDA"/>
    <n v="-315064.71000000002"/>
    <n v="-2520094"/>
    <s v="Billed Revenues"/>
    <s v="EXV"/>
    <s v="NONBU"/>
    <s v="G0000110"/>
    <s v="N"/>
    <s v="MACSS Dist Billed Revenue-03"/>
    <s v=""/>
    <x v="0"/>
    <s v="CAD0330921"/>
    <s v="S"/>
    <s v="KY"/>
    <s v="REV"/>
    <s v="974"/>
    <s v="GLBATCH"/>
    <n v="9"/>
    <n v="2016"/>
  </r>
  <r>
    <s v="110"/>
    <d v="2016-09-15T00:00:00"/>
    <x v="3"/>
    <x v="0"/>
    <s v="10828"/>
    <s v="GLNANDA"/>
    <n v="0"/>
    <n v="9"/>
    <s v="Billed Revenues"/>
    <s v="EXV"/>
    <s v="NONBU"/>
    <s v="G0000110"/>
    <s v="N"/>
    <s v="MACSS Dist Billed Revenue-03"/>
    <s v=""/>
    <x v="0"/>
    <s v="CAD0330921"/>
    <s v="S"/>
    <s v="KY"/>
    <s v="REV"/>
    <s v="974"/>
    <s v="GLBATCH"/>
    <n v="9"/>
    <n v="2016"/>
  </r>
  <r>
    <s v="110"/>
    <d v="2016-09-15T00:00:00"/>
    <x v="3"/>
    <x v="0"/>
    <s v="10828"/>
    <s v="GLNANDA"/>
    <n v="-74663.88"/>
    <n v="-679040"/>
    <s v="Billed Revenues"/>
    <s v="EXV"/>
    <s v="NONBU"/>
    <s v="G0000110"/>
    <s v="N"/>
    <s v="MACSS Dist Billed Revenue-03"/>
    <s v=""/>
    <x v="0"/>
    <s v="CAD0330921"/>
    <s v="S"/>
    <s v="KY"/>
    <s v="REV"/>
    <s v="974"/>
    <s v="GLBATCH"/>
    <n v="9"/>
    <n v="2016"/>
  </r>
  <r>
    <s v="110"/>
    <d v="2016-09-15T00:00:00"/>
    <x v="5"/>
    <x v="0"/>
    <s v="10828"/>
    <s v="GLNANDA"/>
    <n v="0"/>
    <n v="183"/>
    <s v="Billed Revenues"/>
    <s v="EXV"/>
    <s v="NONBU"/>
    <s v="G0000110"/>
    <s v="N"/>
    <s v="MACSS Dist Billed Revenue-03"/>
    <s v=""/>
    <x v="0"/>
    <s v="CAD0330921"/>
    <s v="S"/>
    <s v="KY"/>
    <s v="REV"/>
    <s v="974"/>
    <s v="GLBATCH"/>
    <n v="9"/>
    <n v="2016"/>
  </r>
  <r>
    <s v="110"/>
    <d v="2016-09-15T00:00:00"/>
    <x v="5"/>
    <x v="0"/>
    <s v="10828"/>
    <s v="GLNANDA"/>
    <n v="-105230.63"/>
    <n v="-915431"/>
    <s v="Billed Revenues"/>
    <s v="EXV"/>
    <s v="NONBU"/>
    <s v="G0000110"/>
    <s v="N"/>
    <s v="MACSS Dist Billed Revenue-03"/>
    <s v=""/>
    <x v="0"/>
    <s v="CAD0330921"/>
    <s v="S"/>
    <s v="KY"/>
    <s v="REV"/>
    <s v="974"/>
    <s v="GLBATCH"/>
    <n v="9"/>
    <n v="2016"/>
  </r>
  <r>
    <s v="110"/>
    <d v="2016-09-15T00:00:00"/>
    <x v="6"/>
    <x v="0"/>
    <s v="10828"/>
    <s v="GLNANDA"/>
    <n v="0"/>
    <n v="17"/>
    <s v="Billed Revenues"/>
    <s v="EXV"/>
    <s v="NONBU"/>
    <s v="G0000110"/>
    <s v="N"/>
    <s v="MACSS Dist Billed Revenue-03"/>
    <s v=""/>
    <x v="0"/>
    <s v="CAD0330921"/>
    <s v="S"/>
    <s v="KY"/>
    <s v="REV"/>
    <s v="974"/>
    <s v="GLBATCH"/>
    <n v="9"/>
    <n v="2016"/>
  </r>
  <r>
    <s v="110"/>
    <d v="2016-09-15T00:00:00"/>
    <x v="6"/>
    <x v="0"/>
    <s v="10828"/>
    <s v="GLNANDA"/>
    <n v="-954.09"/>
    <n v="-3119"/>
    <s v="Billed Revenues"/>
    <s v="EXV"/>
    <s v="NONBU"/>
    <s v="G0000110"/>
    <s v="N"/>
    <s v="MACSS Dist Billed Revenue-03"/>
    <s v=""/>
    <x v="0"/>
    <s v="CAD0330921"/>
    <s v="S"/>
    <s v="KY"/>
    <s v="REV"/>
    <s v="974"/>
    <s v="GLBATCH"/>
    <n v="9"/>
    <n v="2016"/>
  </r>
  <r>
    <s v="110"/>
    <d v="2016-09-15T00:00:00"/>
    <x v="4"/>
    <x v="0"/>
    <s v="10828"/>
    <s v="GLNANDA"/>
    <n v="0"/>
    <n v="3979"/>
    <s v="Billed Revenues"/>
    <s v="EXV"/>
    <s v="NONBU"/>
    <s v="G0000110"/>
    <s v="N"/>
    <s v="MACSS Dist Billed Revenue-03"/>
    <s v=""/>
    <x v="0"/>
    <s v="CAD0330921"/>
    <s v="S"/>
    <s v="KY"/>
    <s v="REV"/>
    <s v="974"/>
    <s v="GLBATCH"/>
    <n v="9"/>
    <n v="2016"/>
  </r>
  <r>
    <s v="110"/>
    <d v="2016-09-15T00:00:00"/>
    <x v="4"/>
    <x v="0"/>
    <s v="10828"/>
    <s v="GLNANDA"/>
    <n v="-570162.31999999995"/>
    <n v="-4839883"/>
    <s v="Billed Revenues"/>
    <s v="EXV"/>
    <s v="NONBU"/>
    <s v="G0000110"/>
    <s v="N"/>
    <s v="MACSS Dist Billed Revenue-03"/>
    <s v=""/>
    <x v="0"/>
    <s v="CAD0330921"/>
    <s v="S"/>
    <s v="KY"/>
    <s v="REV"/>
    <s v="974"/>
    <s v="GLBATCH"/>
    <n v="9"/>
    <n v="2016"/>
  </r>
  <r>
    <s v="110"/>
    <d v="2016-09-15T00:00:00"/>
    <x v="1"/>
    <x v="0"/>
    <s v="10828"/>
    <s v="GLNANDA"/>
    <n v="0"/>
    <n v="2503"/>
    <s v="Billed Revenues"/>
    <s v="EXV"/>
    <s v="NONBU"/>
    <s v="G0000110"/>
    <s v="N"/>
    <s v="MACSS Dist Billed Revenue-03"/>
    <s v=""/>
    <x v="0"/>
    <s v="CAD0330921"/>
    <s v="S"/>
    <s v="KY"/>
    <s v="REV"/>
    <s v="974"/>
    <s v="GLBATCH"/>
    <n v="9"/>
    <n v="2016"/>
  </r>
  <r>
    <s v="110"/>
    <d v="2016-09-15T00:00:00"/>
    <x v="1"/>
    <x v="0"/>
    <s v="10828"/>
    <s v="GLNANDA"/>
    <n v="-334072.83"/>
    <n v="-2809378"/>
    <s v="Billed Revenues"/>
    <s v="EXV"/>
    <s v="NONBU"/>
    <s v="G0000110"/>
    <s v="N"/>
    <s v="MACSS Dist Billed Revenue-03"/>
    <s v=""/>
    <x v="0"/>
    <s v="CAD0330921"/>
    <s v="S"/>
    <s v="KY"/>
    <s v="REV"/>
    <s v="974"/>
    <s v="GLBATCH"/>
    <n v="9"/>
    <n v="2016"/>
  </r>
  <r>
    <s v="110"/>
    <d v="2016-09-15T00:00:00"/>
    <x v="0"/>
    <x v="0"/>
    <s v="10828"/>
    <s v="GLNANDA"/>
    <n v="0"/>
    <n v="85"/>
    <s v="Billed Revenues"/>
    <s v="EXV"/>
    <s v="NONBU"/>
    <s v="G0000110"/>
    <s v="N"/>
    <s v="MACSS Dist Billed Revenue-03"/>
    <s v=""/>
    <x v="0"/>
    <s v="CAD0330921"/>
    <s v="S"/>
    <s v="KY"/>
    <s v="REV"/>
    <s v="974"/>
    <s v="GLBATCH"/>
    <n v="9"/>
    <n v="2016"/>
  </r>
  <r>
    <s v="110"/>
    <d v="2016-09-15T00:00:00"/>
    <x v="0"/>
    <x v="0"/>
    <s v="10828"/>
    <s v="GLNANDA"/>
    <n v="-14047.5"/>
    <n v="-97668"/>
    <s v="Billed Revenues"/>
    <s v="EXV"/>
    <s v="NONBU"/>
    <s v="G0000110"/>
    <s v="N"/>
    <s v="MACSS Dist Billed Revenue-03"/>
    <s v=""/>
    <x v="0"/>
    <s v="CAD0330921"/>
    <s v="S"/>
    <s v="KY"/>
    <s v="REV"/>
    <s v="974"/>
    <s v="GLBATCH"/>
    <n v="9"/>
    <n v="2016"/>
  </r>
  <r>
    <s v="110"/>
    <d v="2016-09-15T00:00:00"/>
    <x v="2"/>
    <x v="0"/>
    <s v="10828"/>
    <s v="GLNANDA"/>
    <n v="0"/>
    <n v="1225"/>
    <s v="Billed Revenues"/>
    <s v="EXV"/>
    <s v="NONBU"/>
    <s v="G0000110"/>
    <s v="N"/>
    <s v="MACSS Dist Billed Revenue-03"/>
    <s v=""/>
    <x v="0"/>
    <s v="CAD0330921"/>
    <s v="S"/>
    <s v="KY"/>
    <s v="REV"/>
    <s v="974"/>
    <s v="GLBATCH"/>
    <n v="9"/>
    <n v="2016"/>
  </r>
  <r>
    <s v="110"/>
    <d v="2016-09-15T00:00:00"/>
    <x v="7"/>
    <x v="0"/>
    <s v="10828"/>
    <s v="GLNANDA"/>
    <n v="-80571.679999999993"/>
    <n v="-734628"/>
    <s v="Billed Revenues"/>
    <s v="EXV"/>
    <s v="NONBU"/>
    <s v="G0000110"/>
    <s v="N"/>
    <s v="MACSS Dist Billed Revenue-03"/>
    <s v=""/>
    <x v="0"/>
    <s v="CAD0330921"/>
    <s v="S"/>
    <s v="KY"/>
    <s v="REV"/>
    <s v="974"/>
    <s v="GLBATCH"/>
    <n v="9"/>
    <n v="2016"/>
  </r>
  <r>
    <s v="110"/>
    <d v="2016-09-15T00:00:00"/>
    <x v="3"/>
    <x v="0"/>
    <s v="10828"/>
    <s v="GLNANDA"/>
    <n v="0"/>
    <n v="10"/>
    <s v="Billed Revenues"/>
    <s v="EXV"/>
    <s v="NONBU"/>
    <s v="G0000110"/>
    <s v="N"/>
    <s v="MACSS Dist Billed Revenue-03"/>
    <s v=""/>
    <x v="0"/>
    <s v="CAD0330922"/>
    <s v="S"/>
    <s v="KY"/>
    <s v="REV"/>
    <s v="974"/>
    <s v="GLBATCH"/>
    <n v="9"/>
    <n v="2016"/>
  </r>
  <r>
    <s v="110"/>
    <d v="2016-09-15T00:00:00"/>
    <x v="2"/>
    <x v="0"/>
    <s v="10828"/>
    <s v="GLNANDA"/>
    <n v="-260743.23"/>
    <n v="-2036958"/>
    <s v="Billed Revenues"/>
    <s v="EXV"/>
    <s v="NONBU"/>
    <s v="G0000110"/>
    <s v="N"/>
    <s v="MACSS Dist Billed Revenue-03"/>
    <s v=""/>
    <x v="0"/>
    <s v="CAD0330922"/>
    <s v="S"/>
    <s v="KY"/>
    <s v="REV"/>
    <s v="974"/>
    <s v="GLBATCH"/>
    <n v="9"/>
    <n v="2016"/>
  </r>
  <r>
    <s v="110"/>
    <d v="2016-09-15T00:00:00"/>
    <x v="5"/>
    <x v="0"/>
    <s v="10828"/>
    <s v="GLNANDA"/>
    <n v="0"/>
    <n v="131"/>
    <s v="Billed Revenues"/>
    <s v="EXV"/>
    <s v="NONBU"/>
    <s v="G0000110"/>
    <s v="N"/>
    <s v="MACSS Dist Billed Revenue-03"/>
    <s v=""/>
    <x v="0"/>
    <s v="CAD0330922"/>
    <s v="S"/>
    <s v="KY"/>
    <s v="REV"/>
    <s v="974"/>
    <s v="GLBATCH"/>
    <n v="9"/>
    <n v="2016"/>
  </r>
  <r>
    <s v="110"/>
    <d v="2016-09-15T00:00:00"/>
    <x v="5"/>
    <x v="0"/>
    <s v="10828"/>
    <s v="GLNANDA"/>
    <n v="-94033.94"/>
    <n v="-820013"/>
    <s v="Billed Revenues"/>
    <s v="EXV"/>
    <s v="NONBU"/>
    <s v="G0000110"/>
    <s v="N"/>
    <s v="MACSS Dist Billed Revenue-03"/>
    <s v=""/>
    <x v="0"/>
    <s v="CAD0330922"/>
    <s v="S"/>
    <s v="KY"/>
    <s v="REV"/>
    <s v="974"/>
    <s v="GLBATCH"/>
    <n v="9"/>
    <n v="2016"/>
  </r>
  <r>
    <s v="110"/>
    <d v="2016-09-15T00:00:00"/>
    <x v="7"/>
    <x v="0"/>
    <s v="10828"/>
    <s v="GLNANDA"/>
    <n v="0"/>
    <n v="47"/>
    <s v="Billed Revenues"/>
    <s v="EXV"/>
    <s v="NONBU"/>
    <s v="G0000110"/>
    <s v="N"/>
    <s v="MACSS Dist Billed Revenue-03"/>
    <s v=""/>
    <x v="0"/>
    <s v="CAD0330922"/>
    <s v="S"/>
    <s v="KY"/>
    <s v="REV"/>
    <s v="974"/>
    <s v="GLBATCH"/>
    <n v="9"/>
    <n v="2016"/>
  </r>
  <r>
    <s v="110"/>
    <d v="2016-09-15T00:00:00"/>
    <x v="7"/>
    <x v="0"/>
    <s v="10828"/>
    <s v="GLNANDA"/>
    <n v="-129197.74"/>
    <n v="-1118423"/>
    <s v="Billed Revenues"/>
    <s v="EXV"/>
    <s v="NONBU"/>
    <s v="G0000110"/>
    <s v="N"/>
    <s v="MACSS Dist Billed Revenue-03"/>
    <s v=""/>
    <x v="0"/>
    <s v="CAD0330922"/>
    <s v="S"/>
    <s v="KY"/>
    <s v="REV"/>
    <s v="974"/>
    <s v="GLBATCH"/>
    <n v="9"/>
    <n v="2016"/>
  </r>
  <r>
    <s v="110"/>
    <d v="2016-09-15T00:00:00"/>
    <x v="6"/>
    <x v="0"/>
    <s v="10828"/>
    <s v="GLNANDA"/>
    <n v="0"/>
    <n v="9"/>
    <s v="Billed Revenues"/>
    <s v="EXV"/>
    <s v="NONBU"/>
    <s v="G0000110"/>
    <s v="N"/>
    <s v="MACSS Dist Billed Revenue-03"/>
    <s v=""/>
    <x v="0"/>
    <s v="CAD0330922"/>
    <s v="S"/>
    <s v="KY"/>
    <s v="REV"/>
    <s v="974"/>
    <s v="GLBATCH"/>
    <n v="9"/>
    <n v="2016"/>
  </r>
  <r>
    <s v="110"/>
    <d v="2016-09-15T00:00:00"/>
    <x v="6"/>
    <x v="0"/>
    <s v="10828"/>
    <s v="GLNANDA"/>
    <n v="-541.97"/>
    <n v="-2802"/>
    <s v="Billed Revenues"/>
    <s v="EXV"/>
    <s v="NONBU"/>
    <s v="G0000110"/>
    <s v="N"/>
    <s v="MACSS Dist Billed Revenue-03"/>
    <s v=""/>
    <x v="0"/>
    <s v="CAD0330922"/>
    <s v="S"/>
    <s v="KY"/>
    <s v="REV"/>
    <s v="974"/>
    <s v="GLBATCH"/>
    <n v="9"/>
    <n v="2016"/>
  </r>
  <r>
    <s v="110"/>
    <d v="2016-09-15T00:00:00"/>
    <x v="4"/>
    <x v="0"/>
    <s v="10828"/>
    <s v="GLNANDA"/>
    <n v="0"/>
    <n v="3846"/>
    <s v="Billed Revenues"/>
    <s v="EXV"/>
    <s v="NONBU"/>
    <s v="G0000110"/>
    <s v="N"/>
    <s v="MACSS Dist Billed Revenue-03"/>
    <s v=""/>
    <x v="0"/>
    <s v="CAD0330922"/>
    <s v="S"/>
    <s v="KY"/>
    <s v="REV"/>
    <s v="974"/>
    <s v="GLBATCH"/>
    <n v="9"/>
    <n v="2016"/>
  </r>
  <r>
    <s v="110"/>
    <d v="2016-09-15T00:00:00"/>
    <x v="4"/>
    <x v="0"/>
    <s v="10828"/>
    <s v="GLNANDA"/>
    <n v="-554413.97"/>
    <n v="-4697337"/>
    <s v="Billed Revenues"/>
    <s v="EXV"/>
    <s v="NONBU"/>
    <s v="G0000110"/>
    <s v="N"/>
    <s v="MACSS Dist Billed Revenue-03"/>
    <s v=""/>
    <x v="0"/>
    <s v="CAD0330922"/>
    <s v="S"/>
    <s v="KY"/>
    <s v="REV"/>
    <s v="974"/>
    <s v="GLBATCH"/>
    <n v="9"/>
    <n v="2016"/>
  </r>
  <r>
    <s v="110"/>
    <d v="2016-09-15T00:00:00"/>
    <x v="1"/>
    <x v="0"/>
    <s v="10828"/>
    <s v="GLNANDA"/>
    <n v="0"/>
    <n v="2489"/>
    <s v="Billed Revenues"/>
    <s v="EXV"/>
    <s v="NONBU"/>
    <s v="G0000110"/>
    <s v="N"/>
    <s v="MACSS Dist Billed Revenue-03"/>
    <s v=""/>
    <x v="0"/>
    <s v="CAD0330922"/>
    <s v="S"/>
    <s v="KY"/>
    <s v="REV"/>
    <s v="974"/>
    <s v="GLBATCH"/>
    <n v="9"/>
    <n v="2016"/>
  </r>
  <r>
    <s v="110"/>
    <d v="2016-09-15T00:00:00"/>
    <x v="1"/>
    <x v="0"/>
    <s v="10828"/>
    <s v="GLNANDA"/>
    <n v="-332814.86"/>
    <n v="-2790223"/>
    <s v="Billed Revenues"/>
    <s v="EXV"/>
    <s v="NONBU"/>
    <s v="G0000110"/>
    <s v="N"/>
    <s v="MACSS Dist Billed Revenue-03"/>
    <s v=""/>
    <x v="0"/>
    <s v="CAD0330922"/>
    <s v="S"/>
    <s v="KY"/>
    <s v="REV"/>
    <s v="974"/>
    <s v="GLBATCH"/>
    <n v="9"/>
    <n v="2016"/>
  </r>
  <r>
    <s v="110"/>
    <d v="2016-09-15T00:00:00"/>
    <x v="0"/>
    <x v="0"/>
    <s v="10828"/>
    <s v="GLNANDA"/>
    <n v="0"/>
    <n v="34"/>
    <s v="Billed Revenues"/>
    <s v="EXV"/>
    <s v="NONBU"/>
    <s v="G0000110"/>
    <s v="N"/>
    <s v="MACSS Dist Billed Revenue-03"/>
    <s v=""/>
    <x v="0"/>
    <s v="CAD0330922"/>
    <s v="S"/>
    <s v="KY"/>
    <s v="REV"/>
    <s v="974"/>
    <s v="GLBATCH"/>
    <n v="9"/>
    <n v="2016"/>
  </r>
  <r>
    <s v="110"/>
    <d v="2016-09-15T00:00:00"/>
    <x v="0"/>
    <x v="0"/>
    <s v="10828"/>
    <s v="GLNANDA"/>
    <n v="-18300.39"/>
    <n v="-130223"/>
    <s v="Billed Revenues"/>
    <s v="EXV"/>
    <s v="NONBU"/>
    <s v="G0000110"/>
    <s v="N"/>
    <s v="MACSS Dist Billed Revenue-03"/>
    <s v=""/>
    <x v="0"/>
    <s v="CAD0330922"/>
    <s v="S"/>
    <s v="KY"/>
    <s v="REV"/>
    <s v="974"/>
    <s v="GLBATCH"/>
    <n v="9"/>
    <n v="2016"/>
  </r>
  <r>
    <s v="110"/>
    <d v="2016-09-15T00:00:00"/>
    <x v="2"/>
    <x v="0"/>
    <s v="10828"/>
    <s v="GLNANDA"/>
    <n v="0"/>
    <n v="1060"/>
    <s v="Billed Revenues"/>
    <s v="EXV"/>
    <s v="NONBU"/>
    <s v="G0000110"/>
    <s v="N"/>
    <s v="MACSS Dist Billed Revenue-03"/>
    <s v=""/>
    <x v="0"/>
    <s v="CAD0330922"/>
    <s v="S"/>
    <s v="KY"/>
    <s v="REV"/>
    <s v="974"/>
    <s v="GLBATCH"/>
    <n v="9"/>
    <n v="2016"/>
  </r>
  <r>
    <s v="110"/>
    <d v="2016-09-15T00:00:00"/>
    <x v="3"/>
    <x v="0"/>
    <s v="10828"/>
    <s v="GLNANDA"/>
    <n v="-261962.81"/>
    <n v="-3146542"/>
    <s v="Billed Revenues"/>
    <s v="EXV"/>
    <s v="NONBU"/>
    <s v="G0000110"/>
    <s v="N"/>
    <s v="MACSS Dist Billed Revenue-03"/>
    <s v=""/>
    <x v="0"/>
    <s v="CAD0330922"/>
    <s v="S"/>
    <s v="KY"/>
    <s v="REV"/>
    <s v="974"/>
    <s v="GLBATCH"/>
    <n v="9"/>
    <n v="2016"/>
  </r>
  <r>
    <s v="110"/>
    <d v="2016-09-15T00:00:00"/>
    <x v="7"/>
    <x v="0"/>
    <s v="10828"/>
    <s v="GLNANDA"/>
    <n v="0"/>
    <n v="36"/>
    <s v="Billed Revenues"/>
    <s v="EXV"/>
    <s v="NONBU"/>
    <s v="G0000110"/>
    <s v="N"/>
    <s v="MACSS Dist Billed Revenue-03"/>
    <s v=""/>
    <x v="0"/>
    <s v="CAD0330923"/>
    <s v="S"/>
    <s v="KY"/>
    <s v="REV"/>
    <s v="974"/>
    <s v="GLBATCH"/>
    <n v="9"/>
    <n v="2016"/>
  </r>
  <r>
    <s v="110"/>
    <d v="2016-09-15T00:00:00"/>
    <x v="2"/>
    <x v="0"/>
    <s v="10828"/>
    <s v="GLNANDA"/>
    <n v="-282880.08"/>
    <n v="-2324014"/>
    <s v="Billed Revenues"/>
    <s v="EXV"/>
    <s v="NONBU"/>
    <s v="G0000110"/>
    <s v="N"/>
    <s v="MACSS Dist Billed Revenue-03"/>
    <s v=""/>
    <x v="0"/>
    <s v="CAD0330923"/>
    <s v="S"/>
    <s v="KY"/>
    <s v="REV"/>
    <s v="974"/>
    <s v="GLBATCH"/>
    <n v="9"/>
    <n v="2016"/>
  </r>
  <r>
    <s v="110"/>
    <d v="2016-09-15T00:00:00"/>
    <x v="3"/>
    <x v="0"/>
    <s v="10828"/>
    <s v="GLNANDA"/>
    <n v="0"/>
    <n v="14"/>
    <s v="Billed Revenues"/>
    <s v="EXV"/>
    <s v="NONBU"/>
    <s v="G0000110"/>
    <s v="N"/>
    <s v="MACSS Dist Billed Revenue-03"/>
    <s v=""/>
    <x v="0"/>
    <s v="CAD0330923"/>
    <s v="S"/>
    <s v="KY"/>
    <s v="REV"/>
    <s v="974"/>
    <s v="GLBATCH"/>
    <n v="9"/>
    <n v="2016"/>
  </r>
  <r>
    <s v="110"/>
    <d v="2016-09-15T00:00:00"/>
    <x v="3"/>
    <x v="0"/>
    <s v="10828"/>
    <s v="GLNANDA"/>
    <n v="-264308.08"/>
    <n v="-3201183"/>
    <s v="Billed Revenues"/>
    <s v="EXV"/>
    <s v="NONBU"/>
    <s v="G0000110"/>
    <s v="N"/>
    <s v="MACSS Dist Billed Revenue-03"/>
    <s v=""/>
    <x v="0"/>
    <s v="CAD0330923"/>
    <s v="S"/>
    <s v="KY"/>
    <s v="REV"/>
    <s v="974"/>
    <s v="GLBATCH"/>
    <n v="9"/>
    <n v="2016"/>
  </r>
  <r>
    <s v="110"/>
    <d v="2016-09-15T00:00:00"/>
    <x v="5"/>
    <x v="0"/>
    <s v="10828"/>
    <s v="GLNANDA"/>
    <n v="0"/>
    <n v="123"/>
    <s v="Billed Revenues"/>
    <s v="EXV"/>
    <s v="NONBU"/>
    <s v="G0000110"/>
    <s v="N"/>
    <s v="MACSS Dist Billed Revenue-03"/>
    <s v=""/>
    <x v="0"/>
    <s v="CAD0330923"/>
    <s v="S"/>
    <s v="KY"/>
    <s v="REV"/>
    <s v="974"/>
    <s v="GLBATCH"/>
    <n v="9"/>
    <n v="2016"/>
  </r>
  <r>
    <s v="110"/>
    <d v="2016-09-15T00:00:00"/>
    <x v="5"/>
    <x v="0"/>
    <s v="10828"/>
    <s v="GLNANDA"/>
    <n v="-45710.48"/>
    <n v="-363634"/>
    <s v="Billed Revenues"/>
    <s v="EXV"/>
    <s v="NONBU"/>
    <s v="G0000110"/>
    <s v="N"/>
    <s v="MACSS Dist Billed Revenue-03"/>
    <s v=""/>
    <x v="0"/>
    <s v="CAD0330923"/>
    <s v="S"/>
    <s v="KY"/>
    <s v="REV"/>
    <s v="974"/>
    <s v="GLBATCH"/>
    <n v="9"/>
    <n v="2016"/>
  </r>
  <r>
    <s v="110"/>
    <d v="2016-09-15T00:00:00"/>
    <x v="6"/>
    <x v="0"/>
    <s v="10828"/>
    <s v="GLNANDA"/>
    <n v="0"/>
    <n v="4"/>
    <s v="Billed Revenues"/>
    <s v="EXV"/>
    <s v="NONBU"/>
    <s v="G0000110"/>
    <s v="N"/>
    <s v="MACSS Dist Billed Revenue-03"/>
    <s v=""/>
    <x v="0"/>
    <s v="CAD0330923"/>
    <s v="S"/>
    <s v="KY"/>
    <s v="REV"/>
    <s v="974"/>
    <s v="GLBATCH"/>
    <n v="9"/>
    <n v="2016"/>
  </r>
  <r>
    <s v="110"/>
    <d v="2016-09-15T00:00:00"/>
    <x v="6"/>
    <x v="0"/>
    <s v="10828"/>
    <s v="GLNANDA"/>
    <n v="-779.78"/>
    <n v="-1751"/>
    <s v="Billed Revenues"/>
    <s v="EXV"/>
    <s v="NONBU"/>
    <s v="G0000110"/>
    <s v="N"/>
    <s v="MACSS Dist Billed Revenue-03"/>
    <s v=""/>
    <x v="0"/>
    <s v="CAD0330923"/>
    <s v="S"/>
    <s v="KY"/>
    <s v="REV"/>
    <s v="974"/>
    <s v="GLBATCH"/>
    <n v="9"/>
    <n v="2016"/>
  </r>
  <r>
    <s v="110"/>
    <d v="2016-09-15T00:00:00"/>
    <x v="4"/>
    <x v="0"/>
    <s v="10828"/>
    <s v="GLNANDA"/>
    <n v="0"/>
    <n v="4128"/>
    <s v="Billed Revenues"/>
    <s v="EXV"/>
    <s v="NONBU"/>
    <s v="G0000110"/>
    <s v="N"/>
    <s v="MACSS Dist Billed Revenue-03"/>
    <s v=""/>
    <x v="0"/>
    <s v="CAD0330923"/>
    <s v="S"/>
    <s v="KY"/>
    <s v="REV"/>
    <s v="974"/>
    <s v="GLBATCH"/>
    <n v="9"/>
    <n v="2016"/>
  </r>
  <r>
    <s v="110"/>
    <d v="2016-09-15T00:00:00"/>
    <x v="4"/>
    <x v="0"/>
    <s v="10828"/>
    <s v="GLNANDA"/>
    <n v="-578206.06000000006"/>
    <n v="-4888125"/>
    <s v="Billed Revenues"/>
    <s v="EXV"/>
    <s v="NONBU"/>
    <s v="G0000110"/>
    <s v="N"/>
    <s v="MACSS Dist Billed Revenue-03"/>
    <s v=""/>
    <x v="0"/>
    <s v="CAD0330923"/>
    <s v="S"/>
    <s v="KY"/>
    <s v="REV"/>
    <s v="974"/>
    <s v="GLBATCH"/>
    <n v="9"/>
    <n v="2016"/>
  </r>
  <r>
    <s v="110"/>
    <d v="2016-09-15T00:00:00"/>
    <x v="1"/>
    <x v="0"/>
    <s v="10828"/>
    <s v="GLNANDA"/>
    <n v="0"/>
    <n v="2106"/>
    <s v="Billed Revenues"/>
    <s v="EXV"/>
    <s v="NONBU"/>
    <s v="G0000110"/>
    <s v="N"/>
    <s v="MACSS Dist Billed Revenue-03"/>
    <s v=""/>
    <x v="0"/>
    <s v="CAD0330923"/>
    <s v="S"/>
    <s v="KY"/>
    <s v="REV"/>
    <s v="974"/>
    <s v="GLBATCH"/>
    <n v="9"/>
    <n v="2016"/>
  </r>
  <r>
    <s v="110"/>
    <d v="2016-09-15T00:00:00"/>
    <x v="1"/>
    <x v="0"/>
    <s v="10828"/>
    <s v="GLNANDA"/>
    <n v="-261483.67"/>
    <n v="-2168899"/>
    <s v="Billed Revenues"/>
    <s v="EXV"/>
    <s v="NONBU"/>
    <s v="G0000110"/>
    <s v="N"/>
    <s v="MACSS Dist Billed Revenue-03"/>
    <s v=""/>
    <x v="0"/>
    <s v="CAD0330923"/>
    <s v="S"/>
    <s v="KY"/>
    <s v="REV"/>
    <s v="974"/>
    <s v="GLBATCH"/>
    <n v="9"/>
    <n v="2016"/>
  </r>
  <r>
    <s v="110"/>
    <d v="2016-09-15T00:00:00"/>
    <x v="0"/>
    <x v="0"/>
    <s v="10828"/>
    <s v="GLNANDA"/>
    <n v="0"/>
    <n v="38"/>
    <s v="Billed Revenues"/>
    <s v="EXV"/>
    <s v="NONBU"/>
    <s v="G0000110"/>
    <s v="N"/>
    <s v="MACSS Dist Billed Revenue-03"/>
    <s v=""/>
    <x v="0"/>
    <s v="CAD0330923"/>
    <s v="S"/>
    <s v="KY"/>
    <s v="REV"/>
    <s v="974"/>
    <s v="GLBATCH"/>
    <n v="9"/>
    <n v="2016"/>
  </r>
  <r>
    <s v="110"/>
    <d v="2016-09-15T00:00:00"/>
    <x v="0"/>
    <x v="0"/>
    <s v="10828"/>
    <s v="GLNANDA"/>
    <n v="-626076.07999999996"/>
    <n v="-10063124"/>
    <s v="Billed Revenues"/>
    <s v="EXV"/>
    <s v="NONBU"/>
    <s v="G0000110"/>
    <s v="N"/>
    <s v="MACSS Dist Billed Revenue-03"/>
    <s v=""/>
    <x v="0"/>
    <s v="CAD0330923"/>
    <s v="S"/>
    <s v="KY"/>
    <s v="REV"/>
    <s v="974"/>
    <s v="GLBATCH"/>
    <n v="9"/>
    <n v="2016"/>
  </r>
  <r>
    <s v="110"/>
    <d v="2016-09-15T00:00:00"/>
    <x v="2"/>
    <x v="0"/>
    <s v="10828"/>
    <s v="GLNANDA"/>
    <n v="0"/>
    <n v="1261"/>
    <s v="Billed Revenues"/>
    <s v="EXV"/>
    <s v="NONBU"/>
    <s v="G0000110"/>
    <s v="N"/>
    <s v="MACSS Dist Billed Revenue-03"/>
    <s v=""/>
    <x v="0"/>
    <s v="CAD0330923"/>
    <s v="S"/>
    <s v="KY"/>
    <s v="REV"/>
    <s v="974"/>
    <s v="GLBATCH"/>
    <n v="9"/>
    <n v="2016"/>
  </r>
  <r>
    <s v="110"/>
    <d v="2016-09-15T00:00:00"/>
    <x v="7"/>
    <x v="0"/>
    <s v="10828"/>
    <s v="GLNANDA"/>
    <n v="-84422.45"/>
    <n v="-755907"/>
    <s v="Billed Revenues"/>
    <s v="EXV"/>
    <s v="NONBU"/>
    <s v="G0000110"/>
    <s v="N"/>
    <s v="MACSS Dist Billed Revenue-03"/>
    <s v=""/>
    <x v="0"/>
    <s v="CAD0330923"/>
    <s v="S"/>
    <s v="KY"/>
    <s v="REV"/>
    <s v="974"/>
    <s v="GLBATCH"/>
    <n v="9"/>
    <n v="2016"/>
  </r>
  <r>
    <s v="110"/>
    <d v="2016-09-15T00:00:00"/>
    <x v="3"/>
    <x v="0"/>
    <s v="10828"/>
    <s v="GLNANDA"/>
    <n v="0"/>
    <n v="25"/>
    <s v="Billed Revenues"/>
    <s v="EXV"/>
    <s v="NONBU"/>
    <s v="G0000110"/>
    <s v="N"/>
    <s v="MACSS Dist Billed Revenue-03"/>
    <s v=""/>
    <x v="0"/>
    <s v="CAD0330926"/>
    <s v="S"/>
    <s v="KY"/>
    <s v="REV"/>
    <s v="974"/>
    <s v="GLBATCH"/>
    <n v="9"/>
    <n v="2016"/>
  </r>
  <r>
    <s v="110"/>
    <d v="2016-09-15T00:00:00"/>
    <x v="0"/>
    <x v="0"/>
    <s v="10828"/>
    <s v="GLNANDA"/>
    <n v="-214860.23"/>
    <n v="-3098259"/>
    <s v="Billed Revenues"/>
    <s v="EXV"/>
    <s v="NONBU"/>
    <s v="G0000110"/>
    <s v="N"/>
    <s v="MACSS Dist Billed Revenue-03"/>
    <s v=""/>
    <x v="0"/>
    <s v="CAD0330926"/>
    <s v="S"/>
    <s v="KY"/>
    <s v="REV"/>
    <s v="974"/>
    <s v="GLBATCH"/>
    <n v="9"/>
    <n v="2016"/>
  </r>
  <r>
    <s v="110"/>
    <d v="2016-09-15T00:00:00"/>
    <x v="7"/>
    <x v="0"/>
    <s v="10828"/>
    <s v="GLNANDA"/>
    <n v="0"/>
    <n v="29"/>
    <s v="Billed Revenues"/>
    <s v="EXV"/>
    <s v="NONBU"/>
    <s v="G0000110"/>
    <s v="N"/>
    <s v="MACSS Dist Billed Revenue-03"/>
    <s v=""/>
    <x v="0"/>
    <s v="CAD0330926"/>
    <s v="S"/>
    <s v="KY"/>
    <s v="REV"/>
    <s v="974"/>
    <s v="GLBATCH"/>
    <n v="9"/>
    <n v="2016"/>
  </r>
  <r>
    <s v="110"/>
    <d v="2016-09-15T00:00:00"/>
    <x v="7"/>
    <x v="0"/>
    <s v="10828"/>
    <s v="GLNANDA"/>
    <n v="-39220.22"/>
    <n v="-344773"/>
    <s v="Billed Revenues"/>
    <s v="EXV"/>
    <s v="NONBU"/>
    <s v="G0000110"/>
    <s v="N"/>
    <s v="MACSS Dist Billed Revenue-03"/>
    <s v=""/>
    <x v="0"/>
    <s v="CAD0330926"/>
    <s v="S"/>
    <s v="KY"/>
    <s v="REV"/>
    <s v="974"/>
    <s v="GLBATCH"/>
    <n v="9"/>
    <n v="2016"/>
  </r>
  <r>
    <s v="110"/>
    <d v="2016-09-15T00:00:00"/>
    <x v="6"/>
    <x v="0"/>
    <s v="10828"/>
    <s v="GLNANDA"/>
    <n v="0"/>
    <n v="15"/>
    <s v="Billed Revenues"/>
    <s v="EXV"/>
    <s v="NONBU"/>
    <s v="G0000110"/>
    <s v="N"/>
    <s v="MACSS Dist Billed Revenue-03"/>
    <s v=""/>
    <x v="0"/>
    <s v="CAD0330926"/>
    <s v="S"/>
    <s v="KY"/>
    <s v="REV"/>
    <s v="974"/>
    <s v="GLBATCH"/>
    <n v="9"/>
    <n v="2016"/>
  </r>
  <r>
    <s v="110"/>
    <d v="2016-09-15T00:00:00"/>
    <x v="6"/>
    <x v="0"/>
    <s v="10828"/>
    <s v="GLNANDA"/>
    <n v="-738.19"/>
    <n v="-3866"/>
    <s v="Billed Revenues"/>
    <s v="EXV"/>
    <s v="NONBU"/>
    <s v="G0000110"/>
    <s v="N"/>
    <s v="MACSS Dist Billed Revenue-03"/>
    <s v=""/>
    <x v="0"/>
    <s v="CAD0330926"/>
    <s v="S"/>
    <s v="KY"/>
    <s v="REV"/>
    <s v="974"/>
    <s v="GLBATCH"/>
    <n v="9"/>
    <n v="2016"/>
  </r>
  <r>
    <s v="110"/>
    <d v="2016-09-15T00:00:00"/>
    <x v="5"/>
    <x v="0"/>
    <s v="10828"/>
    <s v="GLNANDA"/>
    <n v="0"/>
    <n v="128"/>
    <s v="Billed Revenues"/>
    <s v="EXV"/>
    <s v="NONBU"/>
    <s v="G0000110"/>
    <s v="N"/>
    <s v="MACSS Dist Billed Revenue-03"/>
    <s v=""/>
    <x v="0"/>
    <s v="CAD0330926"/>
    <s v="S"/>
    <s v="KY"/>
    <s v="REV"/>
    <s v="974"/>
    <s v="GLBATCH"/>
    <n v="9"/>
    <n v="2016"/>
  </r>
  <r>
    <s v="110"/>
    <d v="2016-09-15T00:00:00"/>
    <x v="5"/>
    <x v="0"/>
    <s v="10828"/>
    <s v="GLNANDA"/>
    <n v="-66892.2"/>
    <n v="-541387"/>
    <s v="Billed Revenues"/>
    <s v="EXV"/>
    <s v="NONBU"/>
    <s v="G0000110"/>
    <s v="N"/>
    <s v="MACSS Dist Billed Revenue-03"/>
    <s v=""/>
    <x v="0"/>
    <s v="CAD0330926"/>
    <s v="S"/>
    <s v="KY"/>
    <s v="REV"/>
    <s v="974"/>
    <s v="GLBATCH"/>
    <n v="9"/>
    <n v="2016"/>
  </r>
  <r>
    <s v="110"/>
    <d v="2016-09-15T00:00:00"/>
    <x v="4"/>
    <x v="0"/>
    <s v="10828"/>
    <s v="GLNANDA"/>
    <n v="0"/>
    <n v="3421"/>
    <s v="Billed Revenues"/>
    <s v="EXV"/>
    <s v="NONBU"/>
    <s v="G0000110"/>
    <s v="N"/>
    <s v="MACSS Dist Billed Revenue-03"/>
    <s v=""/>
    <x v="0"/>
    <s v="CAD0330926"/>
    <s v="S"/>
    <s v="KY"/>
    <s v="REV"/>
    <s v="974"/>
    <s v="GLBATCH"/>
    <n v="9"/>
    <n v="2016"/>
  </r>
  <r>
    <s v="110"/>
    <d v="2016-09-15T00:00:00"/>
    <x v="4"/>
    <x v="0"/>
    <s v="10828"/>
    <s v="GLNANDA"/>
    <n v="-462124.38"/>
    <n v="-3890557"/>
    <s v="Billed Revenues"/>
    <s v="EXV"/>
    <s v="NONBU"/>
    <s v="G0000110"/>
    <s v="N"/>
    <s v="MACSS Dist Billed Revenue-03"/>
    <s v=""/>
    <x v="0"/>
    <s v="CAD0330926"/>
    <s v="S"/>
    <s v="KY"/>
    <s v="REV"/>
    <s v="974"/>
    <s v="GLBATCH"/>
    <n v="9"/>
    <n v="2016"/>
  </r>
  <r>
    <s v="110"/>
    <d v="2016-09-15T00:00:00"/>
    <x v="2"/>
    <x v="0"/>
    <s v="10828"/>
    <s v="GLNANDA"/>
    <n v="0"/>
    <n v="1377"/>
    <s v="Billed Revenues"/>
    <s v="EXV"/>
    <s v="NONBU"/>
    <s v="G0000110"/>
    <s v="N"/>
    <s v="MACSS Dist Billed Revenue-03"/>
    <s v=""/>
    <x v="0"/>
    <s v="CAD0330926"/>
    <s v="S"/>
    <s v="KY"/>
    <s v="REV"/>
    <s v="974"/>
    <s v="GLBATCH"/>
    <n v="9"/>
    <n v="2016"/>
  </r>
  <r>
    <s v="110"/>
    <d v="2016-09-15T00:00:00"/>
    <x v="2"/>
    <x v="0"/>
    <s v="10828"/>
    <s v="GLNANDA"/>
    <n v="-617946.19999999995"/>
    <n v="-5295997"/>
    <s v="Billed Revenues"/>
    <s v="EXV"/>
    <s v="NONBU"/>
    <s v="G0000110"/>
    <s v="N"/>
    <s v="MACSS Dist Billed Revenue-03"/>
    <s v=""/>
    <x v="0"/>
    <s v="CAD0330926"/>
    <s v="S"/>
    <s v="KY"/>
    <s v="REV"/>
    <s v="974"/>
    <s v="GLBATCH"/>
    <n v="9"/>
    <n v="2016"/>
  </r>
  <r>
    <s v="110"/>
    <d v="2016-09-15T00:00:00"/>
    <x v="1"/>
    <x v="0"/>
    <s v="10828"/>
    <s v="GLNANDA"/>
    <n v="0"/>
    <n v="2395"/>
    <s v="Billed Revenues"/>
    <s v="EXV"/>
    <s v="NONBU"/>
    <s v="G0000110"/>
    <s v="N"/>
    <s v="MACSS Dist Billed Revenue-03"/>
    <s v=""/>
    <x v="0"/>
    <s v="CAD0330926"/>
    <s v="S"/>
    <s v="KY"/>
    <s v="REV"/>
    <s v="974"/>
    <s v="GLBATCH"/>
    <n v="9"/>
    <n v="2016"/>
  </r>
  <r>
    <s v="110"/>
    <d v="2016-09-15T00:00:00"/>
    <x v="1"/>
    <x v="0"/>
    <s v="10828"/>
    <s v="GLNANDA"/>
    <n v="-336951.53"/>
    <n v="-2849639"/>
    <s v="Billed Revenues"/>
    <s v="EXV"/>
    <s v="NONBU"/>
    <s v="G0000110"/>
    <s v="N"/>
    <s v="MACSS Dist Billed Revenue-03"/>
    <s v=""/>
    <x v="0"/>
    <s v="CAD0330926"/>
    <s v="S"/>
    <s v="KY"/>
    <s v="REV"/>
    <s v="974"/>
    <s v="GLBATCH"/>
    <n v="9"/>
    <n v="2016"/>
  </r>
  <r>
    <s v="110"/>
    <d v="2016-09-15T00:00:00"/>
    <x v="0"/>
    <x v="0"/>
    <s v="10828"/>
    <s v="GLNANDA"/>
    <n v="0"/>
    <n v="57"/>
    <s v="Billed Revenues"/>
    <s v="EXV"/>
    <s v="NONBU"/>
    <s v="G0000110"/>
    <s v="N"/>
    <s v="MACSS Dist Billed Revenue-03"/>
    <s v=""/>
    <x v="0"/>
    <s v="CAD0330926"/>
    <s v="S"/>
    <s v="KY"/>
    <s v="REV"/>
    <s v="974"/>
    <s v="GLBATCH"/>
    <n v="9"/>
    <n v="2016"/>
  </r>
  <r>
    <s v="110"/>
    <d v="2016-09-15T00:00:00"/>
    <x v="3"/>
    <x v="0"/>
    <s v="10828"/>
    <s v="GLNANDA"/>
    <n v="-220956.62"/>
    <n v="-2458908"/>
    <s v="Billed Revenues"/>
    <s v="EXV"/>
    <s v="NONBU"/>
    <s v="G0000110"/>
    <s v="N"/>
    <s v="MACSS Dist Billed Revenue-03"/>
    <s v=""/>
    <x v="0"/>
    <s v="CAD0330926"/>
    <s v="S"/>
    <s v="KY"/>
    <s v="REV"/>
    <s v="974"/>
    <s v="GLBATCH"/>
    <n v="9"/>
    <n v="2016"/>
  </r>
  <r>
    <s v="110"/>
    <d v="2016-09-15T00:00:00"/>
    <x v="3"/>
    <x v="0"/>
    <s v="10828"/>
    <s v="GLNANDA"/>
    <n v="0"/>
    <n v="29"/>
    <s v="Billed Revenues"/>
    <s v="EXV"/>
    <s v="NONBU"/>
    <s v="G0000110"/>
    <s v="N"/>
    <s v="MACSS Dist Billed Revenue-03"/>
    <s v=""/>
    <x v="0"/>
    <s v="CAD0330927"/>
    <s v="S"/>
    <s v="KY"/>
    <s v="REV"/>
    <s v="974"/>
    <s v="GLBATCH"/>
    <n v="9"/>
    <n v="2016"/>
  </r>
  <r>
    <s v="110"/>
    <d v="2016-09-15T00:00:00"/>
    <x v="0"/>
    <x v="0"/>
    <s v="10828"/>
    <s v="GLNANDA"/>
    <n v="-66996.69"/>
    <n v="-677495"/>
    <s v="Billed Revenues"/>
    <s v="EXV"/>
    <s v="NONBU"/>
    <s v="G0000110"/>
    <s v="N"/>
    <s v="MACSS Dist Billed Revenue-03"/>
    <s v=""/>
    <x v="0"/>
    <s v="CAD0330927"/>
    <s v="S"/>
    <s v="KY"/>
    <s v="REV"/>
    <s v="974"/>
    <s v="GLBATCH"/>
    <n v="9"/>
    <n v="2016"/>
  </r>
  <r>
    <s v="110"/>
    <d v="2016-09-15T00:00:00"/>
    <x v="7"/>
    <x v="0"/>
    <s v="10828"/>
    <s v="GLNANDA"/>
    <n v="0"/>
    <n v="43"/>
    <s v="Billed Revenues"/>
    <s v="EXV"/>
    <s v="NONBU"/>
    <s v="G0000110"/>
    <s v="N"/>
    <s v="MACSS Dist Billed Revenue-03"/>
    <s v=""/>
    <x v="0"/>
    <s v="CAD0330927"/>
    <s v="S"/>
    <s v="KY"/>
    <s v="REV"/>
    <s v="974"/>
    <s v="GLBATCH"/>
    <n v="9"/>
    <n v="2016"/>
  </r>
  <r>
    <s v="110"/>
    <d v="2016-09-15T00:00:00"/>
    <x v="7"/>
    <x v="0"/>
    <s v="10828"/>
    <s v="GLNANDA"/>
    <n v="-137475.96"/>
    <n v="-1256935"/>
    <s v="Billed Revenues"/>
    <s v="EXV"/>
    <s v="NONBU"/>
    <s v="G0000110"/>
    <s v="N"/>
    <s v="MACSS Dist Billed Revenue-03"/>
    <s v=""/>
    <x v="0"/>
    <s v="CAD0330927"/>
    <s v="S"/>
    <s v="KY"/>
    <s v="REV"/>
    <s v="974"/>
    <s v="GLBATCH"/>
    <n v="9"/>
    <n v="2016"/>
  </r>
  <r>
    <s v="110"/>
    <d v="2016-09-15T00:00:00"/>
    <x v="6"/>
    <x v="0"/>
    <s v="10828"/>
    <s v="GLNANDA"/>
    <n v="0"/>
    <n v="19"/>
    <s v="Billed Revenues"/>
    <s v="EXV"/>
    <s v="NONBU"/>
    <s v="G0000110"/>
    <s v="N"/>
    <s v="MACSS Dist Billed Revenue-03"/>
    <s v=""/>
    <x v="0"/>
    <s v="CAD0330927"/>
    <s v="S"/>
    <s v="KY"/>
    <s v="REV"/>
    <s v="974"/>
    <s v="GLBATCH"/>
    <n v="9"/>
    <n v="2016"/>
  </r>
  <r>
    <s v="110"/>
    <d v="2016-09-15T00:00:00"/>
    <x v="6"/>
    <x v="0"/>
    <s v="10828"/>
    <s v="GLNANDA"/>
    <n v="-3492.91"/>
    <n v="-21136"/>
    <s v="Billed Revenues"/>
    <s v="EXV"/>
    <s v="NONBU"/>
    <s v="G0000110"/>
    <s v="N"/>
    <s v="MACSS Dist Billed Revenue-03"/>
    <s v=""/>
    <x v="0"/>
    <s v="CAD0330927"/>
    <s v="S"/>
    <s v="KY"/>
    <s v="REV"/>
    <s v="974"/>
    <s v="GLBATCH"/>
    <n v="9"/>
    <n v="2016"/>
  </r>
  <r>
    <s v="110"/>
    <d v="2016-09-15T00:00:00"/>
    <x v="5"/>
    <x v="0"/>
    <s v="10828"/>
    <s v="GLNANDA"/>
    <n v="0"/>
    <n v="214"/>
    <s v="Billed Revenues"/>
    <s v="EXV"/>
    <s v="NONBU"/>
    <s v="G0000110"/>
    <s v="N"/>
    <s v="MACSS Dist Billed Revenue-03"/>
    <s v=""/>
    <x v="0"/>
    <s v="CAD0330927"/>
    <s v="S"/>
    <s v="KY"/>
    <s v="REV"/>
    <s v="974"/>
    <s v="GLBATCH"/>
    <n v="9"/>
    <n v="2016"/>
  </r>
  <r>
    <s v="110"/>
    <d v="2016-09-15T00:00:00"/>
    <x v="5"/>
    <x v="0"/>
    <s v="10828"/>
    <s v="GLNANDA"/>
    <n v="-113450.76"/>
    <n v="-1061704"/>
    <s v="Billed Revenues"/>
    <s v="EXV"/>
    <s v="NONBU"/>
    <s v="G0000110"/>
    <s v="N"/>
    <s v="MACSS Dist Billed Revenue-03"/>
    <s v=""/>
    <x v="0"/>
    <s v="CAD0330927"/>
    <s v="S"/>
    <s v="KY"/>
    <s v="REV"/>
    <s v="974"/>
    <s v="GLBATCH"/>
    <n v="9"/>
    <n v="2016"/>
  </r>
  <r>
    <s v="110"/>
    <d v="2016-09-15T00:00:00"/>
    <x v="4"/>
    <x v="0"/>
    <s v="10828"/>
    <s v="GLNANDA"/>
    <n v="0"/>
    <n v="2964"/>
    <s v="Billed Revenues"/>
    <s v="EXV"/>
    <s v="NONBU"/>
    <s v="G0000110"/>
    <s v="N"/>
    <s v="MACSS Dist Billed Revenue-03"/>
    <s v=""/>
    <x v="0"/>
    <s v="CAD0330927"/>
    <s v="S"/>
    <s v="KY"/>
    <s v="REV"/>
    <s v="974"/>
    <s v="GLBATCH"/>
    <n v="9"/>
    <n v="2016"/>
  </r>
  <r>
    <s v="110"/>
    <d v="2016-09-15T00:00:00"/>
    <x v="4"/>
    <x v="0"/>
    <s v="10828"/>
    <s v="GLNANDA"/>
    <n v="-445006.4"/>
    <n v="-3785585"/>
    <s v="Billed Revenues"/>
    <s v="EXV"/>
    <s v="NONBU"/>
    <s v="G0000110"/>
    <s v="N"/>
    <s v="MACSS Dist Billed Revenue-03"/>
    <s v=""/>
    <x v="0"/>
    <s v="CAD0330927"/>
    <s v="S"/>
    <s v="KY"/>
    <s v="REV"/>
    <s v="974"/>
    <s v="GLBATCH"/>
    <n v="9"/>
    <n v="2016"/>
  </r>
  <r>
    <s v="110"/>
    <d v="2016-09-15T00:00:00"/>
    <x v="2"/>
    <x v="0"/>
    <s v="10828"/>
    <s v="GLNANDA"/>
    <n v="0"/>
    <n v="1237"/>
    <s v="Billed Revenues"/>
    <s v="EXV"/>
    <s v="NONBU"/>
    <s v="G0000110"/>
    <s v="N"/>
    <s v="MACSS Dist Billed Revenue-03"/>
    <s v=""/>
    <x v="0"/>
    <s v="CAD0330927"/>
    <s v="S"/>
    <s v="KY"/>
    <s v="REV"/>
    <s v="974"/>
    <s v="GLBATCH"/>
    <n v="9"/>
    <n v="2016"/>
  </r>
  <r>
    <s v="110"/>
    <d v="2016-09-15T00:00:00"/>
    <x v="2"/>
    <x v="0"/>
    <s v="10828"/>
    <s v="GLNANDA"/>
    <n v="-823122.32"/>
    <n v="-8582435"/>
    <s v="Billed Revenues"/>
    <s v="EXV"/>
    <s v="NONBU"/>
    <s v="G0000110"/>
    <s v="N"/>
    <s v="MACSS Dist Billed Revenue-03"/>
    <s v=""/>
    <x v="0"/>
    <s v="CAD0330927"/>
    <s v="S"/>
    <s v="KY"/>
    <s v="REV"/>
    <s v="974"/>
    <s v="GLBATCH"/>
    <n v="9"/>
    <n v="2016"/>
  </r>
  <r>
    <s v="110"/>
    <d v="2016-09-15T00:00:00"/>
    <x v="1"/>
    <x v="0"/>
    <s v="10828"/>
    <s v="GLNANDA"/>
    <n v="0"/>
    <n v="2576"/>
    <s v="Billed Revenues"/>
    <s v="EXV"/>
    <s v="NONBU"/>
    <s v="G0000110"/>
    <s v="N"/>
    <s v="MACSS Dist Billed Revenue-03"/>
    <s v=""/>
    <x v="0"/>
    <s v="CAD0330927"/>
    <s v="S"/>
    <s v="KY"/>
    <s v="REV"/>
    <s v="974"/>
    <s v="GLBATCH"/>
    <n v="9"/>
    <n v="2016"/>
  </r>
  <r>
    <s v="110"/>
    <d v="2016-09-15T00:00:00"/>
    <x v="1"/>
    <x v="0"/>
    <s v="10828"/>
    <s v="GLNANDA"/>
    <n v="-382916.92"/>
    <n v="-3266579"/>
    <s v="Billed Revenues"/>
    <s v="EXV"/>
    <s v="NONBU"/>
    <s v="G0000110"/>
    <s v="N"/>
    <s v="MACSS Dist Billed Revenue-03"/>
    <s v=""/>
    <x v="0"/>
    <s v="CAD0330927"/>
    <s v="S"/>
    <s v="KY"/>
    <s v="REV"/>
    <s v="974"/>
    <s v="GLBATCH"/>
    <n v="9"/>
    <n v="2016"/>
  </r>
  <r>
    <s v="110"/>
    <d v="2016-09-15T00:00:00"/>
    <x v="0"/>
    <x v="0"/>
    <s v="10828"/>
    <s v="GLNANDA"/>
    <n v="0"/>
    <n v="51"/>
    <s v="Billed Revenues"/>
    <s v="EXV"/>
    <s v="NONBU"/>
    <s v="G0000110"/>
    <s v="N"/>
    <s v="MACSS Dist Billed Revenue-03"/>
    <s v=""/>
    <x v="0"/>
    <s v="CAD0330927"/>
    <s v="S"/>
    <s v="KY"/>
    <s v="REV"/>
    <s v="974"/>
    <s v="GLBATCH"/>
    <n v="9"/>
    <n v="2016"/>
  </r>
  <r>
    <s v="110"/>
    <d v="2016-09-15T00:00:00"/>
    <x v="3"/>
    <x v="0"/>
    <s v="10828"/>
    <s v="GLNANDA"/>
    <n v="-544504.73"/>
    <n v="-6159638"/>
    <s v="Billed Revenues"/>
    <s v="EXV"/>
    <s v="NONBU"/>
    <s v="G0000110"/>
    <s v="N"/>
    <s v="MACSS Dist Billed Revenue-03"/>
    <s v=""/>
    <x v="0"/>
    <s v="CAD0330927"/>
    <s v="S"/>
    <s v="KY"/>
    <s v="REV"/>
    <s v="974"/>
    <s v="GLBATCH"/>
    <n v="9"/>
    <n v="2016"/>
  </r>
  <r>
    <s v="110"/>
    <d v="2016-10-15T00:00:00"/>
    <x v="3"/>
    <x v="0"/>
    <s v="10828"/>
    <s v="GLNANDA"/>
    <n v="0"/>
    <n v="9"/>
    <s v="Billed Revenues"/>
    <s v="EXV"/>
    <s v="NONBU"/>
    <s v="G0000110"/>
    <s v="N"/>
    <s v="MACSS Dist Billed Revenue-03"/>
    <s v=""/>
    <x v="0"/>
    <s v="CAD0330928"/>
    <s v="S"/>
    <s v="KY"/>
    <s v="REV"/>
    <s v="974"/>
    <s v="GLBATCH"/>
    <n v="10"/>
    <n v="2016"/>
  </r>
  <r>
    <s v="110"/>
    <d v="2016-10-15T00:00:00"/>
    <x v="0"/>
    <x v="0"/>
    <s v="10828"/>
    <s v="GLNANDA"/>
    <n v="-292638.42"/>
    <n v="-3448439"/>
    <s v="Billed Revenues"/>
    <s v="EXV"/>
    <s v="NONBU"/>
    <s v="G0000110"/>
    <s v="N"/>
    <s v="MACSS Dist Billed Revenue-03"/>
    <s v=""/>
    <x v="0"/>
    <s v="CAD0330928"/>
    <s v="S"/>
    <s v="KY"/>
    <s v="REV"/>
    <s v="974"/>
    <s v="GLBATCH"/>
    <n v="10"/>
    <n v="2016"/>
  </r>
  <r>
    <s v="110"/>
    <d v="2016-10-15T00:00:00"/>
    <x v="3"/>
    <x v="0"/>
    <s v="10828"/>
    <s v="GLNANDA"/>
    <n v="-7886.11"/>
    <n v="-64234"/>
    <s v="Billed Revenues"/>
    <s v="EXV"/>
    <s v="NONBU"/>
    <s v="G0000110"/>
    <s v="N"/>
    <s v="MACSS Dist Billed Revenue-03"/>
    <s v=""/>
    <x v="0"/>
    <s v="CAD0330928"/>
    <s v="S"/>
    <s v="KY"/>
    <s v="REV"/>
    <s v="974"/>
    <s v="GLBATCH"/>
    <n v="10"/>
    <n v="2016"/>
  </r>
  <r>
    <s v="110"/>
    <d v="2016-10-15T00:00:00"/>
    <x v="0"/>
    <x v="0"/>
    <s v="10828"/>
    <s v="GLNANDA"/>
    <n v="0"/>
    <n v="54"/>
    <s v="Billed Revenues"/>
    <s v="EXV"/>
    <s v="NONBU"/>
    <s v="G0000110"/>
    <s v="N"/>
    <s v="MACSS Dist Billed Revenue-03"/>
    <s v=""/>
    <x v="0"/>
    <s v="CAD0330928"/>
    <s v="S"/>
    <s v="KY"/>
    <s v="REV"/>
    <s v="974"/>
    <s v="GLBATCH"/>
    <n v="10"/>
    <n v="2016"/>
  </r>
  <r>
    <s v="110"/>
    <d v="2016-10-15T00:00:00"/>
    <x v="2"/>
    <x v="0"/>
    <s v="10828"/>
    <s v="GLNANDA"/>
    <n v="-785622.97"/>
    <n v="-6387895"/>
    <s v="Billed Revenues"/>
    <s v="EXV"/>
    <s v="NONBU"/>
    <s v="G0000110"/>
    <s v="N"/>
    <s v="MACSS Dist Billed Revenue-03"/>
    <s v=""/>
    <x v="0"/>
    <s v="CAD0330928"/>
    <s v="S"/>
    <s v="KY"/>
    <s v="REV"/>
    <s v="974"/>
    <s v="GLBATCH"/>
    <n v="10"/>
    <n v="2016"/>
  </r>
  <r>
    <s v="110"/>
    <d v="2016-10-15T00:00:00"/>
    <x v="2"/>
    <x v="0"/>
    <s v="10828"/>
    <s v="GLNANDA"/>
    <n v="0"/>
    <n v="1718"/>
    <s v="Billed Revenues"/>
    <s v="EXV"/>
    <s v="NONBU"/>
    <s v="G0000110"/>
    <s v="N"/>
    <s v="MACSS Dist Billed Revenue-03"/>
    <s v=""/>
    <x v="0"/>
    <s v="CAD0330928"/>
    <s v="S"/>
    <s v="KY"/>
    <s v="REV"/>
    <s v="974"/>
    <s v="GLBATCH"/>
    <n v="10"/>
    <n v="2016"/>
  </r>
  <r>
    <s v="110"/>
    <d v="2016-10-15T00:00:00"/>
    <x v="4"/>
    <x v="0"/>
    <s v="10828"/>
    <s v="GLNANDA"/>
    <n v="-735980.67"/>
    <n v="-6134362"/>
    <s v="Billed Revenues"/>
    <s v="EXV"/>
    <s v="NONBU"/>
    <s v="G0000110"/>
    <s v="N"/>
    <s v="MACSS Dist Billed Revenue-03"/>
    <s v=""/>
    <x v="0"/>
    <s v="CAD0330928"/>
    <s v="S"/>
    <s v="KY"/>
    <s v="REV"/>
    <s v="974"/>
    <s v="GLBATCH"/>
    <n v="10"/>
    <n v="2016"/>
  </r>
  <r>
    <s v="110"/>
    <d v="2016-10-15T00:00:00"/>
    <x v="4"/>
    <x v="0"/>
    <s v="10828"/>
    <s v="GLNANDA"/>
    <n v="0"/>
    <n v="4784"/>
    <s v="Billed Revenues"/>
    <s v="EXV"/>
    <s v="NONBU"/>
    <s v="G0000110"/>
    <s v="N"/>
    <s v="MACSS Dist Billed Revenue-03"/>
    <s v=""/>
    <x v="0"/>
    <s v="CAD0330928"/>
    <s v="S"/>
    <s v="KY"/>
    <s v="REV"/>
    <s v="974"/>
    <s v="GLBATCH"/>
    <n v="10"/>
    <n v="2016"/>
  </r>
  <r>
    <s v="110"/>
    <d v="2016-10-15T00:00:00"/>
    <x v="1"/>
    <x v="0"/>
    <s v="10828"/>
    <s v="GLNANDA"/>
    <n v="-307241.62"/>
    <n v="-2540853"/>
    <s v="Billed Revenues"/>
    <s v="EXV"/>
    <s v="NONBU"/>
    <s v="G0000110"/>
    <s v="N"/>
    <s v="MACSS Dist Billed Revenue-03"/>
    <s v=""/>
    <x v="0"/>
    <s v="CAD0330928"/>
    <s v="S"/>
    <s v="KY"/>
    <s v="REV"/>
    <s v="974"/>
    <s v="GLBATCH"/>
    <n v="10"/>
    <n v="2016"/>
  </r>
  <r>
    <s v="110"/>
    <d v="2016-10-15T00:00:00"/>
    <x v="1"/>
    <x v="0"/>
    <s v="10828"/>
    <s v="GLNANDA"/>
    <n v="0"/>
    <n v="2137"/>
    <s v="Billed Revenues"/>
    <s v="EXV"/>
    <s v="NONBU"/>
    <s v="G0000110"/>
    <s v="N"/>
    <s v="MACSS Dist Billed Revenue-03"/>
    <s v=""/>
    <x v="0"/>
    <s v="CAD0330928"/>
    <s v="S"/>
    <s v="KY"/>
    <s v="REV"/>
    <s v="974"/>
    <s v="GLBATCH"/>
    <n v="10"/>
    <n v="2016"/>
  </r>
  <r>
    <s v="110"/>
    <d v="2016-10-15T00:00:00"/>
    <x v="6"/>
    <x v="0"/>
    <s v="10828"/>
    <s v="GLNANDA"/>
    <n v="-994.65"/>
    <n v="-5191"/>
    <s v="Billed Revenues"/>
    <s v="EXV"/>
    <s v="NONBU"/>
    <s v="G0000110"/>
    <s v="N"/>
    <s v="MACSS Dist Billed Revenue-03"/>
    <s v=""/>
    <x v="0"/>
    <s v="CAD0330928"/>
    <s v="S"/>
    <s v="KY"/>
    <s v="REV"/>
    <s v="974"/>
    <s v="GLBATCH"/>
    <n v="10"/>
    <n v="2016"/>
  </r>
  <r>
    <s v="110"/>
    <d v="2016-10-15T00:00:00"/>
    <x v="6"/>
    <x v="0"/>
    <s v="10828"/>
    <s v="GLNANDA"/>
    <n v="0"/>
    <n v="20"/>
    <s v="Billed Revenues"/>
    <s v="EXV"/>
    <s v="NONBU"/>
    <s v="G0000110"/>
    <s v="N"/>
    <s v="MACSS Dist Billed Revenue-03"/>
    <s v=""/>
    <x v="0"/>
    <s v="CAD0330928"/>
    <s v="S"/>
    <s v="KY"/>
    <s v="REV"/>
    <s v="974"/>
    <s v="GLBATCH"/>
    <n v="10"/>
    <n v="2016"/>
  </r>
  <r>
    <s v="110"/>
    <d v="2016-10-15T00:00:00"/>
    <x v="7"/>
    <x v="0"/>
    <s v="10828"/>
    <s v="GLNANDA"/>
    <n v="-71736.3"/>
    <n v="-626463"/>
    <s v="Billed Revenues"/>
    <s v="EXV"/>
    <s v="NONBU"/>
    <s v="G0000110"/>
    <s v="N"/>
    <s v="MACSS Dist Billed Revenue-03"/>
    <s v=""/>
    <x v="0"/>
    <s v="CAD0330928"/>
    <s v="S"/>
    <s v="KY"/>
    <s v="REV"/>
    <s v="974"/>
    <s v="GLBATCH"/>
    <n v="10"/>
    <n v="2016"/>
  </r>
  <r>
    <s v="110"/>
    <d v="2016-10-15T00:00:00"/>
    <x v="7"/>
    <x v="0"/>
    <s v="10828"/>
    <s v="GLNANDA"/>
    <n v="0"/>
    <n v="24"/>
    <s v="Billed Revenues"/>
    <s v="EXV"/>
    <s v="NONBU"/>
    <s v="G0000110"/>
    <s v="N"/>
    <s v="MACSS Dist Billed Revenue-03"/>
    <s v=""/>
    <x v="0"/>
    <s v="CAD0330928"/>
    <s v="S"/>
    <s v="KY"/>
    <s v="REV"/>
    <s v="974"/>
    <s v="GLBATCH"/>
    <n v="10"/>
    <n v="2016"/>
  </r>
  <r>
    <s v="110"/>
    <d v="2016-10-15T00:00:00"/>
    <x v="5"/>
    <x v="0"/>
    <s v="10828"/>
    <s v="GLNANDA"/>
    <n v="-76614.98"/>
    <n v="-629643"/>
    <s v="Billed Revenues"/>
    <s v="EXV"/>
    <s v="NONBU"/>
    <s v="G0000110"/>
    <s v="N"/>
    <s v="MACSS Dist Billed Revenue-03"/>
    <s v=""/>
    <x v="0"/>
    <s v="CAD0330928"/>
    <s v="S"/>
    <s v="KY"/>
    <s v="REV"/>
    <s v="974"/>
    <s v="GLBATCH"/>
    <n v="10"/>
    <n v="2016"/>
  </r>
  <r>
    <s v="110"/>
    <d v="2016-10-15T00:00:00"/>
    <x v="5"/>
    <x v="0"/>
    <s v="10828"/>
    <s v="GLNANDA"/>
    <n v="0"/>
    <n v="144"/>
    <s v="Billed Revenues"/>
    <s v="EXV"/>
    <s v="NONBU"/>
    <s v="G0000110"/>
    <s v="N"/>
    <s v="MACSS Dist Billed Revenue-03"/>
    <s v=""/>
    <x v="0"/>
    <s v="CAD0330928"/>
    <s v="S"/>
    <s v="KY"/>
    <s v="REV"/>
    <s v="974"/>
    <s v="GLBATCH"/>
    <n v="10"/>
    <n v="2016"/>
  </r>
  <r>
    <s v="110"/>
    <d v="2016-09-15T00:00:00"/>
    <x v="2"/>
    <x v="0"/>
    <s v="10828"/>
    <s v="GLNANDA"/>
    <n v="-10701.14"/>
    <n v="-80859"/>
    <s v="Billed Revenues"/>
    <s v="EXV"/>
    <s v="NONBU"/>
    <s v="G0000110"/>
    <s v="N"/>
    <s v="MACSS Dist Billed Revenue-03"/>
    <s v=""/>
    <x v="0"/>
    <s v="CAD0330928"/>
    <s v="S"/>
    <s v="KY"/>
    <s v="REV"/>
    <s v="974"/>
    <s v="GLBATCH"/>
    <n v="9"/>
    <n v="2016"/>
  </r>
  <r>
    <s v="110"/>
    <d v="2016-09-15T00:00:00"/>
    <x v="2"/>
    <x v="0"/>
    <s v="10828"/>
    <s v="GLNANDA"/>
    <n v="0"/>
    <n v="39"/>
    <s v="Billed Revenues"/>
    <s v="EXV"/>
    <s v="NONBU"/>
    <s v="G0000110"/>
    <s v="N"/>
    <s v="MACSS Dist Billed Revenue-03"/>
    <s v=""/>
    <x v="0"/>
    <s v="CAD0330928"/>
    <s v="S"/>
    <s v="KY"/>
    <s v="REV"/>
    <s v="974"/>
    <s v="GLBATCH"/>
    <n v="9"/>
    <n v="2016"/>
  </r>
  <r>
    <s v="110"/>
    <d v="2016-09-15T00:00:00"/>
    <x v="5"/>
    <x v="0"/>
    <s v="10828"/>
    <s v="GLNANDA"/>
    <n v="-1203.8499999999999"/>
    <n v="-10391"/>
    <s v="Billed Revenues"/>
    <s v="EXV"/>
    <s v="NONBU"/>
    <s v="G0000110"/>
    <s v="N"/>
    <s v="MACSS Dist Billed Revenue-03"/>
    <s v=""/>
    <x v="0"/>
    <s v="CAD0330928"/>
    <s v="S"/>
    <s v="KY"/>
    <s v="REV"/>
    <s v="974"/>
    <s v="GLBATCH"/>
    <n v="9"/>
    <n v="2016"/>
  </r>
  <r>
    <s v="110"/>
    <d v="2016-09-15T00:00:00"/>
    <x v="5"/>
    <x v="0"/>
    <s v="10828"/>
    <s v="GLNANDA"/>
    <n v="0"/>
    <n v="7"/>
    <s v="Billed Revenues"/>
    <s v="EXV"/>
    <s v="NONBU"/>
    <s v="G0000110"/>
    <s v="N"/>
    <s v="MACSS Dist Billed Revenue-03"/>
    <s v=""/>
    <x v="0"/>
    <s v="CAD0330928"/>
    <s v="S"/>
    <s v="KY"/>
    <s v="REV"/>
    <s v="974"/>
    <s v="GLBATCH"/>
    <n v="9"/>
    <n v="2016"/>
  </r>
  <r>
    <s v="110"/>
    <d v="2016-09-15T00:00:00"/>
    <x v="0"/>
    <x v="0"/>
    <s v="10828"/>
    <s v="GLNANDA"/>
    <n v="-89149.47"/>
    <n v="-1429762"/>
    <s v="Billed Revenues"/>
    <s v="EXV"/>
    <s v="NONBU"/>
    <s v="G0000110"/>
    <s v="N"/>
    <s v="MACSS Dist Billed Revenue-03"/>
    <s v=""/>
    <x v="0"/>
    <s v="CAD0330928"/>
    <s v="S"/>
    <s v="KY"/>
    <s v="REV"/>
    <s v="974"/>
    <s v="GLBATCH"/>
    <n v="9"/>
    <n v="2016"/>
  </r>
  <r>
    <s v="110"/>
    <d v="2016-09-15T00:00:00"/>
    <x v="0"/>
    <x v="0"/>
    <s v="10828"/>
    <s v="GLNANDA"/>
    <n v="0"/>
    <n v="3"/>
    <s v="Billed Revenues"/>
    <s v="EXV"/>
    <s v="NONBU"/>
    <s v="G0000110"/>
    <s v="N"/>
    <s v="MACSS Dist Billed Revenue-03"/>
    <s v=""/>
    <x v="0"/>
    <s v="CAD0330928"/>
    <s v="S"/>
    <s v="KY"/>
    <s v="REV"/>
    <s v="974"/>
    <s v="GLBATCH"/>
    <n v="9"/>
    <n v="2016"/>
  </r>
  <r>
    <s v="110"/>
    <d v="2016-09-15T00:00:00"/>
    <x v="3"/>
    <x v="0"/>
    <s v="10828"/>
    <s v="GLNANDA"/>
    <n v="0"/>
    <n v="8"/>
    <s v="Billed Revenues"/>
    <s v="EXV"/>
    <s v="NONBU"/>
    <s v="G0000110"/>
    <s v="N"/>
    <s v="MACSS Dist Billed Revenue-03"/>
    <s v=""/>
    <x v="0"/>
    <s v="CAD0330928"/>
    <s v="S"/>
    <s v="KY"/>
    <s v="REV"/>
    <s v="974"/>
    <s v="GLBATCH"/>
    <n v="9"/>
    <n v="2016"/>
  </r>
  <r>
    <s v="110"/>
    <d v="2016-09-15T00:00:00"/>
    <x v="7"/>
    <x v="0"/>
    <s v="10828"/>
    <s v="GLNANDA"/>
    <n v="0"/>
    <n v="1"/>
    <s v="Billed Revenues"/>
    <s v="EXV"/>
    <s v="NONBU"/>
    <s v="G0000110"/>
    <s v="N"/>
    <s v="MACSS Dist Billed Revenue-03"/>
    <s v=""/>
    <x v="0"/>
    <s v="CAD0330928"/>
    <s v="S"/>
    <s v="KY"/>
    <s v="REV"/>
    <s v="974"/>
    <s v="GLBATCH"/>
    <n v="9"/>
    <n v="2016"/>
  </r>
  <r>
    <s v="110"/>
    <d v="2016-09-15T00:00:00"/>
    <x v="4"/>
    <x v="0"/>
    <s v="10828"/>
    <s v="GLNANDA"/>
    <n v="-11195.07"/>
    <n v="-94688"/>
    <s v="Billed Revenues"/>
    <s v="EXV"/>
    <s v="NONBU"/>
    <s v="G0000110"/>
    <s v="N"/>
    <s v="MACSS Dist Billed Revenue-03"/>
    <s v=""/>
    <x v="0"/>
    <s v="CAD0330928"/>
    <s v="S"/>
    <s v="KY"/>
    <s v="REV"/>
    <s v="974"/>
    <s v="GLBATCH"/>
    <n v="9"/>
    <n v="2016"/>
  </r>
  <r>
    <s v="110"/>
    <d v="2016-09-15T00:00:00"/>
    <x v="4"/>
    <x v="0"/>
    <s v="10828"/>
    <s v="GLNANDA"/>
    <n v="0"/>
    <n v="80"/>
    <s v="Billed Revenues"/>
    <s v="EXV"/>
    <s v="NONBU"/>
    <s v="G0000110"/>
    <s v="N"/>
    <s v="MACSS Dist Billed Revenue-03"/>
    <s v=""/>
    <x v="0"/>
    <s v="CAD0330928"/>
    <s v="S"/>
    <s v="KY"/>
    <s v="REV"/>
    <s v="974"/>
    <s v="GLBATCH"/>
    <n v="9"/>
    <n v="2016"/>
  </r>
  <r>
    <s v="110"/>
    <d v="2016-09-15T00:00:00"/>
    <x v="1"/>
    <x v="0"/>
    <s v="10828"/>
    <s v="GLNANDA"/>
    <n v="-7819.58"/>
    <n v="-66695"/>
    <s v="Billed Revenues"/>
    <s v="EXV"/>
    <s v="NONBU"/>
    <s v="G0000110"/>
    <s v="N"/>
    <s v="MACSS Dist Billed Revenue-03"/>
    <s v=""/>
    <x v="0"/>
    <s v="CAD0330928"/>
    <s v="S"/>
    <s v="KY"/>
    <s v="REV"/>
    <s v="974"/>
    <s v="GLBATCH"/>
    <n v="9"/>
    <n v="2016"/>
  </r>
  <r>
    <s v="110"/>
    <d v="2016-09-15T00:00:00"/>
    <x v="1"/>
    <x v="0"/>
    <s v="10828"/>
    <s v="GLNANDA"/>
    <n v="0"/>
    <n v="50"/>
    <s v="Billed Revenues"/>
    <s v="EXV"/>
    <s v="NONBU"/>
    <s v="G0000110"/>
    <s v="N"/>
    <s v="MACSS Dist Billed Revenue-03"/>
    <s v=""/>
    <x v="0"/>
    <s v="CAD0330928"/>
    <s v="S"/>
    <s v="KY"/>
    <s v="REV"/>
    <s v="974"/>
    <s v="GLBATCH"/>
    <n v="9"/>
    <n v="2016"/>
  </r>
  <r>
    <s v="110"/>
    <d v="2016-09-15T00:00:00"/>
    <x v="3"/>
    <x v="0"/>
    <s v="10828"/>
    <s v="GLNANDA"/>
    <n v="-70269.77"/>
    <n v="-615870"/>
    <s v="Billed Revenues"/>
    <s v="EXV"/>
    <s v="NONBU"/>
    <s v="G0000110"/>
    <s v="N"/>
    <s v="MACSS Dist Billed Revenue-03"/>
    <s v=""/>
    <x v="0"/>
    <s v="CAD0330928"/>
    <s v="S"/>
    <s v="KY"/>
    <s v="REV"/>
    <s v="974"/>
    <s v="GLBATCH"/>
    <n v="9"/>
    <n v="2016"/>
  </r>
  <r>
    <s v="110"/>
    <d v="2016-09-15T00:00:00"/>
    <x v="7"/>
    <x v="0"/>
    <s v="10828"/>
    <s v="GLNANDA"/>
    <n v="-94.61"/>
    <n v="-680"/>
    <s v="Billed Revenues"/>
    <s v="EXV"/>
    <s v="NONBU"/>
    <s v="G0000110"/>
    <s v="N"/>
    <s v="MACSS Dist Billed Revenue-03"/>
    <s v=""/>
    <x v="0"/>
    <s v="CAD0330928"/>
    <s v="S"/>
    <s v="KY"/>
    <s v="REV"/>
    <s v="974"/>
    <s v="GLBATCH"/>
    <n v="9"/>
    <n v="2016"/>
  </r>
  <r>
    <s v="110"/>
    <d v="2016-10-15T00:00:00"/>
    <x v="1"/>
    <x v="0"/>
    <s v="10828"/>
    <s v="GLNANDA"/>
    <n v="0"/>
    <n v="2830"/>
    <s v="Billed Revenues"/>
    <s v="EXV"/>
    <s v="NONBU"/>
    <s v="G0000110"/>
    <s v="N"/>
    <s v="MACSS Dist Billed Revenue-03"/>
    <s v=""/>
    <x v="0"/>
    <s v="CAD0330929"/>
    <s v="S"/>
    <s v="KY"/>
    <s v="REV"/>
    <s v="974"/>
    <s v="GLBATCH"/>
    <n v="10"/>
    <n v="2016"/>
  </r>
  <r>
    <s v="110"/>
    <d v="2016-10-15T00:00:00"/>
    <x v="1"/>
    <x v="0"/>
    <s v="10828"/>
    <s v="GLNANDA"/>
    <n v="-382532.34"/>
    <n v="-3140528"/>
    <s v="Billed Revenues"/>
    <s v="EXV"/>
    <s v="NONBU"/>
    <s v="G0000110"/>
    <s v="N"/>
    <s v="MACSS Dist Billed Revenue-03"/>
    <s v=""/>
    <x v="0"/>
    <s v="CAD0330929"/>
    <s v="S"/>
    <s v="KY"/>
    <s v="REV"/>
    <s v="974"/>
    <s v="GLBATCH"/>
    <n v="10"/>
    <n v="2016"/>
  </r>
  <r>
    <s v="110"/>
    <d v="2016-10-15T00:00:00"/>
    <x v="4"/>
    <x v="0"/>
    <s v="10828"/>
    <s v="GLNANDA"/>
    <n v="0"/>
    <n v="4538"/>
    <s v="Billed Revenues"/>
    <s v="EXV"/>
    <s v="NONBU"/>
    <s v="G0000110"/>
    <s v="N"/>
    <s v="MACSS Dist Billed Revenue-03"/>
    <s v=""/>
    <x v="0"/>
    <s v="CAD0330929"/>
    <s v="S"/>
    <s v="KY"/>
    <s v="REV"/>
    <s v="974"/>
    <s v="GLBATCH"/>
    <n v="10"/>
    <n v="2016"/>
  </r>
  <r>
    <s v="110"/>
    <d v="2016-10-15T00:00:00"/>
    <x v="4"/>
    <x v="0"/>
    <s v="10828"/>
    <s v="GLNANDA"/>
    <n v="-634072.09"/>
    <n v="-5230452"/>
    <s v="Billed Revenues"/>
    <s v="EXV"/>
    <s v="NONBU"/>
    <s v="G0000110"/>
    <s v="N"/>
    <s v="MACSS Dist Billed Revenue-03"/>
    <s v=""/>
    <x v="0"/>
    <s v="CAD0330929"/>
    <s v="S"/>
    <s v="KY"/>
    <s v="REV"/>
    <s v="974"/>
    <s v="GLBATCH"/>
    <n v="10"/>
    <n v="2016"/>
  </r>
  <r>
    <s v="110"/>
    <d v="2016-10-15T00:00:00"/>
    <x v="2"/>
    <x v="0"/>
    <s v="10828"/>
    <s v="GLNANDA"/>
    <n v="0"/>
    <n v="1000"/>
    <s v="Billed Revenues"/>
    <s v="EXV"/>
    <s v="NONBU"/>
    <s v="G0000110"/>
    <s v="N"/>
    <s v="MACSS Dist Billed Revenue-03"/>
    <s v=""/>
    <x v="0"/>
    <s v="CAD0330929"/>
    <s v="S"/>
    <s v="KY"/>
    <s v="REV"/>
    <s v="974"/>
    <s v="GLBATCH"/>
    <n v="10"/>
    <n v="2016"/>
  </r>
  <r>
    <s v="110"/>
    <d v="2016-10-15T00:00:00"/>
    <x v="2"/>
    <x v="0"/>
    <s v="10828"/>
    <s v="GLNANDA"/>
    <n v="-200071.83"/>
    <n v="-1677359"/>
    <s v="Billed Revenues"/>
    <s v="EXV"/>
    <s v="NONBU"/>
    <s v="G0000110"/>
    <s v="N"/>
    <s v="MACSS Dist Billed Revenue-03"/>
    <s v=""/>
    <x v="0"/>
    <s v="CAD0330929"/>
    <s v="S"/>
    <s v="KY"/>
    <s v="REV"/>
    <s v="974"/>
    <s v="GLBATCH"/>
    <n v="10"/>
    <n v="2016"/>
  </r>
  <r>
    <s v="110"/>
    <d v="2016-10-15T00:00:00"/>
    <x v="3"/>
    <x v="0"/>
    <s v="10828"/>
    <s v="GLNANDA"/>
    <n v="0"/>
    <n v="11"/>
    <s v="Billed Revenues"/>
    <s v="EXV"/>
    <s v="NONBU"/>
    <s v="G0000110"/>
    <s v="N"/>
    <s v="MACSS Dist Billed Revenue-03"/>
    <s v=""/>
    <x v="0"/>
    <s v="CAD0330929"/>
    <s v="S"/>
    <s v="KY"/>
    <s v="REV"/>
    <s v="974"/>
    <s v="GLBATCH"/>
    <n v="10"/>
    <n v="2016"/>
  </r>
  <r>
    <s v="110"/>
    <d v="2016-10-15T00:00:00"/>
    <x v="3"/>
    <x v="0"/>
    <s v="10828"/>
    <s v="GLNANDA"/>
    <n v="-24968.15"/>
    <n v="-228758"/>
    <s v="Billed Revenues"/>
    <s v="EXV"/>
    <s v="NONBU"/>
    <s v="G0000110"/>
    <s v="N"/>
    <s v="MACSS Dist Billed Revenue-03"/>
    <s v=""/>
    <x v="0"/>
    <s v="CAD0330929"/>
    <s v="S"/>
    <s v="KY"/>
    <s v="REV"/>
    <s v="974"/>
    <s v="GLBATCH"/>
    <n v="10"/>
    <n v="2016"/>
  </r>
  <r>
    <s v="110"/>
    <d v="2016-10-15T00:00:00"/>
    <x v="0"/>
    <x v="0"/>
    <s v="10828"/>
    <s v="GLNANDA"/>
    <n v="0"/>
    <n v="67"/>
    <s v="Billed Revenues"/>
    <s v="EXV"/>
    <s v="NONBU"/>
    <s v="G0000110"/>
    <s v="N"/>
    <s v="MACSS Dist Billed Revenue-03"/>
    <s v=""/>
    <x v="0"/>
    <s v="CAD0330929"/>
    <s v="S"/>
    <s v="KY"/>
    <s v="REV"/>
    <s v="974"/>
    <s v="GLBATCH"/>
    <n v="10"/>
    <n v="2016"/>
  </r>
  <r>
    <s v="110"/>
    <d v="2016-10-15T00:00:00"/>
    <x v="0"/>
    <x v="0"/>
    <s v="10828"/>
    <s v="GLNANDA"/>
    <n v="-12418.44"/>
    <n v="-91394"/>
    <s v="Billed Revenues"/>
    <s v="EXV"/>
    <s v="NONBU"/>
    <s v="G0000110"/>
    <s v="N"/>
    <s v="MACSS Dist Billed Revenue-03"/>
    <s v=""/>
    <x v="0"/>
    <s v="CAD0330929"/>
    <s v="S"/>
    <s v="KY"/>
    <s v="REV"/>
    <s v="974"/>
    <s v="GLBATCH"/>
    <n v="10"/>
    <n v="2016"/>
  </r>
  <r>
    <s v="110"/>
    <d v="2016-10-15T00:00:00"/>
    <x v="5"/>
    <x v="0"/>
    <s v="10828"/>
    <s v="GLNANDA"/>
    <n v="0"/>
    <n v="69"/>
    <s v="Billed Revenues"/>
    <s v="EXV"/>
    <s v="NONBU"/>
    <s v="G0000110"/>
    <s v="N"/>
    <s v="MACSS Dist Billed Revenue-03"/>
    <s v=""/>
    <x v="0"/>
    <s v="CAD0330929"/>
    <s v="S"/>
    <s v="KY"/>
    <s v="REV"/>
    <s v="974"/>
    <s v="GLBATCH"/>
    <n v="10"/>
    <n v="2016"/>
  </r>
  <r>
    <s v="110"/>
    <d v="2016-10-15T00:00:00"/>
    <x v="5"/>
    <x v="0"/>
    <s v="10828"/>
    <s v="GLNANDA"/>
    <n v="-30280.560000000001"/>
    <n v="-240627"/>
    <s v="Billed Revenues"/>
    <s v="EXV"/>
    <s v="NONBU"/>
    <s v="G0000110"/>
    <s v="N"/>
    <s v="MACSS Dist Billed Revenue-03"/>
    <s v=""/>
    <x v="0"/>
    <s v="CAD0330929"/>
    <s v="S"/>
    <s v="KY"/>
    <s v="REV"/>
    <s v="974"/>
    <s v="GLBATCH"/>
    <n v="10"/>
    <n v="2016"/>
  </r>
  <r>
    <s v="110"/>
    <d v="2016-10-15T00:00:00"/>
    <x v="7"/>
    <x v="0"/>
    <s v="10828"/>
    <s v="GLNANDA"/>
    <n v="0"/>
    <n v="13"/>
    <s v="Billed Revenues"/>
    <s v="EXV"/>
    <s v="NONBU"/>
    <s v="G0000110"/>
    <s v="N"/>
    <s v="MACSS Dist Billed Revenue-03"/>
    <s v=""/>
    <x v="0"/>
    <s v="CAD0330929"/>
    <s v="S"/>
    <s v="KY"/>
    <s v="REV"/>
    <s v="974"/>
    <s v="GLBATCH"/>
    <n v="10"/>
    <n v="2016"/>
  </r>
  <r>
    <s v="110"/>
    <d v="2016-10-15T00:00:00"/>
    <x v="7"/>
    <x v="0"/>
    <s v="10828"/>
    <s v="GLNANDA"/>
    <n v="-30909.46"/>
    <n v="-266137"/>
    <s v="Billed Revenues"/>
    <s v="EXV"/>
    <s v="NONBU"/>
    <s v="G0000110"/>
    <s v="N"/>
    <s v="MACSS Dist Billed Revenue-03"/>
    <s v=""/>
    <x v="0"/>
    <s v="CAD0330929"/>
    <s v="S"/>
    <s v="KY"/>
    <s v="REV"/>
    <s v="974"/>
    <s v="GLBATCH"/>
    <n v="10"/>
    <n v="2016"/>
  </r>
  <r>
    <s v="110"/>
    <d v="2016-10-15T00:00:00"/>
    <x v="6"/>
    <x v="0"/>
    <s v="10828"/>
    <s v="GLNANDA"/>
    <n v="0"/>
    <n v="9"/>
    <s v="Billed Revenues"/>
    <s v="EXV"/>
    <s v="NONBU"/>
    <s v="G0000110"/>
    <s v="N"/>
    <s v="MACSS Dist Billed Revenue-03"/>
    <s v=""/>
    <x v="0"/>
    <s v="CAD0330929"/>
    <s v="S"/>
    <s v="KY"/>
    <s v="REV"/>
    <s v="974"/>
    <s v="GLBATCH"/>
    <n v="10"/>
    <n v="2016"/>
  </r>
  <r>
    <s v="110"/>
    <d v="2016-10-15T00:00:00"/>
    <x v="6"/>
    <x v="0"/>
    <s v="10828"/>
    <s v="GLNANDA"/>
    <n v="-987.6"/>
    <n v="-6468"/>
    <s v="Billed Revenues"/>
    <s v="EXV"/>
    <s v="NONBU"/>
    <s v="G0000110"/>
    <s v="N"/>
    <s v="MACSS Dist Billed Revenue-03"/>
    <s v=""/>
    <x v="0"/>
    <s v="CAD0330929"/>
    <s v="S"/>
    <s v="KY"/>
    <s v="REV"/>
    <s v="974"/>
    <s v="GLBATCH"/>
    <n v="10"/>
    <n v="2016"/>
  </r>
  <r>
    <s v="110"/>
    <d v="2016-09-15T00:00:00"/>
    <x v="3"/>
    <x v="0"/>
    <s v="10828"/>
    <s v="GLNANDA"/>
    <n v="0"/>
    <n v="3"/>
    <s v="Billed Revenues"/>
    <s v="EXV"/>
    <s v="NONBU"/>
    <s v="G0000110"/>
    <s v="N"/>
    <s v="MACSS Dist Billed Revenue-03"/>
    <s v=""/>
    <x v="0"/>
    <s v="CAD0330929"/>
    <s v="S"/>
    <s v="KY"/>
    <s v="REV"/>
    <s v="974"/>
    <s v="GLBATCH"/>
    <n v="9"/>
    <n v="2016"/>
  </r>
  <r>
    <s v="110"/>
    <d v="2016-09-15T00:00:00"/>
    <x v="5"/>
    <x v="0"/>
    <s v="10828"/>
    <s v="GLNANDA"/>
    <n v="0"/>
    <n v="3"/>
    <s v="Billed Revenues"/>
    <s v="EXV"/>
    <s v="NONBU"/>
    <s v="G0000110"/>
    <s v="N"/>
    <s v="MACSS Dist Billed Revenue-03"/>
    <s v=""/>
    <x v="0"/>
    <s v="CAD0330929"/>
    <s v="S"/>
    <s v="KY"/>
    <s v="REV"/>
    <s v="974"/>
    <s v="GLBATCH"/>
    <n v="9"/>
    <n v="2016"/>
  </r>
  <r>
    <s v="110"/>
    <d v="2016-09-15T00:00:00"/>
    <x v="7"/>
    <x v="0"/>
    <s v="10828"/>
    <s v="GLNANDA"/>
    <n v="-72.53"/>
    <n v="-384"/>
    <s v="Billed Revenues"/>
    <s v="EXV"/>
    <s v="NONBU"/>
    <s v="G0000110"/>
    <s v="N"/>
    <s v="MACSS Dist Billed Revenue-03"/>
    <s v=""/>
    <x v="0"/>
    <s v="CAD0330929"/>
    <s v="S"/>
    <s v="KY"/>
    <s v="REV"/>
    <s v="974"/>
    <s v="GLBATCH"/>
    <n v="9"/>
    <n v="2016"/>
  </r>
  <r>
    <s v="110"/>
    <d v="2016-09-15T00:00:00"/>
    <x v="7"/>
    <x v="0"/>
    <s v="10828"/>
    <s v="GLNANDA"/>
    <n v="0"/>
    <n v="1"/>
    <s v="Billed Revenues"/>
    <s v="EXV"/>
    <s v="NONBU"/>
    <s v="G0000110"/>
    <s v="N"/>
    <s v="MACSS Dist Billed Revenue-03"/>
    <s v=""/>
    <x v="0"/>
    <s v="CAD0330929"/>
    <s v="S"/>
    <s v="KY"/>
    <s v="REV"/>
    <s v="974"/>
    <s v="GLBATCH"/>
    <n v="9"/>
    <n v="2016"/>
  </r>
  <r>
    <s v="110"/>
    <d v="2016-09-15T00:00:00"/>
    <x v="3"/>
    <x v="0"/>
    <s v="10828"/>
    <s v="GLNANDA"/>
    <n v="-2469.8200000000002"/>
    <n v="-5850"/>
    <s v="Billed Revenues"/>
    <s v="EXV"/>
    <s v="NONBU"/>
    <s v="G0000110"/>
    <s v="N"/>
    <s v="MACSS Dist Billed Revenue-03"/>
    <s v=""/>
    <x v="0"/>
    <s v="CAD0330929"/>
    <s v="S"/>
    <s v="KY"/>
    <s v="REV"/>
    <s v="974"/>
    <s v="GLBATCH"/>
    <n v="9"/>
    <n v="2016"/>
  </r>
  <r>
    <s v="110"/>
    <d v="2016-09-15T00:00:00"/>
    <x v="5"/>
    <x v="0"/>
    <s v="10828"/>
    <s v="GLNANDA"/>
    <n v="-509.75"/>
    <n v="-4638"/>
    <s v="Billed Revenues"/>
    <s v="EXV"/>
    <s v="NONBU"/>
    <s v="G0000110"/>
    <s v="N"/>
    <s v="MACSS Dist Billed Revenue-03"/>
    <s v=""/>
    <x v="0"/>
    <s v="CAD0330929"/>
    <s v="S"/>
    <s v="KY"/>
    <s v="REV"/>
    <s v="974"/>
    <s v="GLBATCH"/>
    <n v="9"/>
    <n v="2016"/>
  </r>
  <r>
    <s v="110"/>
    <d v="2016-09-15T00:00:00"/>
    <x v="2"/>
    <x v="0"/>
    <s v="10828"/>
    <s v="GLNANDA"/>
    <n v="-41325.07"/>
    <n v="-551673"/>
    <s v="Billed Revenues"/>
    <s v="EXV"/>
    <s v="NONBU"/>
    <s v="G0000110"/>
    <s v="N"/>
    <s v="MACSS Dist Billed Revenue-03"/>
    <s v=""/>
    <x v="0"/>
    <s v="CAD0330929"/>
    <s v="S"/>
    <s v="KY"/>
    <s v="REV"/>
    <s v="974"/>
    <s v="GLBATCH"/>
    <n v="9"/>
    <n v="2016"/>
  </r>
  <r>
    <s v="110"/>
    <d v="2016-09-15T00:00:00"/>
    <x v="2"/>
    <x v="0"/>
    <s v="10828"/>
    <s v="GLNANDA"/>
    <n v="0"/>
    <n v="6"/>
    <s v="Billed Revenues"/>
    <s v="EXV"/>
    <s v="NONBU"/>
    <s v="G0000110"/>
    <s v="N"/>
    <s v="MACSS Dist Billed Revenue-03"/>
    <s v=""/>
    <x v="0"/>
    <s v="CAD0330929"/>
    <s v="S"/>
    <s v="KY"/>
    <s v="REV"/>
    <s v="974"/>
    <s v="GLBATCH"/>
    <n v="9"/>
    <n v="2016"/>
  </r>
  <r>
    <s v="110"/>
    <d v="2016-09-15T00:00:00"/>
    <x v="1"/>
    <x v="0"/>
    <s v="10828"/>
    <s v="GLNANDA"/>
    <n v="-3572.1"/>
    <n v="-32104"/>
    <s v="Billed Revenues"/>
    <s v="EXV"/>
    <s v="NONBU"/>
    <s v="G0000110"/>
    <s v="N"/>
    <s v="MACSS Dist Billed Revenue-03"/>
    <s v=""/>
    <x v="0"/>
    <s v="CAD0330929"/>
    <s v="S"/>
    <s v="KY"/>
    <s v="REV"/>
    <s v="974"/>
    <s v="GLBATCH"/>
    <n v="9"/>
    <n v="2016"/>
  </r>
  <r>
    <s v="110"/>
    <d v="2016-09-15T00:00:00"/>
    <x v="1"/>
    <x v="0"/>
    <s v="10828"/>
    <s v="GLNANDA"/>
    <n v="0"/>
    <n v="4"/>
    <s v="Billed Revenues"/>
    <s v="EXV"/>
    <s v="NONBU"/>
    <s v="G0000110"/>
    <s v="N"/>
    <s v="MACSS Dist Billed Revenue-03"/>
    <s v=""/>
    <x v="0"/>
    <s v="CAD0330929"/>
    <s v="S"/>
    <s v="KY"/>
    <s v="REV"/>
    <s v="974"/>
    <s v="GLBATCH"/>
    <n v="9"/>
    <n v="2016"/>
  </r>
  <r>
    <s v="110"/>
    <d v="2016-09-15T00:00:00"/>
    <x v="4"/>
    <x v="0"/>
    <s v="10828"/>
    <s v="GLNANDA"/>
    <n v="-8261.15"/>
    <n v="-77636"/>
    <s v="Billed Revenues"/>
    <s v="EXV"/>
    <s v="NONBU"/>
    <s v="G0000110"/>
    <s v="N"/>
    <s v="MACSS Dist Billed Revenue-03"/>
    <s v=""/>
    <x v="0"/>
    <s v="CAD0330929"/>
    <s v="S"/>
    <s v="KY"/>
    <s v="REV"/>
    <s v="974"/>
    <s v="GLBATCH"/>
    <n v="9"/>
    <n v="2016"/>
  </r>
  <r>
    <s v="110"/>
    <d v="2016-09-15T00:00:00"/>
    <x v="4"/>
    <x v="0"/>
    <s v="10828"/>
    <s v="GLNANDA"/>
    <n v="0"/>
    <n v="4"/>
    <s v="Billed Revenues"/>
    <s v="EXV"/>
    <s v="NONBU"/>
    <s v="G0000110"/>
    <s v="N"/>
    <s v="MACSS Dist Billed Revenue-03"/>
    <s v=""/>
    <x v="0"/>
    <s v="CAD0330929"/>
    <s v="S"/>
    <s v="KY"/>
    <s v="REV"/>
    <s v="974"/>
    <s v="GLBATCH"/>
    <n v="9"/>
    <n v="2016"/>
  </r>
  <r>
    <s v="110"/>
    <d v="2016-10-15T00:00:00"/>
    <x v="2"/>
    <x v="0"/>
    <s v="10828"/>
    <s v="GLNANDA"/>
    <n v="-293983.81"/>
    <n v="-2567792"/>
    <s v="Billed Revenues"/>
    <s v="EXV"/>
    <s v="NONBU"/>
    <s v="G0000110"/>
    <s v="N"/>
    <s v="MACSS Dist Billed Revenue-03"/>
    <s v=""/>
    <x v="0"/>
    <s v="CAD0330930"/>
    <s v="S"/>
    <s v="KY"/>
    <s v="REV"/>
    <s v="974"/>
    <s v="GLBATCH"/>
    <n v="10"/>
    <n v="2016"/>
  </r>
  <r>
    <s v="110"/>
    <d v="2016-10-15T00:00:00"/>
    <x v="7"/>
    <x v="0"/>
    <s v="10828"/>
    <s v="GLNANDA"/>
    <n v="0"/>
    <n v="44"/>
    <s v="Billed Revenues"/>
    <s v="EXV"/>
    <s v="NONBU"/>
    <s v="G0000110"/>
    <s v="N"/>
    <s v="MACSS Dist Billed Revenue-03"/>
    <s v=""/>
    <x v="0"/>
    <s v="CAD0330930"/>
    <s v="S"/>
    <s v="KY"/>
    <s v="REV"/>
    <s v="974"/>
    <s v="GLBATCH"/>
    <n v="10"/>
    <n v="2016"/>
  </r>
  <r>
    <s v="110"/>
    <d v="2016-10-15T00:00:00"/>
    <x v="1"/>
    <x v="0"/>
    <s v="10828"/>
    <s v="GLNANDA"/>
    <n v="0"/>
    <n v="2702"/>
    <s v="Billed Revenues"/>
    <s v="EXV"/>
    <s v="NONBU"/>
    <s v="G0000110"/>
    <s v="N"/>
    <s v="MACSS Dist Billed Revenue-03"/>
    <s v=""/>
    <x v="0"/>
    <s v="CAD0330930"/>
    <s v="S"/>
    <s v="KY"/>
    <s v="REV"/>
    <s v="974"/>
    <s v="GLBATCH"/>
    <n v="10"/>
    <n v="2016"/>
  </r>
  <r>
    <s v="110"/>
    <d v="2016-10-15T00:00:00"/>
    <x v="1"/>
    <x v="0"/>
    <s v="10828"/>
    <s v="GLNANDA"/>
    <n v="-342343.89"/>
    <n v="-2784515"/>
    <s v="Billed Revenues"/>
    <s v="EXV"/>
    <s v="NONBU"/>
    <s v="G0000110"/>
    <s v="N"/>
    <s v="MACSS Dist Billed Revenue-03"/>
    <s v=""/>
    <x v="0"/>
    <s v="CAD0330930"/>
    <s v="S"/>
    <s v="KY"/>
    <s v="REV"/>
    <s v="974"/>
    <s v="GLBATCH"/>
    <n v="10"/>
    <n v="2016"/>
  </r>
  <r>
    <s v="110"/>
    <d v="2016-10-15T00:00:00"/>
    <x v="4"/>
    <x v="0"/>
    <s v="10828"/>
    <s v="GLNANDA"/>
    <n v="0"/>
    <n v="3873"/>
    <s v="Billed Revenues"/>
    <s v="EXV"/>
    <s v="NONBU"/>
    <s v="G0000110"/>
    <s v="N"/>
    <s v="MACSS Dist Billed Revenue-03"/>
    <s v=""/>
    <x v="0"/>
    <s v="CAD0330930"/>
    <s v="S"/>
    <s v="KY"/>
    <s v="REV"/>
    <s v="974"/>
    <s v="GLBATCH"/>
    <n v="10"/>
    <n v="2016"/>
  </r>
  <r>
    <s v="110"/>
    <d v="2016-10-15T00:00:00"/>
    <x v="4"/>
    <x v="0"/>
    <s v="10828"/>
    <s v="GLNANDA"/>
    <n v="-534167.87"/>
    <n v="-4395662"/>
    <s v="Billed Revenues"/>
    <s v="EXV"/>
    <s v="NONBU"/>
    <s v="G0000110"/>
    <s v="N"/>
    <s v="MACSS Dist Billed Revenue-03"/>
    <s v=""/>
    <x v="0"/>
    <s v="CAD0330930"/>
    <s v="S"/>
    <s v="KY"/>
    <s v="REV"/>
    <s v="974"/>
    <s v="GLBATCH"/>
    <n v="10"/>
    <n v="2016"/>
  </r>
  <r>
    <s v="110"/>
    <d v="2016-10-15T00:00:00"/>
    <x v="5"/>
    <x v="0"/>
    <s v="10828"/>
    <s v="GLNANDA"/>
    <n v="0"/>
    <n v="58"/>
    <s v="Billed Revenues"/>
    <s v="EXV"/>
    <s v="NONBU"/>
    <s v="G0000110"/>
    <s v="N"/>
    <s v="MACSS Dist Billed Revenue-03"/>
    <s v=""/>
    <x v="0"/>
    <s v="CAD0330930"/>
    <s v="S"/>
    <s v="KY"/>
    <s v="REV"/>
    <s v="974"/>
    <s v="GLBATCH"/>
    <n v="10"/>
    <n v="2016"/>
  </r>
  <r>
    <s v="110"/>
    <d v="2016-10-15T00:00:00"/>
    <x v="5"/>
    <x v="0"/>
    <s v="10828"/>
    <s v="GLNANDA"/>
    <n v="-23505.5"/>
    <n v="-185420"/>
    <s v="Billed Revenues"/>
    <s v="EXV"/>
    <s v="NONBU"/>
    <s v="G0000110"/>
    <s v="N"/>
    <s v="MACSS Dist Billed Revenue-03"/>
    <s v=""/>
    <x v="0"/>
    <s v="CAD0330930"/>
    <s v="S"/>
    <s v="KY"/>
    <s v="REV"/>
    <s v="974"/>
    <s v="GLBATCH"/>
    <n v="10"/>
    <n v="2016"/>
  </r>
  <r>
    <s v="110"/>
    <d v="2016-10-15T00:00:00"/>
    <x v="2"/>
    <x v="0"/>
    <s v="10828"/>
    <s v="GLNANDA"/>
    <n v="0"/>
    <n v="1078"/>
    <s v="Billed Revenues"/>
    <s v="EXV"/>
    <s v="NONBU"/>
    <s v="G0000110"/>
    <s v="N"/>
    <s v="MACSS Dist Billed Revenue-03"/>
    <s v=""/>
    <x v="0"/>
    <s v="CAD0330930"/>
    <s v="S"/>
    <s v="KY"/>
    <s v="REV"/>
    <s v="974"/>
    <s v="GLBATCH"/>
    <n v="10"/>
    <n v="2016"/>
  </r>
  <r>
    <s v="110"/>
    <d v="2016-10-15T00:00:00"/>
    <x v="0"/>
    <x v="0"/>
    <s v="10828"/>
    <s v="GLNANDA"/>
    <n v="-117656.8"/>
    <n v="-1002050"/>
    <s v="Billed Revenues"/>
    <s v="EXV"/>
    <s v="NONBU"/>
    <s v="G0000110"/>
    <s v="N"/>
    <s v="MACSS Dist Billed Revenue-03"/>
    <s v=""/>
    <x v="0"/>
    <s v="CAD0330930"/>
    <s v="S"/>
    <s v="KY"/>
    <s v="REV"/>
    <s v="974"/>
    <s v="GLBATCH"/>
    <n v="10"/>
    <n v="2016"/>
  </r>
  <r>
    <s v="110"/>
    <d v="2016-10-15T00:00:00"/>
    <x v="0"/>
    <x v="0"/>
    <s v="10828"/>
    <s v="GLNANDA"/>
    <n v="0"/>
    <n v="31"/>
    <s v="Billed Revenues"/>
    <s v="EXV"/>
    <s v="NONBU"/>
    <s v="G0000110"/>
    <s v="N"/>
    <s v="MACSS Dist Billed Revenue-03"/>
    <s v=""/>
    <x v="0"/>
    <s v="CAD0330930"/>
    <s v="S"/>
    <s v="KY"/>
    <s v="REV"/>
    <s v="974"/>
    <s v="GLBATCH"/>
    <n v="10"/>
    <n v="2016"/>
  </r>
  <r>
    <s v="110"/>
    <d v="2016-10-15T00:00:00"/>
    <x v="7"/>
    <x v="0"/>
    <s v="10828"/>
    <s v="GLNANDA"/>
    <n v="-87947.4"/>
    <n v="-724820"/>
    <s v="Billed Revenues"/>
    <s v="EXV"/>
    <s v="NONBU"/>
    <s v="G0000110"/>
    <s v="N"/>
    <s v="MACSS Dist Billed Revenue-03"/>
    <s v=""/>
    <x v="0"/>
    <s v="CAD0330930"/>
    <s v="S"/>
    <s v="KY"/>
    <s v="REV"/>
    <s v="974"/>
    <s v="GLBATCH"/>
    <n v="10"/>
    <n v="2016"/>
  </r>
  <r>
    <s v="110"/>
    <d v="2016-10-15T00:00:00"/>
    <x v="6"/>
    <x v="0"/>
    <s v="10828"/>
    <s v="GLNANDA"/>
    <n v="0"/>
    <n v="18"/>
    <s v="Billed Revenues"/>
    <s v="EXV"/>
    <s v="NONBU"/>
    <s v="G0000110"/>
    <s v="N"/>
    <s v="MACSS Dist Billed Revenue-03"/>
    <s v=""/>
    <x v="0"/>
    <s v="CAD0330930"/>
    <s v="S"/>
    <s v="KY"/>
    <s v="REV"/>
    <s v="974"/>
    <s v="GLBATCH"/>
    <n v="10"/>
    <n v="2016"/>
  </r>
  <r>
    <s v="110"/>
    <d v="2016-10-15T00:00:00"/>
    <x v="6"/>
    <x v="0"/>
    <s v="10828"/>
    <s v="GLNANDA"/>
    <n v="-1929.85"/>
    <n v="-13003"/>
    <s v="Billed Revenues"/>
    <s v="EXV"/>
    <s v="NONBU"/>
    <s v="G0000110"/>
    <s v="N"/>
    <s v="MACSS Dist Billed Revenue-03"/>
    <s v=""/>
    <x v="0"/>
    <s v="CAD0330930"/>
    <s v="S"/>
    <s v="KY"/>
    <s v="REV"/>
    <s v="974"/>
    <s v="GLBATCH"/>
    <n v="10"/>
    <n v="2016"/>
  </r>
  <r>
    <s v="110"/>
    <d v="2016-10-15T00:00:00"/>
    <x v="3"/>
    <x v="0"/>
    <s v="10828"/>
    <s v="GLNANDA"/>
    <n v="0"/>
    <n v="12"/>
    <s v="Billed Revenues"/>
    <s v="EXV"/>
    <s v="NONBU"/>
    <s v="G0000110"/>
    <s v="N"/>
    <s v="MACSS Dist Billed Revenue-03"/>
    <s v=""/>
    <x v="0"/>
    <s v="CAD0330930"/>
    <s v="S"/>
    <s v="KY"/>
    <s v="REV"/>
    <s v="974"/>
    <s v="GLBATCH"/>
    <n v="10"/>
    <n v="2016"/>
  </r>
  <r>
    <s v="110"/>
    <d v="2016-10-15T00:00:00"/>
    <x v="3"/>
    <x v="0"/>
    <s v="10828"/>
    <s v="GLNANDA"/>
    <n v="-69324.92"/>
    <n v="-771419"/>
    <s v="Billed Revenues"/>
    <s v="EXV"/>
    <s v="NONBU"/>
    <s v="G0000110"/>
    <s v="N"/>
    <s v="MACSS Dist Billed Revenue-03"/>
    <s v=""/>
    <x v="0"/>
    <s v="CAD0330930"/>
    <s v="S"/>
    <s v="KY"/>
    <s v="REV"/>
    <s v="974"/>
    <s v="GLBATCH"/>
    <n v="10"/>
    <n v="2016"/>
  </r>
  <r>
    <s v="110"/>
    <d v="2016-09-15T00:00:00"/>
    <x v="4"/>
    <x v="0"/>
    <s v="10828"/>
    <s v="GLNANDA"/>
    <n v="0"/>
    <n v="7"/>
    <s v="Billed Revenues"/>
    <s v="EXV"/>
    <s v="NONBU"/>
    <s v="G0000110"/>
    <s v="N"/>
    <s v="MACSS Dist Billed Revenue-03"/>
    <s v=""/>
    <x v="0"/>
    <s v="CAD0330930"/>
    <s v="S"/>
    <s v="KY"/>
    <s v="REV"/>
    <s v="974"/>
    <s v="GLBATCH"/>
    <n v="9"/>
    <n v="2016"/>
  </r>
  <r>
    <s v="110"/>
    <d v="2016-09-15T00:00:00"/>
    <x v="3"/>
    <x v="0"/>
    <s v="10828"/>
    <s v="GLNANDA"/>
    <n v="-5247.05"/>
    <n v="-60000"/>
    <s v="Billed Revenues"/>
    <s v="EXV"/>
    <s v="NONBU"/>
    <s v="G0000110"/>
    <s v="N"/>
    <s v="MACSS Dist Billed Revenue-03"/>
    <s v=""/>
    <x v="0"/>
    <s v="CAD0330930"/>
    <s v="S"/>
    <s v="KY"/>
    <s v="REV"/>
    <s v="974"/>
    <s v="GLBATCH"/>
    <n v="9"/>
    <n v="2016"/>
  </r>
  <r>
    <s v="110"/>
    <d v="2016-09-15T00:00:00"/>
    <x v="3"/>
    <x v="0"/>
    <s v="10828"/>
    <s v="GLNANDA"/>
    <n v="0"/>
    <n v="1"/>
    <s v="Billed Revenues"/>
    <s v="EXV"/>
    <s v="NONBU"/>
    <s v="G0000110"/>
    <s v="N"/>
    <s v="MACSS Dist Billed Revenue-03"/>
    <s v=""/>
    <x v="0"/>
    <s v="CAD0330930"/>
    <s v="S"/>
    <s v="KY"/>
    <s v="REV"/>
    <s v="974"/>
    <s v="GLBATCH"/>
    <n v="9"/>
    <n v="2016"/>
  </r>
  <r>
    <s v="110"/>
    <d v="2016-09-15T00:00:00"/>
    <x v="6"/>
    <x v="0"/>
    <s v="10828"/>
    <s v="GLNANDA"/>
    <n v="-127426.21"/>
    <n v="-665474"/>
    <s v="Billed Revenues"/>
    <s v="EXV"/>
    <s v="NONBU"/>
    <s v="G0000110"/>
    <s v="N"/>
    <s v="MACSS Dist Billed Revenue-03"/>
    <s v=""/>
    <x v="0"/>
    <s v="CAD0330930"/>
    <s v="S"/>
    <s v="KY"/>
    <s v="REV"/>
    <s v="974"/>
    <s v="GLBATCH"/>
    <n v="9"/>
    <n v="2016"/>
  </r>
  <r>
    <s v="110"/>
    <d v="2016-09-15T00:00:00"/>
    <x v="1"/>
    <x v="0"/>
    <s v="10828"/>
    <s v="GLNANDA"/>
    <n v="0"/>
    <n v="8"/>
    <s v="Billed Revenues"/>
    <s v="EXV"/>
    <s v="NONBU"/>
    <s v="G0000110"/>
    <s v="N"/>
    <s v="MACSS Dist Billed Revenue-03"/>
    <s v=""/>
    <x v="0"/>
    <s v="CAD0330930"/>
    <s v="S"/>
    <s v="KY"/>
    <s v="REV"/>
    <s v="974"/>
    <s v="GLBATCH"/>
    <n v="9"/>
    <n v="2016"/>
  </r>
  <r>
    <s v="110"/>
    <d v="2016-09-15T00:00:00"/>
    <x v="2"/>
    <x v="0"/>
    <s v="10828"/>
    <s v="GLNANDA"/>
    <n v="0"/>
    <n v="10"/>
    <s v="Billed Revenues"/>
    <s v="EXV"/>
    <s v="NONBU"/>
    <s v="G0000110"/>
    <s v="N"/>
    <s v="MACSS Dist Billed Revenue-03"/>
    <s v=""/>
    <x v="0"/>
    <s v="CAD0330930"/>
    <s v="S"/>
    <s v="KY"/>
    <s v="REV"/>
    <s v="974"/>
    <s v="GLBATCH"/>
    <n v="9"/>
    <n v="2016"/>
  </r>
  <r>
    <s v="110"/>
    <d v="2016-09-15T00:00:00"/>
    <x v="4"/>
    <x v="0"/>
    <s v="10828"/>
    <s v="GLNANDA"/>
    <n v="-839.33"/>
    <n v="-6597"/>
    <s v="Billed Revenues"/>
    <s v="EXV"/>
    <s v="NONBU"/>
    <s v="G0000110"/>
    <s v="N"/>
    <s v="MACSS Dist Billed Revenue-03"/>
    <s v=""/>
    <x v="0"/>
    <s v="CAD0330930"/>
    <s v="S"/>
    <s v="KY"/>
    <s v="REV"/>
    <s v="974"/>
    <s v="GLBATCH"/>
    <n v="9"/>
    <n v="2016"/>
  </r>
  <r>
    <s v="110"/>
    <d v="2016-09-15T00:00:00"/>
    <x v="1"/>
    <x v="0"/>
    <s v="10828"/>
    <s v="GLNANDA"/>
    <n v="-757.53"/>
    <n v="-5732"/>
    <s v="Billed Revenues"/>
    <s v="EXV"/>
    <s v="NONBU"/>
    <s v="G0000110"/>
    <s v="N"/>
    <s v="MACSS Dist Billed Revenue-03"/>
    <s v=""/>
    <x v="0"/>
    <s v="CAD0330930"/>
    <s v="S"/>
    <s v="KY"/>
    <s v="REV"/>
    <s v="974"/>
    <s v="GLBATCH"/>
    <n v="9"/>
    <n v="2016"/>
  </r>
  <r>
    <s v="110"/>
    <d v="2016-09-15T00:00:00"/>
    <x v="2"/>
    <x v="0"/>
    <s v="10828"/>
    <s v="GLNANDA"/>
    <n v="-1992.32"/>
    <n v="-13211"/>
    <s v="Billed Revenues"/>
    <s v="EXV"/>
    <s v="NONBU"/>
    <s v="G0000110"/>
    <s v="N"/>
    <s v="MACSS Dist Billed Revenue-03"/>
    <s v=""/>
    <x v="0"/>
    <s v="CAD0330930"/>
    <s v="S"/>
    <s v="KY"/>
    <s v="REV"/>
    <s v="974"/>
    <s v="GLBATCH"/>
    <n v="9"/>
    <n v="2016"/>
  </r>
  <r>
    <s v="110"/>
    <d v="2016-09-15T00:00:00"/>
    <x v="6"/>
    <x v="0"/>
    <s v="10828"/>
    <s v="GLNANDA"/>
    <n v="0"/>
    <n v="52"/>
    <s v="Billed Revenues"/>
    <s v="EXV"/>
    <s v="NONBU"/>
    <s v="G0000110"/>
    <s v="N"/>
    <s v="MACSS Dist Billed Revenue-03"/>
    <s v=""/>
    <x v="0"/>
    <s v="CAD0330930"/>
    <s v="S"/>
    <s v="KY"/>
    <s v="REV"/>
    <s v="974"/>
    <s v="GLBATCH"/>
    <n v="9"/>
    <n v="2016"/>
  </r>
  <r>
    <s v="110"/>
    <d v="2016-10-15T00:00:00"/>
    <x v="6"/>
    <x v="0"/>
    <s v="10828"/>
    <s v="GLNANDA"/>
    <n v="0"/>
    <n v="20"/>
    <s v="Billed Revenues"/>
    <s v="EXV"/>
    <s v="NONBU"/>
    <s v="G0000110"/>
    <s v="N"/>
    <s v="MACSS Dist Billed Revenue-03"/>
    <s v=""/>
    <x v="0"/>
    <s v="CAD0331003"/>
    <s v="S"/>
    <s v="KY"/>
    <s v="REV"/>
    <s v="974"/>
    <s v="GLBATCH"/>
    <n v="10"/>
    <n v="2016"/>
  </r>
  <r>
    <s v="110"/>
    <d v="2016-10-15T00:00:00"/>
    <x v="5"/>
    <x v="0"/>
    <s v="10828"/>
    <s v="GLNANDA"/>
    <n v="-207079.12"/>
    <n v="-2233219"/>
    <s v="Billed Revenues"/>
    <s v="EXV"/>
    <s v="NONBU"/>
    <s v="G0000110"/>
    <s v="N"/>
    <s v="MACSS Dist Billed Revenue-03"/>
    <s v=""/>
    <x v="0"/>
    <s v="CAD0331003"/>
    <s v="S"/>
    <s v="KY"/>
    <s v="REV"/>
    <s v="974"/>
    <s v="GLBATCH"/>
    <n v="10"/>
    <n v="2016"/>
  </r>
  <r>
    <s v="110"/>
    <d v="2016-10-15T00:00:00"/>
    <x v="6"/>
    <x v="0"/>
    <s v="10828"/>
    <s v="GLNANDA"/>
    <n v="-771.62"/>
    <n v="-2147"/>
    <s v="Billed Revenues"/>
    <s v="EXV"/>
    <s v="NONBU"/>
    <s v="G0000110"/>
    <s v="N"/>
    <s v="MACSS Dist Billed Revenue-03"/>
    <s v=""/>
    <x v="0"/>
    <s v="CAD0331003"/>
    <s v="S"/>
    <s v="KY"/>
    <s v="REV"/>
    <s v="974"/>
    <s v="GLBATCH"/>
    <n v="10"/>
    <n v="2016"/>
  </r>
  <r>
    <s v="110"/>
    <d v="2016-10-15T00:00:00"/>
    <x v="5"/>
    <x v="0"/>
    <s v="10828"/>
    <s v="GLNANDA"/>
    <n v="0"/>
    <n v="159"/>
    <s v="Billed Revenues"/>
    <s v="EXV"/>
    <s v="NONBU"/>
    <s v="G0000110"/>
    <s v="N"/>
    <s v="MACSS Dist Billed Revenue-03"/>
    <s v=""/>
    <x v="0"/>
    <s v="CAD0331003"/>
    <s v="S"/>
    <s v="KY"/>
    <s v="REV"/>
    <s v="974"/>
    <s v="GLBATCH"/>
    <n v="10"/>
    <n v="2016"/>
  </r>
  <r>
    <s v="110"/>
    <d v="2016-10-15T00:00:00"/>
    <x v="0"/>
    <x v="0"/>
    <s v="10828"/>
    <s v="GLNANDA"/>
    <n v="-77335.44"/>
    <n v="-857869"/>
    <s v="Billed Revenues"/>
    <s v="EXV"/>
    <s v="NONBU"/>
    <s v="G0000110"/>
    <s v="N"/>
    <s v="MACSS Dist Billed Revenue-03"/>
    <s v=""/>
    <x v="0"/>
    <s v="CAD0331003"/>
    <s v="S"/>
    <s v="KY"/>
    <s v="REV"/>
    <s v="974"/>
    <s v="GLBATCH"/>
    <n v="10"/>
    <n v="2016"/>
  </r>
  <r>
    <s v="110"/>
    <d v="2016-10-15T00:00:00"/>
    <x v="0"/>
    <x v="0"/>
    <s v="10828"/>
    <s v="GLNANDA"/>
    <n v="0"/>
    <n v="31"/>
    <s v="Billed Revenues"/>
    <s v="EXV"/>
    <s v="NONBU"/>
    <s v="G0000110"/>
    <s v="N"/>
    <s v="MACSS Dist Billed Revenue-03"/>
    <s v=""/>
    <x v="0"/>
    <s v="CAD0331003"/>
    <s v="S"/>
    <s v="KY"/>
    <s v="REV"/>
    <s v="974"/>
    <s v="GLBATCH"/>
    <n v="10"/>
    <n v="2016"/>
  </r>
  <r>
    <s v="110"/>
    <d v="2016-10-15T00:00:00"/>
    <x v="3"/>
    <x v="0"/>
    <s v="10828"/>
    <s v="GLNANDA"/>
    <n v="-40533.519999999997"/>
    <n v="-377302"/>
    <s v="Billed Revenues"/>
    <s v="EXV"/>
    <s v="NONBU"/>
    <s v="G0000110"/>
    <s v="N"/>
    <s v="MACSS Dist Billed Revenue-03"/>
    <s v=""/>
    <x v="0"/>
    <s v="CAD0331003"/>
    <s v="S"/>
    <s v="KY"/>
    <s v="REV"/>
    <s v="974"/>
    <s v="GLBATCH"/>
    <n v="10"/>
    <n v="2016"/>
  </r>
  <r>
    <s v="110"/>
    <d v="2016-10-15T00:00:00"/>
    <x v="3"/>
    <x v="0"/>
    <s v="10828"/>
    <s v="GLNANDA"/>
    <n v="0"/>
    <n v="10"/>
    <s v="Billed Revenues"/>
    <s v="EXV"/>
    <s v="NONBU"/>
    <s v="G0000110"/>
    <s v="N"/>
    <s v="MACSS Dist Billed Revenue-03"/>
    <s v=""/>
    <x v="0"/>
    <s v="CAD0331003"/>
    <s v="S"/>
    <s v="KY"/>
    <s v="REV"/>
    <s v="974"/>
    <s v="GLBATCH"/>
    <n v="10"/>
    <n v="2016"/>
  </r>
  <r>
    <s v="110"/>
    <d v="2016-10-15T00:00:00"/>
    <x v="7"/>
    <x v="0"/>
    <s v="10828"/>
    <s v="GLNANDA"/>
    <n v="-81923.16"/>
    <n v="-699608"/>
    <s v="Billed Revenues"/>
    <s v="EXV"/>
    <s v="NONBU"/>
    <s v="G0000110"/>
    <s v="N"/>
    <s v="MACSS Dist Billed Revenue-03"/>
    <s v=""/>
    <x v="0"/>
    <s v="CAD0331003"/>
    <s v="S"/>
    <s v="KY"/>
    <s v="REV"/>
    <s v="974"/>
    <s v="GLBATCH"/>
    <n v="10"/>
    <n v="2016"/>
  </r>
  <r>
    <s v="110"/>
    <d v="2016-10-15T00:00:00"/>
    <x v="7"/>
    <x v="0"/>
    <s v="10828"/>
    <s v="GLNANDA"/>
    <n v="0"/>
    <n v="38"/>
    <s v="Billed Revenues"/>
    <s v="EXV"/>
    <s v="NONBU"/>
    <s v="G0000110"/>
    <s v="N"/>
    <s v="MACSS Dist Billed Revenue-03"/>
    <s v=""/>
    <x v="0"/>
    <s v="CAD0331003"/>
    <s v="S"/>
    <s v="KY"/>
    <s v="REV"/>
    <s v="974"/>
    <s v="GLBATCH"/>
    <n v="10"/>
    <n v="2016"/>
  </r>
  <r>
    <s v="110"/>
    <d v="2016-10-15T00:00:00"/>
    <x v="2"/>
    <x v="0"/>
    <s v="10828"/>
    <s v="GLNANDA"/>
    <n v="-661653.46"/>
    <n v="-5860738"/>
    <s v="Billed Revenues"/>
    <s v="EXV"/>
    <s v="NONBU"/>
    <s v="G0000110"/>
    <s v="N"/>
    <s v="MACSS Dist Billed Revenue-03"/>
    <s v=""/>
    <x v="0"/>
    <s v="CAD0331003"/>
    <s v="S"/>
    <s v="KY"/>
    <s v="REV"/>
    <s v="974"/>
    <s v="GLBATCH"/>
    <n v="10"/>
    <n v="2016"/>
  </r>
  <r>
    <s v="110"/>
    <d v="2016-10-15T00:00:00"/>
    <x v="4"/>
    <x v="0"/>
    <s v="10828"/>
    <s v="GLNANDA"/>
    <n v="0"/>
    <n v="3644"/>
    <s v="Billed Revenues"/>
    <s v="EXV"/>
    <s v="NONBU"/>
    <s v="G0000110"/>
    <s v="N"/>
    <s v="MACSS Dist Billed Revenue-03"/>
    <s v=""/>
    <x v="0"/>
    <s v="CAD0331003"/>
    <s v="S"/>
    <s v="KY"/>
    <s v="REV"/>
    <s v="974"/>
    <s v="GLBATCH"/>
    <n v="10"/>
    <n v="2016"/>
  </r>
  <r>
    <s v="110"/>
    <d v="2016-10-15T00:00:00"/>
    <x v="4"/>
    <x v="0"/>
    <s v="10828"/>
    <s v="GLNANDA"/>
    <n v="-498515.68"/>
    <n v="-4112330"/>
    <s v="Billed Revenues"/>
    <s v="EXV"/>
    <s v="NONBU"/>
    <s v="G0000110"/>
    <s v="N"/>
    <s v="MACSS Dist Billed Revenue-03"/>
    <s v=""/>
    <x v="0"/>
    <s v="CAD0331003"/>
    <s v="S"/>
    <s v="KY"/>
    <s v="REV"/>
    <s v="974"/>
    <s v="GLBATCH"/>
    <n v="10"/>
    <n v="2016"/>
  </r>
  <r>
    <s v="110"/>
    <d v="2016-10-15T00:00:00"/>
    <x v="1"/>
    <x v="0"/>
    <s v="10828"/>
    <s v="GLNANDA"/>
    <n v="0"/>
    <n v="3361"/>
    <s v="Billed Revenues"/>
    <s v="EXV"/>
    <s v="NONBU"/>
    <s v="G0000110"/>
    <s v="N"/>
    <s v="MACSS Dist Billed Revenue-03"/>
    <s v=""/>
    <x v="0"/>
    <s v="CAD0331003"/>
    <s v="S"/>
    <s v="KY"/>
    <s v="REV"/>
    <s v="974"/>
    <s v="GLBATCH"/>
    <n v="10"/>
    <n v="2016"/>
  </r>
  <r>
    <s v="110"/>
    <d v="2016-10-15T00:00:00"/>
    <x v="1"/>
    <x v="0"/>
    <s v="10828"/>
    <s v="GLNANDA"/>
    <n v="-464516.8"/>
    <n v="-3842392"/>
    <s v="Billed Revenues"/>
    <s v="EXV"/>
    <s v="NONBU"/>
    <s v="G0000110"/>
    <s v="N"/>
    <s v="MACSS Dist Billed Revenue-03"/>
    <s v=""/>
    <x v="0"/>
    <s v="CAD0331003"/>
    <s v="S"/>
    <s v="KY"/>
    <s v="REV"/>
    <s v="974"/>
    <s v="GLBATCH"/>
    <n v="10"/>
    <n v="2016"/>
  </r>
  <r>
    <s v="110"/>
    <d v="2016-10-15T00:00:00"/>
    <x v="2"/>
    <x v="0"/>
    <s v="10828"/>
    <s v="GLNANDA"/>
    <n v="0"/>
    <n v="1365"/>
    <s v="Billed Revenues"/>
    <s v="EXV"/>
    <s v="NONBU"/>
    <s v="G0000110"/>
    <s v="N"/>
    <s v="MACSS Dist Billed Revenue-03"/>
    <s v=""/>
    <x v="0"/>
    <s v="CAD0331003"/>
    <s v="S"/>
    <s v="KY"/>
    <s v="REV"/>
    <s v="974"/>
    <s v="GLBATCH"/>
    <n v="10"/>
    <n v="2016"/>
  </r>
  <r>
    <s v="110"/>
    <d v="2016-09-15T00:00:00"/>
    <x v="2"/>
    <x v="0"/>
    <s v="10828"/>
    <s v="GLNANDA"/>
    <n v="0"/>
    <n v="4"/>
    <s v="Billed Revenues"/>
    <s v="EXV"/>
    <s v="NONBU"/>
    <s v="G0000110"/>
    <s v="N"/>
    <s v="MACSS Dist Billed Revenue-03"/>
    <s v=""/>
    <x v="0"/>
    <s v="CAD0331003"/>
    <s v="S"/>
    <s v="KY"/>
    <s v="REV"/>
    <s v="974"/>
    <s v="GLBATCH"/>
    <n v="9"/>
    <n v="2016"/>
  </r>
  <r>
    <s v="110"/>
    <d v="2016-09-15T00:00:00"/>
    <x v="0"/>
    <x v="0"/>
    <s v="10828"/>
    <s v="GLNANDA"/>
    <n v="0"/>
    <n v="6"/>
    <s v="Billed Revenues"/>
    <s v="EXV"/>
    <s v="NONBU"/>
    <s v="G0000110"/>
    <s v="N"/>
    <s v="MACSS Dist Billed Revenue-03"/>
    <s v=""/>
    <x v="0"/>
    <s v="CAD0331003"/>
    <s v="S"/>
    <s v="KY"/>
    <s v="REV"/>
    <s v="974"/>
    <s v="GLBATCH"/>
    <n v="9"/>
    <n v="2016"/>
  </r>
  <r>
    <s v="110"/>
    <d v="2016-09-15T00:00:00"/>
    <x v="3"/>
    <x v="0"/>
    <s v="10828"/>
    <s v="GLNANDA"/>
    <n v="-45.99"/>
    <n v="0"/>
    <s v="Billed Revenues"/>
    <s v="EXV"/>
    <s v="NONBU"/>
    <s v="G0000110"/>
    <s v="N"/>
    <s v="MACSS Dist Billed Revenue-03"/>
    <s v=""/>
    <x v="0"/>
    <s v="CAD0331003"/>
    <s v="S"/>
    <s v="KY"/>
    <s v="REV"/>
    <s v="974"/>
    <s v="GLBATCH"/>
    <n v="9"/>
    <n v="2016"/>
  </r>
  <r>
    <s v="110"/>
    <d v="2016-09-15T00:00:00"/>
    <x v="1"/>
    <x v="0"/>
    <s v="10828"/>
    <s v="GLNANDA"/>
    <n v="-1150.97"/>
    <n v="-9315"/>
    <s v="Billed Revenues"/>
    <s v="EXV"/>
    <s v="NONBU"/>
    <s v="G0000110"/>
    <s v="N"/>
    <s v="MACSS Dist Billed Revenue-03"/>
    <s v=""/>
    <x v="0"/>
    <s v="CAD0331003"/>
    <s v="S"/>
    <s v="KY"/>
    <s v="REV"/>
    <s v="974"/>
    <s v="GLBATCH"/>
    <n v="9"/>
    <n v="2016"/>
  </r>
  <r>
    <s v="110"/>
    <d v="2016-09-15T00:00:00"/>
    <x v="4"/>
    <x v="0"/>
    <s v="10828"/>
    <s v="GLNANDA"/>
    <n v="0"/>
    <n v="12"/>
    <s v="Billed Revenues"/>
    <s v="EXV"/>
    <s v="NONBU"/>
    <s v="G0000110"/>
    <s v="N"/>
    <s v="MACSS Dist Billed Revenue-03"/>
    <s v=""/>
    <x v="0"/>
    <s v="CAD0331003"/>
    <s v="S"/>
    <s v="KY"/>
    <s v="REV"/>
    <s v="974"/>
    <s v="GLBATCH"/>
    <n v="9"/>
    <n v="2016"/>
  </r>
  <r>
    <s v="110"/>
    <d v="2016-09-15T00:00:00"/>
    <x v="0"/>
    <x v="0"/>
    <s v="10828"/>
    <s v="GLNANDA"/>
    <n v="-6448540.8200000003"/>
    <n v="-112494500"/>
    <s v="Billed Revenues"/>
    <s v="EXV"/>
    <s v="NONBU"/>
    <s v="G0000110"/>
    <s v="N"/>
    <s v="MACSS Dist Billed Revenue-03"/>
    <s v=""/>
    <x v="0"/>
    <s v="CAD0331003"/>
    <s v="S"/>
    <s v="KY"/>
    <s v="REV"/>
    <s v="974"/>
    <s v="GLBATCH"/>
    <n v="9"/>
    <n v="2016"/>
  </r>
  <r>
    <s v="110"/>
    <d v="2016-09-15T00:00:00"/>
    <x v="2"/>
    <x v="0"/>
    <s v="10828"/>
    <s v="GLNANDA"/>
    <n v="-824.79"/>
    <n v="-7656"/>
    <s v="Billed Revenues"/>
    <s v="EXV"/>
    <s v="NONBU"/>
    <s v="G0000110"/>
    <s v="N"/>
    <s v="MACSS Dist Billed Revenue-03"/>
    <s v=""/>
    <x v="0"/>
    <s v="CAD0331003"/>
    <s v="S"/>
    <s v="KY"/>
    <s v="REV"/>
    <s v="974"/>
    <s v="GLBATCH"/>
    <n v="9"/>
    <n v="2016"/>
  </r>
  <r>
    <s v="110"/>
    <d v="2016-09-15T00:00:00"/>
    <x v="4"/>
    <x v="0"/>
    <s v="10828"/>
    <s v="GLNANDA"/>
    <n v="-447.53"/>
    <n v="-2539"/>
    <s v="Billed Revenues"/>
    <s v="EXV"/>
    <s v="NONBU"/>
    <s v="G0000110"/>
    <s v="N"/>
    <s v="MACSS Dist Billed Revenue-03"/>
    <s v=""/>
    <x v="0"/>
    <s v="CAD0331003"/>
    <s v="S"/>
    <s v="KY"/>
    <s v="REV"/>
    <s v="974"/>
    <s v="GLBATCH"/>
    <n v="9"/>
    <n v="2016"/>
  </r>
  <r>
    <s v="110"/>
    <d v="2016-09-15T00:00:00"/>
    <x v="1"/>
    <x v="0"/>
    <s v="10828"/>
    <s v="GLNANDA"/>
    <n v="0"/>
    <n v="5"/>
    <s v="Billed Revenues"/>
    <s v="EXV"/>
    <s v="NONBU"/>
    <s v="G0000110"/>
    <s v="N"/>
    <s v="MACSS Dist Billed Revenue-03"/>
    <s v=""/>
    <x v="0"/>
    <s v="CAD0331003"/>
    <s v="S"/>
    <s v="KY"/>
    <s v="REV"/>
    <s v="974"/>
    <s v="GLBATCH"/>
    <n v="9"/>
    <n v="2016"/>
  </r>
  <r>
    <s v="110"/>
    <d v="2016-10-15T00:00:00"/>
    <x v="5"/>
    <x v="0"/>
    <s v="10828"/>
    <s v="GLNANDA"/>
    <n v="-88446.19"/>
    <n v="-712840"/>
    <s v="Billed Revenues"/>
    <s v="EXV"/>
    <s v="NONBU"/>
    <s v="G0000110"/>
    <s v="N"/>
    <s v="MACSS Dist Billed Revenue-03"/>
    <s v=""/>
    <x v="0"/>
    <s v="CAD0331004"/>
    <s v="S"/>
    <s v="KY"/>
    <s v="REV"/>
    <s v="974"/>
    <s v="GLBATCH"/>
    <n v="10"/>
    <n v="2016"/>
  </r>
  <r>
    <s v="110"/>
    <d v="2016-10-15T00:00:00"/>
    <x v="7"/>
    <x v="0"/>
    <s v="10828"/>
    <s v="GLNANDA"/>
    <n v="0"/>
    <n v="47"/>
    <s v="Billed Revenues"/>
    <s v="EXV"/>
    <s v="NONBU"/>
    <s v="G0000110"/>
    <s v="N"/>
    <s v="MACSS Dist Billed Revenue-03"/>
    <s v=""/>
    <x v="0"/>
    <s v="CAD0331004"/>
    <s v="S"/>
    <s v="KY"/>
    <s v="REV"/>
    <s v="974"/>
    <s v="GLBATCH"/>
    <n v="10"/>
    <n v="2016"/>
  </r>
  <r>
    <s v="110"/>
    <d v="2016-10-15T00:00:00"/>
    <x v="7"/>
    <x v="0"/>
    <s v="10828"/>
    <s v="GLNANDA"/>
    <n v="-111914.28"/>
    <n v="-960795"/>
    <s v="Billed Revenues"/>
    <s v="EXV"/>
    <s v="NONBU"/>
    <s v="G0000110"/>
    <s v="N"/>
    <s v="MACSS Dist Billed Revenue-03"/>
    <s v=""/>
    <x v="0"/>
    <s v="CAD0331004"/>
    <s v="S"/>
    <s v="KY"/>
    <s v="REV"/>
    <s v="974"/>
    <s v="GLBATCH"/>
    <n v="10"/>
    <n v="2016"/>
  </r>
  <r>
    <s v="110"/>
    <d v="2016-10-15T00:00:00"/>
    <x v="6"/>
    <x v="0"/>
    <s v="10828"/>
    <s v="GLNANDA"/>
    <n v="0"/>
    <n v="15"/>
    <s v="Billed Revenues"/>
    <s v="EXV"/>
    <s v="NONBU"/>
    <s v="G0000110"/>
    <s v="N"/>
    <s v="MACSS Dist Billed Revenue-03"/>
    <s v=""/>
    <x v="0"/>
    <s v="CAD0331004"/>
    <s v="S"/>
    <s v="KY"/>
    <s v="REV"/>
    <s v="974"/>
    <s v="GLBATCH"/>
    <n v="10"/>
    <n v="2016"/>
  </r>
  <r>
    <s v="110"/>
    <d v="2016-10-15T00:00:00"/>
    <x v="6"/>
    <x v="0"/>
    <s v="10828"/>
    <s v="GLNANDA"/>
    <n v="-1176.5999999999999"/>
    <n v="-7376"/>
    <s v="Billed Revenues"/>
    <s v="EXV"/>
    <s v="NONBU"/>
    <s v="G0000110"/>
    <s v="N"/>
    <s v="MACSS Dist Billed Revenue-03"/>
    <s v=""/>
    <x v="0"/>
    <s v="CAD0331004"/>
    <s v="S"/>
    <s v="KY"/>
    <s v="REV"/>
    <s v="974"/>
    <s v="GLBATCH"/>
    <n v="10"/>
    <n v="2016"/>
  </r>
  <r>
    <s v="110"/>
    <d v="2016-10-15T00:00:00"/>
    <x v="4"/>
    <x v="0"/>
    <s v="10828"/>
    <s v="GLNANDA"/>
    <n v="0"/>
    <n v="3120"/>
    <s v="Billed Revenues"/>
    <s v="EXV"/>
    <s v="NONBU"/>
    <s v="G0000110"/>
    <s v="N"/>
    <s v="MACSS Dist Billed Revenue-03"/>
    <s v=""/>
    <x v="0"/>
    <s v="CAD0331004"/>
    <s v="S"/>
    <s v="KY"/>
    <s v="REV"/>
    <s v="974"/>
    <s v="GLBATCH"/>
    <n v="10"/>
    <n v="2016"/>
  </r>
  <r>
    <s v="110"/>
    <d v="2016-10-15T00:00:00"/>
    <x v="4"/>
    <x v="0"/>
    <s v="10828"/>
    <s v="GLNANDA"/>
    <n v="-452698.07"/>
    <n v="-3736833"/>
    <s v="Billed Revenues"/>
    <s v="EXV"/>
    <s v="NONBU"/>
    <s v="G0000110"/>
    <s v="N"/>
    <s v="MACSS Dist Billed Revenue-03"/>
    <s v=""/>
    <x v="0"/>
    <s v="CAD0331004"/>
    <s v="S"/>
    <s v="KY"/>
    <s v="REV"/>
    <s v="974"/>
    <s v="GLBATCH"/>
    <n v="10"/>
    <n v="2016"/>
  </r>
  <r>
    <s v="110"/>
    <d v="2016-10-15T00:00:00"/>
    <x v="1"/>
    <x v="0"/>
    <s v="10828"/>
    <s v="GLNANDA"/>
    <n v="0"/>
    <n v="2943"/>
    <s v="Billed Revenues"/>
    <s v="EXV"/>
    <s v="NONBU"/>
    <s v="G0000110"/>
    <s v="N"/>
    <s v="MACSS Dist Billed Revenue-03"/>
    <s v=""/>
    <x v="0"/>
    <s v="CAD0331004"/>
    <s v="S"/>
    <s v="KY"/>
    <s v="REV"/>
    <s v="974"/>
    <s v="GLBATCH"/>
    <n v="10"/>
    <n v="2016"/>
  </r>
  <r>
    <s v="110"/>
    <d v="2016-10-15T00:00:00"/>
    <x v="1"/>
    <x v="0"/>
    <s v="10828"/>
    <s v="GLNANDA"/>
    <n v="-421827.38"/>
    <n v="-3493920"/>
    <s v="Billed Revenues"/>
    <s v="EXV"/>
    <s v="NONBU"/>
    <s v="G0000110"/>
    <s v="N"/>
    <s v="MACSS Dist Billed Revenue-03"/>
    <s v=""/>
    <x v="0"/>
    <s v="CAD0331004"/>
    <s v="S"/>
    <s v="KY"/>
    <s v="REV"/>
    <s v="974"/>
    <s v="GLBATCH"/>
    <n v="10"/>
    <n v="2016"/>
  </r>
  <r>
    <s v="110"/>
    <d v="2016-10-15T00:00:00"/>
    <x v="0"/>
    <x v="0"/>
    <s v="10828"/>
    <s v="GLNANDA"/>
    <n v="0"/>
    <n v="16"/>
    <s v="Billed Revenues"/>
    <s v="EXV"/>
    <s v="NONBU"/>
    <s v="G0000110"/>
    <s v="N"/>
    <s v="MACSS Dist Billed Revenue-03"/>
    <s v=""/>
    <x v="0"/>
    <s v="CAD0331004"/>
    <s v="S"/>
    <s v="KY"/>
    <s v="REV"/>
    <s v="974"/>
    <s v="GLBATCH"/>
    <n v="10"/>
    <n v="2016"/>
  </r>
  <r>
    <s v="110"/>
    <d v="2016-10-15T00:00:00"/>
    <x v="0"/>
    <x v="0"/>
    <s v="10828"/>
    <s v="GLNANDA"/>
    <n v="-70620.92"/>
    <n v="-986267"/>
    <s v="Billed Revenues"/>
    <s v="EXV"/>
    <s v="NONBU"/>
    <s v="G0000110"/>
    <s v="N"/>
    <s v="MACSS Dist Billed Revenue-03"/>
    <s v=""/>
    <x v="0"/>
    <s v="CAD0331004"/>
    <s v="S"/>
    <s v="KY"/>
    <s v="REV"/>
    <s v="974"/>
    <s v="GLBATCH"/>
    <n v="10"/>
    <n v="2016"/>
  </r>
  <r>
    <s v="110"/>
    <d v="2016-10-15T00:00:00"/>
    <x v="2"/>
    <x v="0"/>
    <s v="10828"/>
    <s v="GLNANDA"/>
    <n v="0"/>
    <n v="1046"/>
    <s v="Billed Revenues"/>
    <s v="EXV"/>
    <s v="NONBU"/>
    <s v="G0000110"/>
    <s v="N"/>
    <s v="MACSS Dist Billed Revenue-03"/>
    <s v=""/>
    <x v="0"/>
    <s v="CAD0331004"/>
    <s v="S"/>
    <s v="KY"/>
    <s v="REV"/>
    <s v="974"/>
    <s v="GLBATCH"/>
    <n v="10"/>
    <n v="2016"/>
  </r>
  <r>
    <s v="110"/>
    <d v="2016-10-15T00:00:00"/>
    <x v="2"/>
    <x v="0"/>
    <s v="10828"/>
    <s v="GLNANDA"/>
    <n v="-344164.08"/>
    <n v="-2797230"/>
    <s v="Billed Revenues"/>
    <s v="EXV"/>
    <s v="NONBU"/>
    <s v="G0000110"/>
    <s v="N"/>
    <s v="MACSS Dist Billed Revenue-03"/>
    <s v=""/>
    <x v="0"/>
    <s v="CAD0331004"/>
    <s v="S"/>
    <s v="KY"/>
    <s v="REV"/>
    <s v="974"/>
    <s v="GLBATCH"/>
    <n v="10"/>
    <n v="2016"/>
  </r>
  <r>
    <s v="110"/>
    <d v="2016-10-15T00:00:00"/>
    <x v="3"/>
    <x v="0"/>
    <s v="10828"/>
    <s v="GLNANDA"/>
    <n v="0"/>
    <n v="2"/>
    <s v="Billed Revenues"/>
    <s v="EXV"/>
    <s v="NONBU"/>
    <s v="G0000110"/>
    <s v="N"/>
    <s v="MACSS Dist Billed Revenue-03"/>
    <s v=""/>
    <x v="0"/>
    <s v="CAD0331004"/>
    <s v="S"/>
    <s v="KY"/>
    <s v="REV"/>
    <s v="974"/>
    <s v="GLBATCH"/>
    <n v="10"/>
    <n v="2016"/>
  </r>
  <r>
    <s v="110"/>
    <d v="2016-10-15T00:00:00"/>
    <x v="3"/>
    <x v="0"/>
    <s v="10828"/>
    <s v="GLNANDA"/>
    <n v="-348.47"/>
    <n v="-2782"/>
    <s v="Billed Revenues"/>
    <s v="EXV"/>
    <s v="NONBU"/>
    <s v="G0000110"/>
    <s v="N"/>
    <s v="MACSS Dist Billed Revenue-03"/>
    <s v=""/>
    <x v="0"/>
    <s v="CAD0331004"/>
    <s v="S"/>
    <s v="KY"/>
    <s v="REV"/>
    <s v="974"/>
    <s v="GLBATCH"/>
    <n v="10"/>
    <n v="2016"/>
  </r>
  <r>
    <s v="110"/>
    <d v="2016-10-15T00:00:00"/>
    <x v="5"/>
    <x v="0"/>
    <s v="10828"/>
    <s v="GLNANDA"/>
    <n v="0"/>
    <n v="212"/>
    <s v="Billed Revenues"/>
    <s v="EXV"/>
    <s v="NONBU"/>
    <s v="G0000110"/>
    <s v="N"/>
    <s v="MACSS Dist Billed Revenue-03"/>
    <s v=""/>
    <x v="0"/>
    <s v="CAD0331004"/>
    <s v="S"/>
    <s v="KY"/>
    <s v="REV"/>
    <s v="974"/>
    <s v="GLBATCH"/>
    <n v="10"/>
    <n v="2016"/>
  </r>
  <r>
    <s v="110"/>
    <d v="2016-10-15T00:00:00"/>
    <x v="4"/>
    <x v="0"/>
    <s v="10828"/>
    <s v="GLNANDA"/>
    <n v="0"/>
    <n v="2567"/>
    <s v="Billed Revenues"/>
    <s v="EXV"/>
    <s v="NONBU"/>
    <s v="G0000110"/>
    <s v="N"/>
    <s v="MACSS Dist Billed Revenue-03"/>
    <s v=""/>
    <x v="0"/>
    <s v="CAD0331005"/>
    <s v="S"/>
    <s v="KY"/>
    <s v="REV"/>
    <s v="974"/>
    <s v="GLBATCH"/>
    <n v="10"/>
    <n v="2016"/>
  </r>
  <r>
    <s v="110"/>
    <d v="2016-10-15T00:00:00"/>
    <x v="4"/>
    <x v="0"/>
    <s v="10828"/>
    <s v="GLNANDA"/>
    <n v="-384580.2"/>
    <n v="-3170266"/>
    <s v="Billed Revenues"/>
    <s v="EXV"/>
    <s v="NONBU"/>
    <s v="G0000110"/>
    <s v="N"/>
    <s v="MACSS Dist Billed Revenue-03"/>
    <s v=""/>
    <x v="0"/>
    <s v="CAD0331005"/>
    <s v="S"/>
    <s v="KY"/>
    <s v="REV"/>
    <s v="974"/>
    <s v="GLBATCH"/>
    <n v="10"/>
    <n v="2016"/>
  </r>
  <r>
    <s v="110"/>
    <d v="2016-10-15T00:00:00"/>
    <x v="7"/>
    <x v="0"/>
    <s v="10828"/>
    <s v="GLNANDA"/>
    <n v="-78329.320000000007"/>
    <n v="-678537"/>
    <s v="Billed Revenues"/>
    <s v="EXV"/>
    <s v="NONBU"/>
    <s v="G0000110"/>
    <s v="N"/>
    <s v="MACSS Dist Billed Revenue-03"/>
    <s v=""/>
    <x v="0"/>
    <s v="CAD0331005"/>
    <s v="S"/>
    <s v="KY"/>
    <s v="REV"/>
    <s v="974"/>
    <s v="GLBATCH"/>
    <n v="10"/>
    <n v="2016"/>
  </r>
  <r>
    <s v="110"/>
    <d v="2016-10-15T00:00:00"/>
    <x v="1"/>
    <x v="0"/>
    <s v="10828"/>
    <s v="GLNANDA"/>
    <n v="-338096.75"/>
    <n v="-2767462"/>
    <s v="Billed Revenues"/>
    <s v="EXV"/>
    <s v="NONBU"/>
    <s v="G0000110"/>
    <s v="N"/>
    <s v="MACSS Dist Billed Revenue-03"/>
    <s v=""/>
    <x v="0"/>
    <s v="CAD0331005"/>
    <s v="S"/>
    <s v="KY"/>
    <s v="REV"/>
    <s v="974"/>
    <s v="GLBATCH"/>
    <n v="10"/>
    <n v="2016"/>
  </r>
  <r>
    <s v="110"/>
    <d v="2016-10-15T00:00:00"/>
    <x v="1"/>
    <x v="0"/>
    <s v="10828"/>
    <s v="GLNANDA"/>
    <n v="0"/>
    <n v="2501"/>
    <s v="Billed Revenues"/>
    <s v="EXV"/>
    <s v="NONBU"/>
    <s v="G0000110"/>
    <s v="N"/>
    <s v="MACSS Dist Billed Revenue-03"/>
    <s v=""/>
    <x v="0"/>
    <s v="CAD0331005"/>
    <s v="S"/>
    <s v="KY"/>
    <s v="REV"/>
    <s v="974"/>
    <s v="GLBATCH"/>
    <n v="10"/>
    <n v="2016"/>
  </r>
  <r>
    <s v="110"/>
    <d v="2016-10-15T00:00:00"/>
    <x v="5"/>
    <x v="0"/>
    <s v="10828"/>
    <s v="GLNANDA"/>
    <n v="-36222.519999999997"/>
    <n v="-284899"/>
    <s v="Billed Revenues"/>
    <s v="EXV"/>
    <s v="NONBU"/>
    <s v="G0000110"/>
    <s v="N"/>
    <s v="MACSS Dist Billed Revenue-03"/>
    <s v=""/>
    <x v="0"/>
    <s v="CAD0331005"/>
    <s v="S"/>
    <s v="KY"/>
    <s v="REV"/>
    <s v="974"/>
    <s v="GLBATCH"/>
    <n v="10"/>
    <n v="2016"/>
  </r>
  <r>
    <s v="110"/>
    <d v="2016-10-15T00:00:00"/>
    <x v="5"/>
    <x v="0"/>
    <s v="10828"/>
    <s v="GLNANDA"/>
    <n v="0"/>
    <n v="70"/>
    <s v="Billed Revenues"/>
    <s v="EXV"/>
    <s v="NONBU"/>
    <s v="G0000110"/>
    <s v="N"/>
    <s v="MACSS Dist Billed Revenue-03"/>
    <s v=""/>
    <x v="0"/>
    <s v="CAD0331005"/>
    <s v="S"/>
    <s v="KY"/>
    <s v="REV"/>
    <s v="974"/>
    <s v="GLBATCH"/>
    <n v="10"/>
    <n v="2016"/>
  </r>
  <r>
    <s v="110"/>
    <d v="2016-10-15T00:00:00"/>
    <x v="3"/>
    <x v="0"/>
    <s v="10828"/>
    <s v="GLNANDA"/>
    <n v="0"/>
    <n v="9"/>
    <s v="Billed Revenues"/>
    <s v="EXV"/>
    <s v="NONBU"/>
    <s v="G0000110"/>
    <s v="N"/>
    <s v="MACSS Dist Billed Revenue-03"/>
    <s v=""/>
    <x v="0"/>
    <s v="CAD0331005"/>
    <s v="S"/>
    <s v="KY"/>
    <s v="REV"/>
    <s v="974"/>
    <s v="GLBATCH"/>
    <n v="10"/>
    <n v="2016"/>
  </r>
  <r>
    <s v="110"/>
    <d v="2016-10-15T00:00:00"/>
    <x v="0"/>
    <x v="0"/>
    <s v="10828"/>
    <s v="GLNANDA"/>
    <n v="0"/>
    <n v="31"/>
    <s v="Billed Revenues"/>
    <s v="EXV"/>
    <s v="NONBU"/>
    <s v="G0000110"/>
    <s v="N"/>
    <s v="MACSS Dist Billed Revenue-03"/>
    <s v=""/>
    <x v="0"/>
    <s v="CAD0331005"/>
    <s v="S"/>
    <s v="KY"/>
    <s v="REV"/>
    <s v="974"/>
    <s v="GLBATCH"/>
    <n v="10"/>
    <n v="2016"/>
  </r>
  <r>
    <s v="110"/>
    <d v="2016-10-15T00:00:00"/>
    <x v="2"/>
    <x v="0"/>
    <s v="10828"/>
    <s v="GLNANDA"/>
    <n v="-301433.77"/>
    <n v="-2380814"/>
    <s v="Billed Revenues"/>
    <s v="EXV"/>
    <s v="NONBU"/>
    <s v="G0000110"/>
    <s v="N"/>
    <s v="MACSS Dist Billed Revenue-03"/>
    <s v=""/>
    <x v="0"/>
    <s v="CAD0331005"/>
    <s v="S"/>
    <s v="KY"/>
    <s v="REV"/>
    <s v="974"/>
    <s v="GLBATCH"/>
    <n v="10"/>
    <n v="2016"/>
  </r>
  <r>
    <s v="110"/>
    <d v="2016-10-15T00:00:00"/>
    <x v="6"/>
    <x v="0"/>
    <s v="10828"/>
    <s v="GLNANDA"/>
    <n v="0"/>
    <n v="10"/>
    <s v="Billed Revenues"/>
    <s v="EXV"/>
    <s v="NONBU"/>
    <s v="G0000110"/>
    <s v="N"/>
    <s v="MACSS Dist Billed Revenue-03"/>
    <s v=""/>
    <x v="0"/>
    <s v="CAD0331005"/>
    <s v="S"/>
    <s v="KY"/>
    <s v="REV"/>
    <s v="974"/>
    <s v="GLBATCH"/>
    <n v="10"/>
    <n v="2016"/>
  </r>
  <r>
    <s v="110"/>
    <d v="2016-10-15T00:00:00"/>
    <x v="6"/>
    <x v="0"/>
    <s v="10828"/>
    <s v="GLNANDA"/>
    <n v="-587.95000000000005"/>
    <n v="-2860"/>
    <s v="Billed Revenues"/>
    <s v="EXV"/>
    <s v="NONBU"/>
    <s v="G0000110"/>
    <s v="N"/>
    <s v="MACSS Dist Billed Revenue-03"/>
    <s v=""/>
    <x v="0"/>
    <s v="CAD0331005"/>
    <s v="S"/>
    <s v="KY"/>
    <s v="REV"/>
    <s v="974"/>
    <s v="GLBATCH"/>
    <n v="10"/>
    <n v="2016"/>
  </r>
  <r>
    <s v="110"/>
    <d v="2016-10-15T00:00:00"/>
    <x v="0"/>
    <x v="0"/>
    <s v="10828"/>
    <s v="GLNANDA"/>
    <n v="-173234.7"/>
    <n v="-1297855"/>
    <s v="Billed Revenues"/>
    <s v="EXV"/>
    <s v="NONBU"/>
    <s v="G0000110"/>
    <s v="N"/>
    <s v="MACSS Dist Billed Revenue-03"/>
    <s v=""/>
    <x v="0"/>
    <s v="CAD0331005"/>
    <s v="S"/>
    <s v="KY"/>
    <s v="REV"/>
    <s v="974"/>
    <s v="GLBATCH"/>
    <n v="10"/>
    <n v="2016"/>
  </r>
  <r>
    <s v="110"/>
    <d v="2016-10-15T00:00:00"/>
    <x v="7"/>
    <x v="0"/>
    <s v="10828"/>
    <s v="GLNANDA"/>
    <n v="0"/>
    <n v="18"/>
    <s v="Billed Revenues"/>
    <s v="EXV"/>
    <s v="NONBU"/>
    <s v="G0000110"/>
    <s v="N"/>
    <s v="MACSS Dist Billed Revenue-03"/>
    <s v=""/>
    <x v="0"/>
    <s v="CAD0331005"/>
    <s v="S"/>
    <s v="KY"/>
    <s v="REV"/>
    <s v="974"/>
    <s v="GLBATCH"/>
    <n v="10"/>
    <n v="2016"/>
  </r>
  <r>
    <s v="110"/>
    <d v="2016-10-15T00:00:00"/>
    <x v="2"/>
    <x v="0"/>
    <s v="10828"/>
    <s v="GLNANDA"/>
    <n v="0"/>
    <n v="944"/>
    <s v="Billed Revenues"/>
    <s v="EXV"/>
    <s v="NONBU"/>
    <s v="G0000110"/>
    <s v="N"/>
    <s v="MACSS Dist Billed Revenue-03"/>
    <s v=""/>
    <x v="0"/>
    <s v="CAD0331005"/>
    <s v="S"/>
    <s v="KY"/>
    <s v="REV"/>
    <s v="974"/>
    <s v="GLBATCH"/>
    <n v="10"/>
    <n v="2016"/>
  </r>
  <r>
    <s v="110"/>
    <d v="2016-10-15T00:00:00"/>
    <x v="3"/>
    <x v="0"/>
    <s v="10828"/>
    <s v="GLNANDA"/>
    <n v="-9476.93"/>
    <n v="-75388"/>
    <s v="Billed Revenues"/>
    <s v="EXV"/>
    <s v="NONBU"/>
    <s v="G0000110"/>
    <s v="N"/>
    <s v="MACSS Dist Billed Revenue-03"/>
    <s v=""/>
    <x v="0"/>
    <s v="CAD0331005"/>
    <s v="S"/>
    <s v="KY"/>
    <s v="REV"/>
    <s v="974"/>
    <s v="GLBATCH"/>
    <n v="10"/>
    <n v="2016"/>
  </r>
  <r>
    <s v="110"/>
    <d v="2016-10-15T00:00:00"/>
    <x v="4"/>
    <x v="0"/>
    <s v="10828"/>
    <s v="GLNANDA"/>
    <n v="-517415.42"/>
    <n v="-4209832"/>
    <s v="Billed Revenues"/>
    <s v="EXV"/>
    <s v="NONBU"/>
    <s v="G0000110"/>
    <s v="N"/>
    <s v="MACSS Dist Billed Revenue-03"/>
    <s v=""/>
    <x v="0"/>
    <s v="CAD0331006"/>
    <s v="S"/>
    <s v="KY"/>
    <s v="REV"/>
    <s v="974"/>
    <s v="GLBATCH"/>
    <n v="10"/>
    <n v="2016"/>
  </r>
  <r>
    <s v="110"/>
    <d v="2016-10-15T00:00:00"/>
    <x v="4"/>
    <x v="0"/>
    <s v="10828"/>
    <s v="GLNANDA"/>
    <n v="0"/>
    <n v="4056"/>
    <s v="Billed Revenues"/>
    <s v="EXV"/>
    <s v="NONBU"/>
    <s v="G0000110"/>
    <s v="N"/>
    <s v="MACSS Dist Billed Revenue-03"/>
    <s v=""/>
    <x v="0"/>
    <s v="CAD0331006"/>
    <s v="S"/>
    <s v="KY"/>
    <s v="REV"/>
    <s v="974"/>
    <s v="GLBATCH"/>
    <n v="10"/>
    <n v="2016"/>
  </r>
  <r>
    <s v="110"/>
    <d v="2016-10-15T00:00:00"/>
    <x v="5"/>
    <x v="0"/>
    <s v="10828"/>
    <s v="GLNANDA"/>
    <n v="-79460.3"/>
    <n v="-792274"/>
    <s v="Billed Revenues"/>
    <s v="EXV"/>
    <s v="NONBU"/>
    <s v="G0000110"/>
    <s v="N"/>
    <s v="MACSS Dist Billed Revenue-03"/>
    <s v=""/>
    <x v="0"/>
    <s v="CAD0331006"/>
    <s v="S"/>
    <s v="KY"/>
    <s v="REV"/>
    <s v="974"/>
    <s v="GLBATCH"/>
    <n v="10"/>
    <n v="2016"/>
  </r>
  <r>
    <s v="110"/>
    <d v="2016-10-15T00:00:00"/>
    <x v="5"/>
    <x v="0"/>
    <s v="10828"/>
    <s v="GLNANDA"/>
    <n v="0"/>
    <n v="98"/>
    <s v="Billed Revenues"/>
    <s v="EXV"/>
    <s v="NONBU"/>
    <s v="G0000110"/>
    <s v="N"/>
    <s v="MACSS Dist Billed Revenue-03"/>
    <s v=""/>
    <x v="0"/>
    <s v="CAD0331006"/>
    <s v="S"/>
    <s v="KY"/>
    <s v="REV"/>
    <s v="974"/>
    <s v="GLBATCH"/>
    <n v="10"/>
    <n v="2016"/>
  </r>
  <r>
    <s v="110"/>
    <d v="2016-10-15T00:00:00"/>
    <x v="6"/>
    <x v="0"/>
    <s v="10828"/>
    <s v="GLNANDA"/>
    <n v="-1402.82"/>
    <n v="-7650"/>
    <s v="Billed Revenues"/>
    <s v="EXV"/>
    <s v="NONBU"/>
    <s v="G0000110"/>
    <s v="N"/>
    <s v="MACSS Dist Billed Revenue-03"/>
    <s v=""/>
    <x v="0"/>
    <s v="CAD0331006"/>
    <s v="S"/>
    <s v="KY"/>
    <s v="REV"/>
    <s v="974"/>
    <s v="GLBATCH"/>
    <n v="10"/>
    <n v="2016"/>
  </r>
  <r>
    <s v="110"/>
    <d v="2016-10-15T00:00:00"/>
    <x v="6"/>
    <x v="0"/>
    <s v="10828"/>
    <s v="GLNANDA"/>
    <n v="0"/>
    <n v="21"/>
    <s v="Billed Revenues"/>
    <s v="EXV"/>
    <s v="NONBU"/>
    <s v="G0000110"/>
    <s v="N"/>
    <s v="MACSS Dist Billed Revenue-03"/>
    <s v=""/>
    <x v="0"/>
    <s v="CAD0331006"/>
    <s v="S"/>
    <s v="KY"/>
    <s v="REV"/>
    <s v="974"/>
    <s v="GLBATCH"/>
    <n v="10"/>
    <n v="2016"/>
  </r>
  <r>
    <s v="110"/>
    <d v="2016-10-15T00:00:00"/>
    <x v="7"/>
    <x v="0"/>
    <s v="10828"/>
    <s v="GLNANDA"/>
    <n v="0"/>
    <n v="26"/>
    <s v="Billed Revenues"/>
    <s v="EXV"/>
    <s v="NONBU"/>
    <s v="G0000110"/>
    <s v="N"/>
    <s v="MACSS Dist Billed Revenue-03"/>
    <s v=""/>
    <x v="0"/>
    <s v="CAD0331006"/>
    <s v="S"/>
    <s v="KY"/>
    <s v="REV"/>
    <s v="974"/>
    <s v="GLBATCH"/>
    <n v="10"/>
    <n v="2016"/>
  </r>
  <r>
    <s v="110"/>
    <d v="2016-10-15T00:00:00"/>
    <x v="7"/>
    <x v="0"/>
    <s v="10828"/>
    <s v="GLNANDA"/>
    <n v="-69028.98"/>
    <n v="-614065"/>
    <s v="Billed Revenues"/>
    <s v="EXV"/>
    <s v="NONBU"/>
    <s v="G0000110"/>
    <s v="N"/>
    <s v="MACSS Dist Billed Revenue-03"/>
    <s v=""/>
    <x v="0"/>
    <s v="CAD0331006"/>
    <s v="S"/>
    <s v="KY"/>
    <s v="REV"/>
    <s v="974"/>
    <s v="GLBATCH"/>
    <n v="10"/>
    <n v="2016"/>
  </r>
  <r>
    <s v="110"/>
    <d v="2016-10-15T00:00:00"/>
    <x v="3"/>
    <x v="0"/>
    <s v="10828"/>
    <s v="GLNANDA"/>
    <n v="-82193.52"/>
    <n v="-408609"/>
    <s v="Billed Revenues"/>
    <s v="EXV"/>
    <s v="NONBU"/>
    <s v="G0000110"/>
    <s v="N"/>
    <s v="MACSS Dist Billed Revenue-03"/>
    <s v=""/>
    <x v="0"/>
    <s v="CAD0331006"/>
    <s v="S"/>
    <s v="KY"/>
    <s v="REV"/>
    <s v="974"/>
    <s v="GLBATCH"/>
    <n v="10"/>
    <n v="2016"/>
  </r>
  <r>
    <s v="110"/>
    <d v="2016-10-15T00:00:00"/>
    <x v="3"/>
    <x v="0"/>
    <s v="10828"/>
    <s v="GLNANDA"/>
    <n v="0"/>
    <n v="3"/>
    <s v="Billed Revenues"/>
    <s v="EXV"/>
    <s v="NONBU"/>
    <s v="G0000110"/>
    <s v="N"/>
    <s v="MACSS Dist Billed Revenue-03"/>
    <s v=""/>
    <x v="0"/>
    <s v="CAD0331006"/>
    <s v="S"/>
    <s v="KY"/>
    <s v="REV"/>
    <s v="974"/>
    <s v="GLBATCH"/>
    <n v="10"/>
    <n v="2016"/>
  </r>
  <r>
    <s v="110"/>
    <d v="2016-10-15T00:00:00"/>
    <x v="0"/>
    <x v="0"/>
    <s v="10828"/>
    <s v="GLNANDA"/>
    <n v="-122362.21"/>
    <n v="-1648155"/>
    <s v="Billed Revenues"/>
    <s v="EXV"/>
    <s v="NONBU"/>
    <s v="G0000110"/>
    <s v="N"/>
    <s v="MACSS Dist Billed Revenue-03"/>
    <s v=""/>
    <x v="0"/>
    <s v="CAD0331006"/>
    <s v="S"/>
    <s v="KY"/>
    <s v="REV"/>
    <s v="974"/>
    <s v="GLBATCH"/>
    <n v="10"/>
    <n v="2016"/>
  </r>
  <r>
    <s v="110"/>
    <d v="2016-10-15T00:00:00"/>
    <x v="0"/>
    <x v="0"/>
    <s v="10828"/>
    <s v="GLNANDA"/>
    <n v="0"/>
    <n v="22"/>
    <s v="Billed Revenues"/>
    <s v="EXV"/>
    <s v="NONBU"/>
    <s v="G0000110"/>
    <s v="N"/>
    <s v="MACSS Dist Billed Revenue-03"/>
    <s v=""/>
    <x v="0"/>
    <s v="CAD0331006"/>
    <s v="S"/>
    <s v="KY"/>
    <s v="REV"/>
    <s v="974"/>
    <s v="GLBATCH"/>
    <n v="10"/>
    <n v="2016"/>
  </r>
  <r>
    <s v="110"/>
    <d v="2016-10-15T00:00:00"/>
    <x v="1"/>
    <x v="0"/>
    <s v="10828"/>
    <s v="GLNANDA"/>
    <n v="-211913.35"/>
    <n v="-1686583"/>
    <s v="Billed Revenues"/>
    <s v="EXV"/>
    <s v="NONBU"/>
    <s v="G0000110"/>
    <s v="N"/>
    <s v="MACSS Dist Billed Revenue-03"/>
    <s v=""/>
    <x v="0"/>
    <s v="CAD0331006"/>
    <s v="S"/>
    <s v="KY"/>
    <s v="REV"/>
    <s v="974"/>
    <s v="GLBATCH"/>
    <n v="10"/>
    <n v="2016"/>
  </r>
  <r>
    <s v="110"/>
    <d v="2016-10-15T00:00:00"/>
    <x v="1"/>
    <x v="0"/>
    <s v="10828"/>
    <s v="GLNANDA"/>
    <n v="0"/>
    <n v="1852"/>
    <s v="Billed Revenues"/>
    <s v="EXV"/>
    <s v="NONBU"/>
    <s v="G0000110"/>
    <s v="N"/>
    <s v="MACSS Dist Billed Revenue-03"/>
    <s v=""/>
    <x v="0"/>
    <s v="CAD0331006"/>
    <s v="S"/>
    <s v="KY"/>
    <s v="REV"/>
    <s v="974"/>
    <s v="GLBATCH"/>
    <n v="10"/>
    <n v="2016"/>
  </r>
  <r>
    <s v="110"/>
    <d v="2016-10-15T00:00:00"/>
    <x v="2"/>
    <x v="0"/>
    <s v="10828"/>
    <s v="GLNANDA"/>
    <n v="-138316.35999999999"/>
    <n v="-1048378"/>
    <s v="Billed Revenues"/>
    <s v="EXV"/>
    <s v="NONBU"/>
    <s v="G0000110"/>
    <s v="N"/>
    <s v="MACSS Dist Billed Revenue-03"/>
    <s v=""/>
    <x v="0"/>
    <s v="CAD0331006"/>
    <s v="S"/>
    <s v="KY"/>
    <s v="REV"/>
    <s v="974"/>
    <s v="GLBATCH"/>
    <n v="10"/>
    <n v="2016"/>
  </r>
  <r>
    <s v="110"/>
    <d v="2016-10-15T00:00:00"/>
    <x v="2"/>
    <x v="0"/>
    <s v="10828"/>
    <s v="GLNANDA"/>
    <n v="0"/>
    <n v="795"/>
    <s v="Billed Revenues"/>
    <s v="EXV"/>
    <s v="NONBU"/>
    <s v="G0000110"/>
    <s v="N"/>
    <s v="MACSS Dist Billed Revenue-03"/>
    <s v=""/>
    <x v="0"/>
    <s v="CAD0331006"/>
    <s v="S"/>
    <s v="KY"/>
    <s v="REV"/>
    <s v="974"/>
    <s v="GLBATCH"/>
    <n v="10"/>
    <n v="2016"/>
  </r>
  <r>
    <s v="110"/>
    <d v="2016-10-15T00:00:00"/>
    <x v="7"/>
    <x v="0"/>
    <s v="10828"/>
    <s v="GLNANDA"/>
    <n v="-60279.88"/>
    <n v="-485988"/>
    <s v="Billed Revenues"/>
    <s v="EXV"/>
    <s v="NONBU"/>
    <s v="G0000110"/>
    <s v="N"/>
    <s v="MACSS Dist Billed Revenue-03"/>
    <s v=""/>
    <x v="0"/>
    <s v="CAD0331007"/>
    <s v="S"/>
    <s v="KY"/>
    <s v="REV"/>
    <s v="974"/>
    <s v="GLBATCH"/>
    <n v="10"/>
    <n v="2016"/>
  </r>
  <r>
    <s v="110"/>
    <d v="2016-10-15T00:00:00"/>
    <x v="4"/>
    <x v="0"/>
    <s v="10828"/>
    <s v="GLNANDA"/>
    <n v="-679079.15"/>
    <n v="-5535308"/>
    <s v="Billed Revenues"/>
    <s v="EXV"/>
    <s v="NONBU"/>
    <s v="G0000110"/>
    <s v="N"/>
    <s v="MACSS Dist Billed Revenue-03"/>
    <s v=""/>
    <x v="0"/>
    <s v="CAD0331007"/>
    <s v="S"/>
    <s v="KY"/>
    <s v="REV"/>
    <s v="974"/>
    <s v="GLBATCH"/>
    <n v="10"/>
    <n v="2016"/>
  </r>
  <r>
    <s v="110"/>
    <d v="2016-10-15T00:00:00"/>
    <x v="1"/>
    <x v="0"/>
    <s v="10828"/>
    <s v="GLNANDA"/>
    <n v="0"/>
    <n v="2759"/>
    <s v="Billed Revenues"/>
    <s v="EXV"/>
    <s v="NONBU"/>
    <s v="G0000110"/>
    <s v="N"/>
    <s v="MACSS Dist Billed Revenue-03"/>
    <s v=""/>
    <x v="0"/>
    <s v="CAD0331007"/>
    <s v="S"/>
    <s v="KY"/>
    <s v="REV"/>
    <s v="974"/>
    <s v="GLBATCH"/>
    <n v="10"/>
    <n v="2016"/>
  </r>
  <r>
    <s v="110"/>
    <d v="2016-10-15T00:00:00"/>
    <x v="1"/>
    <x v="0"/>
    <s v="10828"/>
    <s v="GLNANDA"/>
    <n v="-318632.46000000002"/>
    <n v="-2563469"/>
    <s v="Billed Revenues"/>
    <s v="EXV"/>
    <s v="NONBU"/>
    <s v="G0000110"/>
    <s v="N"/>
    <s v="MACSS Dist Billed Revenue-03"/>
    <s v=""/>
    <x v="0"/>
    <s v="CAD0331007"/>
    <s v="S"/>
    <s v="KY"/>
    <s v="REV"/>
    <s v="974"/>
    <s v="GLBATCH"/>
    <n v="10"/>
    <n v="2016"/>
  </r>
  <r>
    <s v="110"/>
    <d v="2016-10-15T00:00:00"/>
    <x v="7"/>
    <x v="0"/>
    <s v="10828"/>
    <s v="GLNANDA"/>
    <n v="0"/>
    <n v="50"/>
    <s v="Billed Revenues"/>
    <s v="EXV"/>
    <s v="NONBU"/>
    <s v="G0000110"/>
    <s v="N"/>
    <s v="MACSS Dist Billed Revenue-03"/>
    <s v=""/>
    <x v="0"/>
    <s v="CAD0331007"/>
    <s v="S"/>
    <s v="KY"/>
    <s v="REV"/>
    <s v="974"/>
    <s v="GLBATCH"/>
    <n v="10"/>
    <n v="2016"/>
  </r>
  <r>
    <s v="110"/>
    <d v="2016-10-15T00:00:00"/>
    <x v="3"/>
    <x v="0"/>
    <s v="10828"/>
    <s v="GLNANDA"/>
    <n v="0"/>
    <n v="19"/>
    <s v="Billed Revenues"/>
    <s v="EXV"/>
    <s v="NONBU"/>
    <s v="G0000110"/>
    <s v="N"/>
    <s v="MACSS Dist Billed Revenue-03"/>
    <s v=""/>
    <x v="0"/>
    <s v="CAD0331007"/>
    <s v="S"/>
    <s v="KY"/>
    <s v="REV"/>
    <s v="974"/>
    <s v="GLBATCH"/>
    <n v="10"/>
    <n v="2016"/>
  </r>
  <r>
    <s v="110"/>
    <d v="2016-10-15T00:00:00"/>
    <x v="0"/>
    <x v="0"/>
    <s v="10828"/>
    <s v="GLNANDA"/>
    <n v="0"/>
    <n v="25"/>
    <s v="Billed Revenues"/>
    <s v="EXV"/>
    <s v="NONBU"/>
    <s v="G0000110"/>
    <s v="N"/>
    <s v="MACSS Dist Billed Revenue-03"/>
    <s v=""/>
    <x v="0"/>
    <s v="CAD0331007"/>
    <s v="S"/>
    <s v="KY"/>
    <s v="REV"/>
    <s v="974"/>
    <s v="GLBATCH"/>
    <n v="10"/>
    <n v="2016"/>
  </r>
  <r>
    <s v="110"/>
    <d v="2016-10-15T00:00:00"/>
    <x v="6"/>
    <x v="0"/>
    <s v="10828"/>
    <s v="GLNANDA"/>
    <n v="-1503.26"/>
    <n v="-8268"/>
    <s v="Billed Revenues"/>
    <s v="EXV"/>
    <s v="NONBU"/>
    <s v="G0000110"/>
    <s v="N"/>
    <s v="MACSS Dist Billed Revenue-03"/>
    <s v=""/>
    <x v="0"/>
    <s v="CAD0331007"/>
    <s v="S"/>
    <s v="KY"/>
    <s v="REV"/>
    <s v="974"/>
    <s v="GLBATCH"/>
    <n v="10"/>
    <n v="2016"/>
  </r>
  <r>
    <s v="110"/>
    <d v="2016-10-15T00:00:00"/>
    <x v="5"/>
    <x v="0"/>
    <s v="10828"/>
    <s v="GLNANDA"/>
    <n v="0"/>
    <n v="154"/>
    <s v="Billed Revenues"/>
    <s v="EXV"/>
    <s v="NONBU"/>
    <s v="G0000110"/>
    <s v="N"/>
    <s v="MACSS Dist Billed Revenue-03"/>
    <s v=""/>
    <x v="0"/>
    <s v="CAD0331007"/>
    <s v="S"/>
    <s v="KY"/>
    <s v="REV"/>
    <s v="974"/>
    <s v="GLBATCH"/>
    <n v="10"/>
    <n v="2016"/>
  </r>
  <r>
    <s v="110"/>
    <d v="2016-10-15T00:00:00"/>
    <x v="2"/>
    <x v="0"/>
    <s v="10828"/>
    <s v="GLNANDA"/>
    <n v="-812369.54"/>
    <n v="-7487100"/>
    <s v="Billed Revenues"/>
    <s v="EXV"/>
    <s v="NONBU"/>
    <s v="G0000110"/>
    <s v="N"/>
    <s v="MACSS Dist Billed Revenue-03"/>
    <s v=""/>
    <x v="0"/>
    <s v="CAD0331007"/>
    <s v="S"/>
    <s v="KY"/>
    <s v="REV"/>
    <s v="974"/>
    <s v="GLBATCH"/>
    <n v="10"/>
    <n v="2016"/>
  </r>
  <r>
    <s v="110"/>
    <d v="2016-10-15T00:00:00"/>
    <x v="2"/>
    <x v="0"/>
    <s v="10828"/>
    <s v="GLNANDA"/>
    <n v="0"/>
    <n v="1658"/>
    <s v="Billed Revenues"/>
    <s v="EXV"/>
    <s v="NONBU"/>
    <s v="G0000110"/>
    <s v="N"/>
    <s v="MACSS Dist Billed Revenue-03"/>
    <s v=""/>
    <x v="0"/>
    <s v="CAD0331007"/>
    <s v="S"/>
    <s v="KY"/>
    <s v="REV"/>
    <s v="974"/>
    <s v="GLBATCH"/>
    <n v="10"/>
    <n v="2016"/>
  </r>
  <r>
    <s v="110"/>
    <d v="2016-10-15T00:00:00"/>
    <x v="6"/>
    <x v="0"/>
    <s v="10828"/>
    <s v="GLNANDA"/>
    <n v="0"/>
    <n v="22"/>
    <s v="Billed Revenues"/>
    <s v="EXV"/>
    <s v="NONBU"/>
    <s v="G0000110"/>
    <s v="N"/>
    <s v="MACSS Dist Billed Revenue-03"/>
    <s v=""/>
    <x v="0"/>
    <s v="CAD0331007"/>
    <s v="S"/>
    <s v="KY"/>
    <s v="REV"/>
    <s v="974"/>
    <s v="GLBATCH"/>
    <n v="10"/>
    <n v="2016"/>
  </r>
  <r>
    <s v="110"/>
    <d v="2016-10-15T00:00:00"/>
    <x v="0"/>
    <x v="0"/>
    <s v="10828"/>
    <s v="GLNANDA"/>
    <n v="-18336.54"/>
    <n v="-149272"/>
    <s v="Billed Revenues"/>
    <s v="EXV"/>
    <s v="NONBU"/>
    <s v="G0000110"/>
    <s v="N"/>
    <s v="MACSS Dist Billed Revenue-03"/>
    <s v=""/>
    <x v="0"/>
    <s v="CAD0331007"/>
    <s v="S"/>
    <s v="KY"/>
    <s v="REV"/>
    <s v="974"/>
    <s v="GLBATCH"/>
    <n v="10"/>
    <n v="2016"/>
  </r>
  <r>
    <s v="110"/>
    <d v="2016-10-15T00:00:00"/>
    <x v="5"/>
    <x v="0"/>
    <s v="10828"/>
    <s v="GLNANDA"/>
    <n v="-95785.89"/>
    <n v="-810796"/>
    <s v="Billed Revenues"/>
    <s v="EXV"/>
    <s v="NONBU"/>
    <s v="G0000110"/>
    <s v="N"/>
    <s v="MACSS Dist Billed Revenue-03"/>
    <s v=""/>
    <x v="0"/>
    <s v="CAD0331007"/>
    <s v="S"/>
    <s v="KY"/>
    <s v="REV"/>
    <s v="974"/>
    <s v="GLBATCH"/>
    <n v="10"/>
    <n v="2016"/>
  </r>
  <r>
    <s v="110"/>
    <d v="2016-10-15T00:00:00"/>
    <x v="4"/>
    <x v="0"/>
    <s v="10828"/>
    <s v="GLNANDA"/>
    <n v="0"/>
    <n v="5449"/>
    <s v="Billed Revenues"/>
    <s v="EXV"/>
    <s v="NONBU"/>
    <s v="G0000110"/>
    <s v="N"/>
    <s v="MACSS Dist Billed Revenue-03"/>
    <s v=""/>
    <x v="0"/>
    <s v="CAD0331007"/>
    <s v="S"/>
    <s v="KY"/>
    <s v="REV"/>
    <s v="974"/>
    <s v="GLBATCH"/>
    <n v="10"/>
    <n v="2016"/>
  </r>
  <r>
    <s v="110"/>
    <d v="2016-10-15T00:00:00"/>
    <x v="3"/>
    <x v="0"/>
    <s v="10828"/>
    <s v="GLNANDA"/>
    <n v="-18165.12"/>
    <n v="-122200"/>
    <s v="Billed Revenues"/>
    <s v="EXV"/>
    <s v="NONBU"/>
    <s v="G0000110"/>
    <s v="N"/>
    <s v="MACSS Dist Billed Revenue-03"/>
    <s v=""/>
    <x v="0"/>
    <s v="CAD0331007"/>
    <s v="S"/>
    <s v="KY"/>
    <s v="REV"/>
    <s v="974"/>
    <s v="GLBATCH"/>
    <n v="10"/>
    <n v="2016"/>
  </r>
  <r>
    <s v="110"/>
    <d v="2016-10-15T00:00:00"/>
    <x v="3"/>
    <x v="0"/>
    <s v="10828"/>
    <s v="GLNANDA"/>
    <n v="0"/>
    <n v="17"/>
    <s v="Billed Revenues"/>
    <s v="EXV"/>
    <s v="NONBU"/>
    <s v="G0000110"/>
    <s v="N"/>
    <s v="MACSS Dist Billed Revenue-03"/>
    <s v=""/>
    <x v="0"/>
    <s v="CAD0331010"/>
    <s v="S"/>
    <s v="KY"/>
    <s v="REV"/>
    <s v="974"/>
    <s v="GLBATCH"/>
    <n v="10"/>
    <n v="2016"/>
  </r>
  <r>
    <s v="110"/>
    <d v="2016-10-15T00:00:00"/>
    <x v="3"/>
    <x v="0"/>
    <s v="10828"/>
    <s v="GLNANDA"/>
    <n v="-415116.59"/>
    <n v="-4873692"/>
    <s v="Billed Revenues"/>
    <s v="EXV"/>
    <s v="NONBU"/>
    <s v="G0000110"/>
    <s v="N"/>
    <s v="MACSS Dist Billed Revenue-03"/>
    <s v=""/>
    <x v="0"/>
    <s v="CAD0331010"/>
    <s v="S"/>
    <s v="KY"/>
    <s v="REV"/>
    <s v="974"/>
    <s v="GLBATCH"/>
    <n v="10"/>
    <n v="2016"/>
  </r>
  <r>
    <s v="110"/>
    <d v="2016-10-15T00:00:00"/>
    <x v="0"/>
    <x v="0"/>
    <s v="10828"/>
    <s v="GLNANDA"/>
    <n v="-161697.35999999999"/>
    <n v="-1192428"/>
    <s v="Billed Revenues"/>
    <s v="EXV"/>
    <s v="NONBU"/>
    <s v="G0000110"/>
    <s v="N"/>
    <s v="MACSS Dist Billed Revenue-03"/>
    <s v=""/>
    <x v="0"/>
    <s v="CAD0331010"/>
    <s v="S"/>
    <s v="KY"/>
    <s v="REV"/>
    <s v="974"/>
    <s v="GLBATCH"/>
    <n v="10"/>
    <n v="2016"/>
  </r>
  <r>
    <s v="110"/>
    <d v="2016-10-15T00:00:00"/>
    <x v="0"/>
    <x v="0"/>
    <s v="10828"/>
    <s v="GLNANDA"/>
    <n v="0"/>
    <n v="63"/>
    <s v="Billed Revenues"/>
    <s v="EXV"/>
    <s v="NONBU"/>
    <s v="G0000110"/>
    <s v="N"/>
    <s v="MACSS Dist Billed Revenue-03"/>
    <s v=""/>
    <x v="0"/>
    <s v="CAD0331010"/>
    <s v="S"/>
    <s v="KY"/>
    <s v="REV"/>
    <s v="974"/>
    <s v="GLBATCH"/>
    <n v="10"/>
    <n v="2016"/>
  </r>
  <r>
    <s v="110"/>
    <d v="2016-10-15T00:00:00"/>
    <x v="1"/>
    <x v="0"/>
    <s v="10828"/>
    <s v="GLNANDA"/>
    <n v="-334551.92"/>
    <n v="-2672816"/>
    <s v="Billed Revenues"/>
    <s v="EXV"/>
    <s v="NONBU"/>
    <s v="G0000110"/>
    <s v="N"/>
    <s v="MACSS Dist Billed Revenue-03"/>
    <s v=""/>
    <x v="0"/>
    <s v="CAD0331010"/>
    <s v="S"/>
    <s v="KY"/>
    <s v="REV"/>
    <s v="974"/>
    <s v="GLBATCH"/>
    <n v="10"/>
    <n v="2016"/>
  </r>
  <r>
    <s v="110"/>
    <d v="2016-10-15T00:00:00"/>
    <x v="1"/>
    <x v="0"/>
    <s v="10828"/>
    <s v="GLNANDA"/>
    <n v="0"/>
    <n v="3045"/>
    <s v="Billed Revenues"/>
    <s v="EXV"/>
    <s v="NONBU"/>
    <s v="G0000110"/>
    <s v="N"/>
    <s v="MACSS Dist Billed Revenue-03"/>
    <s v=""/>
    <x v="0"/>
    <s v="CAD0331010"/>
    <s v="S"/>
    <s v="KY"/>
    <s v="REV"/>
    <s v="974"/>
    <s v="GLBATCH"/>
    <n v="10"/>
    <n v="2016"/>
  </r>
  <r>
    <s v="110"/>
    <d v="2016-10-15T00:00:00"/>
    <x v="2"/>
    <x v="0"/>
    <s v="10828"/>
    <s v="GLNANDA"/>
    <n v="-516477.62"/>
    <n v="-3963984"/>
    <s v="Billed Revenues"/>
    <s v="EXV"/>
    <s v="NONBU"/>
    <s v="G0000110"/>
    <s v="N"/>
    <s v="MACSS Dist Billed Revenue-03"/>
    <s v=""/>
    <x v="0"/>
    <s v="CAD0331010"/>
    <s v="S"/>
    <s v="KY"/>
    <s v="REV"/>
    <s v="974"/>
    <s v="GLBATCH"/>
    <n v="10"/>
    <n v="2016"/>
  </r>
  <r>
    <s v="110"/>
    <d v="2016-10-15T00:00:00"/>
    <x v="2"/>
    <x v="0"/>
    <s v="10828"/>
    <s v="GLNANDA"/>
    <n v="0"/>
    <n v="1841"/>
    <s v="Billed Revenues"/>
    <s v="EXV"/>
    <s v="NONBU"/>
    <s v="G0000110"/>
    <s v="N"/>
    <s v="MACSS Dist Billed Revenue-03"/>
    <s v=""/>
    <x v="0"/>
    <s v="CAD0331010"/>
    <s v="S"/>
    <s v="KY"/>
    <s v="REV"/>
    <s v="974"/>
    <s v="GLBATCH"/>
    <n v="10"/>
    <n v="2016"/>
  </r>
  <r>
    <s v="110"/>
    <d v="2016-10-15T00:00:00"/>
    <x v="4"/>
    <x v="0"/>
    <s v="10828"/>
    <s v="GLNANDA"/>
    <n v="-627180.31999999995"/>
    <n v="-5122523"/>
    <s v="Billed Revenues"/>
    <s v="EXV"/>
    <s v="NONBU"/>
    <s v="G0000110"/>
    <s v="N"/>
    <s v="MACSS Dist Billed Revenue-03"/>
    <s v=""/>
    <x v="0"/>
    <s v="CAD0331010"/>
    <s v="S"/>
    <s v="KY"/>
    <s v="REV"/>
    <s v="974"/>
    <s v="GLBATCH"/>
    <n v="10"/>
    <n v="2016"/>
  </r>
  <r>
    <s v="110"/>
    <d v="2016-10-15T00:00:00"/>
    <x v="4"/>
    <x v="0"/>
    <s v="10828"/>
    <s v="GLNANDA"/>
    <n v="0"/>
    <n v="4862"/>
    <s v="Billed Revenues"/>
    <s v="EXV"/>
    <s v="NONBU"/>
    <s v="G0000110"/>
    <s v="N"/>
    <s v="MACSS Dist Billed Revenue-03"/>
    <s v=""/>
    <x v="0"/>
    <s v="CAD0331010"/>
    <s v="S"/>
    <s v="KY"/>
    <s v="REV"/>
    <s v="974"/>
    <s v="GLBATCH"/>
    <n v="10"/>
    <n v="2016"/>
  </r>
  <r>
    <s v="110"/>
    <d v="2016-10-15T00:00:00"/>
    <x v="5"/>
    <x v="0"/>
    <s v="10828"/>
    <s v="GLNANDA"/>
    <n v="-146544.07999999999"/>
    <n v="-1297806"/>
    <s v="Billed Revenues"/>
    <s v="EXV"/>
    <s v="NONBU"/>
    <s v="G0000110"/>
    <s v="N"/>
    <s v="MACSS Dist Billed Revenue-03"/>
    <s v=""/>
    <x v="0"/>
    <s v="CAD0331010"/>
    <s v="S"/>
    <s v="KY"/>
    <s v="REV"/>
    <s v="974"/>
    <s v="GLBATCH"/>
    <n v="10"/>
    <n v="2016"/>
  </r>
  <r>
    <s v="110"/>
    <d v="2016-10-15T00:00:00"/>
    <x v="5"/>
    <x v="0"/>
    <s v="10828"/>
    <s v="GLNANDA"/>
    <n v="0"/>
    <n v="210"/>
    <s v="Billed Revenues"/>
    <s v="EXV"/>
    <s v="NONBU"/>
    <s v="G0000110"/>
    <s v="N"/>
    <s v="MACSS Dist Billed Revenue-03"/>
    <s v=""/>
    <x v="0"/>
    <s v="CAD0331010"/>
    <s v="S"/>
    <s v="KY"/>
    <s v="REV"/>
    <s v="974"/>
    <s v="GLBATCH"/>
    <n v="10"/>
    <n v="2016"/>
  </r>
  <r>
    <s v="110"/>
    <d v="2016-10-15T00:00:00"/>
    <x v="6"/>
    <x v="0"/>
    <s v="10828"/>
    <s v="GLNANDA"/>
    <n v="-4554.63"/>
    <n v="-34406"/>
    <s v="Billed Revenues"/>
    <s v="EXV"/>
    <s v="NONBU"/>
    <s v="G0000110"/>
    <s v="N"/>
    <s v="MACSS Dist Billed Revenue-03"/>
    <s v=""/>
    <x v="0"/>
    <s v="CAD0331010"/>
    <s v="S"/>
    <s v="KY"/>
    <s v="REV"/>
    <s v="974"/>
    <s v="GLBATCH"/>
    <n v="10"/>
    <n v="2016"/>
  </r>
  <r>
    <s v="110"/>
    <d v="2016-10-15T00:00:00"/>
    <x v="6"/>
    <x v="0"/>
    <s v="10828"/>
    <s v="GLNANDA"/>
    <n v="0"/>
    <n v="19"/>
    <s v="Billed Revenues"/>
    <s v="EXV"/>
    <s v="NONBU"/>
    <s v="G0000110"/>
    <s v="N"/>
    <s v="MACSS Dist Billed Revenue-03"/>
    <s v=""/>
    <x v="0"/>
    <s v="CAD0331010"/>
    <s v="S"/>
    <s v="KY"/>
    <s v="REV"/>
    <s v="974"/>
    <s v="GLBATCH"/>
    <n v="10"/>
    <n v="2016"/>
  </r>
  <r>
    <s v="110"/>
    <d v="2016-10-15T00:00:00"/>
    <x v="7"/>
    <x v="0"/>
    <s v="10828"/>
    <s v="GLNANDA"/>
    <n v="-93179.08"/>
    <n v="-892419"/>
    <s v="Billed Revenues"/>
    <s v="EXV"/>
    <s v="NONBU"/>
    <s v="G0000110"/>
    <s v="N"/>
    <s v="MACSS Dist Billed Revenue-03"/>
    <s v=""/>
    <x v="0"/>
    <s v="CAD0331010"/>
    <s v="S"/>
    <s v="KY"/>
    <s v="REV"/>
    <s v="974"/>
    <s v="GLBATCH"/>
    <n v="10"/>
    <n v="2016"/>
  </r>
  <r>
    <s v="110"/>
    <d v="2016-10-15T00:00:00"/>
    <x v="7"/>
    <x v="0"/>
    <s v="10828"/>
    <s v="GLNANDA"/>
    <n v="0"/>
    <n v="45"/>
    <s v="Billed Revenues"/>
    <s v="EXV"/>
    <s v="NONBU"/>
    <s v="G0000110"/>
    <s v="N"/>
    <s v="MACSS Dist Billed Revenue-03"/>
    <s v=""/>
    <x v="0"/>
    <s v="CAD0331010"/>
    <s v="S"/>
    <s v="KY"/>
    <s v="REV"/>
    <s v="974"/>
    <s v="GLBATCH"/>
    <n v="10"/>
    <n v="2016"/>
  </r>
  <r>
    <s v="110"/>
    <d v="2016-10-15T00:00:00"/>
    <x v="3"/>
    <x v="0"/>
    <s v="10828"/>
    <s v="GLNANDA"/>
    <n v="0"/>
    <n v="7"/>
    <s v="Billed Revenues"/>
    <s v="EXV"/>
    <s v="NONBU"/>
    <s v="G0000110"/>
    <s v="N"/>
    <s v="MACSS Dist Billed Revenue-03"/>
    <s v=""/>
    <x v="0"/>
    <s v="CAD0331011"/>
    <s v="S"/>
    <s v="KY"/>
    <s v="REV"/>
    <s v="974"/>
    <s v="GLBATCH"/>
    <n v="10"/>
    <n v="2016"/>
  </r>
  <r>
    <s v="110"/>
    <d v="2016-10-15T00:00:00"/>
    <x v="3"/>
    <x v="0"/>
    <s v="10828"/>
    <s v="GLNANDA"/>
    <n v="-13342.74"/>
    <n v="-84920"/>
    <s v="Billed Revenues"/>
    <s v="EXV"/>
    <s v="NONBU"/>
    <s v="G0000110"/>
    <s v="N"/>
    <s v="MACSS Dist Billed Revenue-03"/>
    <s v=""/>
    <x v="0"/>
    <s v="CAD0331011"/>
    <s v="S"/>
    <s v="KY"/>
    <s v="REV"/>
    <s v="974"/>
    <s v="GLBATCH"/>
    <n v="10"/>
    <n v="2016"/>
  </r>
  <r>
    <s v="110"/>
    <d v="2016-10-15T00:00:00"/>
    <x v="0"/>
    <x v="0"/>
    <s v="10828"/>
    <s v="GLNANDA"/>
    <n v="-439358.87"/>
    <n v="-7467698"/>
    <s v="Billed Revenues"/>
    <s v="EXV"/>
    <s v="NONBU"/>
    <s v="G0000110"/>
    <s v="N"/>
    <s v="MACSS Dist Billed Revenue-03"/>
    <s v=""/>
    <x v="0"/>
    <s v="CAD0331011"/>
    <s v="S"/>
    <s v="KY"/>
    <s v="REV"/>
    <s v="974"/>
    <s v="GLBATCH"/>
    <n v="10"/>
    <n v="2016"/>
  </r>
  <r>
    <s v="110"/>
    <d v="2016-10-15T00:00:00"/>
    <x v="4"/>
    <x v="0"/>
    <s v="10828"/>
    <s v="GLNANDA"/>
    <n v="-523663.97"/>
    <n v="-4210487"/>
    <s v="Billed Revenues"/>
    <s v="EXV"/>
    <s v="NONBU"/>
    <s v="G0000110"/>
    <s v="N"/>
    <s v="MACSS Dist Billed Revenue-03"/>
    <s v=""/>
    <x v="0"/>
    <s v="CAD0331011"/>
    <s v="S"/>
    <s v="KY"/>
    <s v="REV"/>
    <s v="974"/>
    <s v="GLBATCH"/>
    <n v="10"/>
    <n v="2016"/>
  </r>
  <r>
    <s v="110"/>
    <d v="2016-10-15T00:00:00"/>
    <x v="4"/>
    <x v="0"/>
    <s v="10828"/>
    <s v="GLNANDA"/>
    <n v="0"/>
    <n v="4552"/>
    <s v="Billed Revenues"/>
    <s v="EXV"/>
    <s v="NONBU"/>
    <s v="G0000110"/>
    <s v="N"/>
    <s v="MACSS Dist Billed Revenue-03"/>
    <s v=""/>
    <x v="0"/>
    <s v="CAD0331011"/>
    <s v="S"/>
    <s v="KY"/>
    <s v="REV"/>
    <s v="974"/>
    <s v="GLBATCH"/>
    <n v="10"/>
    <n v="2016"/>
  </r>
  <r>
    <s v="110"/>
    <d v="2016-10-15T00:00:00"/>
    <x v="0"/>
    <x v="0"/>
    <s v="10828"/>
    <s v="GLNANDA"/>
    <n v="0"/>
    <n v="31"/>
    <s v="Billed Revenues"/>
    <s v="EXV"/>
    <s v="NONBU"/>
    <s v="G0000110"/>
    <s v="N"/>
    <s v="MACSS Dist Billed Revenue-03"/>
    <s v=""/>
    <x v="0"/>
    <s v="CAD0331011"/>
    <s v="S"/>
    <s v="KY"/>
    <s v="REV"/>
    <s v="974"/>
    <s v="GLBATCH"/>
    <n v="10"/>
    <n v="2016"/>
  </r>
  <r>
    <s v="110"/>
    <d v="2016-10-15T00:00:00"/>
    <x v="7"/>
    <x v="0"/>
    <s v="10828"/>
    <s v="GLNANDA"/>
    <n v="0"/>
    <n v="47"/>
    <s v="Billed Revenues"/>
    <s v="EXV"/>
    <s v="NONBU"/>
    <s v="G0000110"/>
    <s v="N"/>
    <s v="MACSS Dist Billed Revenue-03"/>
    <s v=""/>
    <x v="0"/>
    <s v="CAD0331011"/>
    <s v="S"/>
    <s v="KY"/>
    <s v="REV"/>
    <s v="974"/>
    <s v="GLBATCH"/>
    <n v="10"/>
    <n v="2016"/>
  </r>
  <r>
    <s v="110"/>
    <d v="2016-10-15T00:00:00"/>
    <x v="6"/>
    <x v="0"/>
    <s v="10828"/>
    <s v="GLNANDA"/>
    <n v="-1366.46"/>
    <n v="-7552"/>
    <s v="Billed Revenues"/>
    <s v="EXV"/>
    <s v="NONBU"/>
    <s v="G0000110"/>
    <s v="N"/>
    <s v="MACSS Dist Billed Revenue-03"/>
    <s v=""/>
    <x v="0"/>
    <s v="CAD0331011"/>
    <s v="S"/>
    <s v="KY"/>
    <s v="REV"/>
    <s v="974"/>
    <s v="GLBATCH"/>
    <n v="10"/>
    <n v="2016"/>
  </r>
  <r>
    <s v="110"/>
    <d v="2016-10-15T00:00:00"/>
    <x v="6"/>
    <x v="0"/>
    <s v="10828"/>
    <s v="GLNANDA"/>
    <n v="0"/>
    <n v="20"/>
    <s v="Billed Revenues"/>
    <s v="EXV"/>
    <s v="NONBU"/>
    <s v="G0000110"/>
    <s v="N"/>
    <s v="MACSS Dist Billed Revenue-03"/>
    <s v=""/>
    <x v="0"/>
    <s v="CAD0331011"/>
    <s v="S"/>
    <s v="KY"/>
    <s v="REV"/>
    <s v="974"/>
    <s v="GLBATCH"/>
    <n v="10"/>
    <n v="2016"/>
  </r>
  <r>
    <s v="110"/>
    <d v="2016-10-15T00:00:00"/>
    <x v="2"/>
    <x v="0"/>
    <s v="10828"/>
    <s v="GLNANDA"/>
    <n v="-843790.29"/>
    <n v="-6989236"/>
    <s v="Billed Revenues"/>
    <s v="EXV"/>
    <s v="NONBU"/>
    <s v="G0000110"/>
    <s v="N"/>
    <s v="MACSS Dist Billed Revenue-03"/>
    <s v=""/>
    <x v="0"/>
    <s v="CAD0331011"/>
    <s v="S"/>
    <s v="KY"/>
    <s v="REV"/>
    <s v="974"/>
    <s v="GLBATCH"/>
    <n v="10"/>
    <n v="2016"/>
  </r>
  <r>
    <s v="110"/>
    <d v="2016-10-15T00:00:00"/>
    <x v="1"/>
    <x v="0"/>
    <s v="10828"/>
    <s v="GLNANDA"/>
    <n v="-271509.57"/>
    <n v="-2149266"/>
    <s v="Billed Revenues"/>
    <s v="EXV"/>
    <s v="NONBU"/>
    <s v="G0000110"/>
    <s v="N"/>
    <s v="MACSS Dist Billed Revenue-03"/>
    <s v=""/>
    <x v="0"/>
    <s v="CAD0331011"/>
    <s v="S"/>
    <s v="KY"/>
    <s v="REV"/>
    <s v="974"/>
    <s v="GLBATCH"/>
    <n v="10"/>
    <n v="2016"/>
  </r>
  <r>
    <s v="110"/>
    <d v="2016-10-15T00:00:00"/>
    <x v="1"/>
    <x v="0"/>
    <s v="10828"/>
    <s v="GLNANDA"/>
    <n v="0"/>
    <n v="2568"/>
    <s v="Billed Revenues"/>
    <s v="EXV"/>
    <s v="NONBU"/>
    <s v="G0000110"/>
    <s v="N"/>
    <s v="MACSS Dist Billed Revenue-03"/>
    <s v=""/>
    <x v="0"/>
    <s v="CAD0331011"/>
    <s v="S"/>
    <s v="KY"/>
    <s v="REV"/>
    <s v="974"/>
    <s v="GLBATCH"/>
    <n v="10"/>
    <n v="2016"/>
  </r>
  <r>
    <s v="110"/>
    <d v="2016-10-15T00:00:00"/>
    <x v="2"/>
    <x v="0"/>
    <s v="10828"/>
    <s v="GLNANDA"/>
    <n v="0"/>
    <n v="1572"/>
    <s v="Billed Revenues"/>
    <s v="EXV"/>
    <s v="NONBU"/>
    <s v="G0000110"/>
    <s v="N"/>
    <s v="MACSS Dist Billed Revenue-03"/>
    <s v=""/>
    <x v="0"/>
    <s v="CAD0331011"/>
    <s v="S"/>
    <s v="KY"/>
    <s v="REV"/>
    <s v="974"/>
    <s v="GLBATCH"/>
    <n v="10"/>
    <n v="2016"/>
  </r>
  <r>
    <s v="110"/>
    <d v="2016-10-15T00:00:00"/>
    <x v="5"/>
    <x v="0"/>
    <s v="10828"/>
    <s v="GLNANDA"/>
    <n v="-176171.53"/>
    <n v="-1460567"/>
    <s v="Billed Revenues"/>
    <s v="EXV"/>
    <s v="NONBU"/>
    <s v="G0000110"/>
    <s v="N"/>
    <s v="MACSS Dist Billed Revenue-03"/>
    <s v=""/>
    <x v="0"/>
    <s v="CAD0331011"/>
    <s v="S"/>
    <s v="KY"/>
    <s v="REV"/>
    <s v="974"/>
    <s v="GLBATCH"/>
    <n v="10"/>
    <n v="2016"/>
  </r>
  <r>
    <s v="110"/>
    <d v="2016-10-15T00:00:00"/>
    <x v="5"/>
    <x v="0"/>
    <s v="10828"/>
    <s v="GLNANDA"/>
    <n v="0"/>
    <n v="209"/>
    <s v="Billed Revenues"/>
    <s v="EXV"/>
    <s v="NONBU"/>
    <s v="G0000110"/>
    <s v="N"/>
    <s v="MACSS Dist Billed Revenue-03"/>
    <s v=""/>
    <x v="0"/>
    <s v="CAD0331011"/>
    <s v="S"/>
    <s v="KY"/>
    <s v="REV"/>
    <s v="974"/>
    <s v="GLBATCH"/>
    <n v="10"/>
    <n v="2016"/>
  </r>
  <r>
    <s v="110"/>
    <d v="2016-10-15T00:00:00"/>
    <x v="7"/>
    <x v="0"/>
    <s v="10828"/>
    <s v="GLNANDA"/>
    <n v="-103140.08"/>
    <n v="-881665"/>
    <s v="Billed Revenues"/>
    <s v="EXV"/>
    <s v="NONBU"/>
    <s v="G0000110"/>
    <s v="N"/>
    <s v="MACSS Dist Billed Revenue-03"/>
    <s v=""/>
    <x v="0"/>
    <s v="CAD0331011"/>
    <s v="S"/>
    <s v="KY"/>
    <s v="REV"/>
    <s v="974"/>
    <s v="GLBATCH"/>
    <n v="10"/>
    <n v="2016"/>
  </r>
  <r>
    <s v="110"/>
    <d v="2016-10-15T00:00:00"/>
    <x v="3"/>
    <x v="0"/>
    <s v="10828"/>
    <s v="GLNANDA"/>
    <n v="0"/>
    <n v="8"/>
    <s v="Billed Revenues"/>
    <s v="EXV"/>
    <s v="NONBU"/>
    <s v="G0000110"/>
    <s v="N"/>
    <s v="MACSS Dist Billed Revenue-03"/>
    <s v=""/>
    <x v="0"/>
    <s v="CAD0331012"/>
    <s v="S"/>
    <s v="KY"/>
    <s v="REV"/>
    <s v="974"/>
    <s v="GLBATCH"/>
    <n v="10"/>
    <n v="2016"/>
  </r>
  <r>
    <s v="110"/>
    <d v="2016-10-15T00:00:00"/>
    <x v="3"/>
    <x v="0"/>
    <s v="10828"/>
    <s v="GLNANDA"/>
    <n v="-4822.3999999999996"/>
    <n v="-32915"/>
    <s v="Billed Revenues"/>
    <s v="EXV"/>
    <s v="NONBU"/>
    <s v="G0000110"/>
    <s v="N"/>
    <s v="MACSS Dist Billed Revenue-03"/>
    <s v=""/>
    <x v="0"/>
    <s v="CAD0331012"/>
    <s v="S"/>
    <s v="KY"/>
    <s v="REV"/>
    <s v="974"/>
    <s v="GLBATCH"/>
    <n v="10"/>
    <n v="2016"/>
  </r>
  <r>
    <s v="110"/>
    <d v="2016-10-15T00:00:00"/>
    <x v="5"/>
    <x v="0"/>
    <s v="10828"/>
    <s v="GLNANDA"/>
    <n v="0"/>
    <n v="235"/>
    <s v="Billed Revenues"/>
    <s v="EXV"/>
    <s v="NONBU"/>
    <s v="G0000110"/>
    <s v="N"/>
    <s v="MACSS Dist Billed Revenue-03"/>
    <s v=""/>
    <x v="0"/>
    <s v="CAD0331012"/>
    <s v="S"/>
    <s v="KY"/>
    <s v="REV"/>
    <s v="974"/>
    <s v="GLBATCH"/>
    <n v="10"/>
    <n v="2016"/>
  </r>
  <r>
    <s v="110"/>
    <d v="2016-10-15T00:00:00"/>
    <x v="5"/>
    <x v="0"/>
    <s v="10828"/>
    <s v="GLNANDA"/>
    <n v="-147680.70000000001"/>
    <n v="-1228772"/>
    <s v="Billed Revenues"/>
    <s v="EXV"/>
    <s v="NONBU"/>
    <s v="G0000110"/>
    <s v="N"/>
    <s v="MACSS Dist Billed Revenue-03"/>
    <s v=""/>
    <x v="0"/>
    <s v="CAD0331012"/>
    <s v="S"/>
    <s v="KY"/>
    <s v="REV"/>
    <s v="974"/>
    <s v="GLBATCH"/>
    <n v="10"/>
    <n v="2016"/>
  </r>
  <r>
    <s v="110"/>
    <d v="2016-10-15T00:00:00"/>
    <x v="7"/>
    <x v="0"/>
    <s v="10828"/>
    <s v="GLNANDA"/>
    <n v="-141533.22"/>
    <n v="-1208074"/>
    <s v="Billed Revenues"/>
    <s v="EXV"/>
    <s v="NONBU"/>
    <s v="G0000110"/>
    <s v="N"/>
    <s v="MACSS Dist Billed Revenue-03"/>
    <s v=""/>
    <x v="0"/>
    <s v="CAD0331012"/>
    <s v="S"/>
    <s v="KY"/>
    <s v="REV"/>
    <s v="974"/>
    <s v="GLBATCH"/>
    <n v="10"/>
    <n v="2016"/>
  </r>
  <r>
    <s v="110"/>
    <d v="2016-10-15T00:00:00"/>
    <x v="6"/>
    <x v="0"/>
    <s v="10828"/>
    <s v="GLNANDA"/>
    <n v="0"/>
    <n v="12"/>
    <s v="Billed Revenues"/>
    <s v="EXV"/>
    <s v="NONBU"/>
    <s v="G0000110"/>
    <s v="N"/>
    <s v="MACSS Dist Billed Revenue-03"/>
    <s v=""/>
    <x v="0"/>
    <s v="CAD0331012"/>
    <s v="S"/>
    <s v="KY"/>
    <s v="REV"/>
    <s v="974"/>
    <s v="GLBATCH"/>
    <n v="10"/>
    <n v="2016"/>
  </r>
  <r>
    <s v="110"/>
    <d v="2016-10-15T00:00:00"/>
    <x v="6"/>
    <x v="0"/>
    <s v="10828"/>
    <s v="GLNANDA"/>
    <n v="-3231.01"/>
    <n v="-22140"/>
    <s v="Billed Revenues"/>
    <s v="EXV"/>
    <s v="NONBU"/>
    <s v="G0000110"/>
    <s v="N"/>
    <s v="MACSS Dist Billed Revenue-03"/>
    <s v=""/>
    <x v="0"/>
    <s v="CAD0331012"/>
    <s v="S"/>
    <s v="KY"/>
    <s v="REV"/>
    <s v="974"/>
    <s v="GLBATCH"/>
    <n v="10"/>
    <n v="2016"/>
  </r>
  <r>
    <s v="110"/>
    <d v="2016-10-15T00:00:00"/>
    <x v="4"/>
    <x v="0"/>
    <s v="10828"/>
    <s v="GLNANDA"/>
    <n v="0"/>
    <n v="5017"/>
    <s v="Billed Revenues"/>
    <s v="EXV"/>
    <s v="NONBU"/>
    <s v="G0000110"/>
    <s v="N"/>
    <s v="MACSS Dist Billed Revenue-03"/>
    <s v=""/>
    <x v="0"/>
    <s v="CAD0331012"/>
    <s v="S"/>
    <s v="KY"/>
    <s v="REV"/>
    <s v="974"/>
    <s v="GLBATCH"/>
    <n v="10"/>
    <n v="2016"/>
  </r>
  <r>
    <s v="110"/>
    <d v="2016-10-15T00:00:00"/>
    <x v="4"/>
    <x v="0"/>
    <s v="10828"/>
    <s v="GLNANDA"/>
    <n v="-588577.85"/>
    <n v="-4752706"/>
    <s v="Billed Revenues"/>
    <s v="EXV"/>
    <s v="NONBU"/>
    <s v="G0000110"/>
    <s v="N"/>
    <s v="MACSS Dist Billed Revenue-03"/>
    <s v=""/>
    <x v="0"/>
    <s v="CAD0331012"/>
    <s v="S"/>
    <s v="KY"/>
    <s v="REV"/>
    <s v="974"/>
    <s v="GLBATCH"/>
    <n v="10"/>
    <n v="2016"/>
  </r>
  <r>
    <s v="110"/>
    <d v="2016-10-15T00:00:00"/>
    <x v="1"/>
    <x v="0"/>
    <s v="10828"/>
    <s v="GLNANDA"/>
    <n v="0"/>
    <n v="2302"/>
    <s v="Billed Revenues"/>
    <s v="EXV"/>
    <s v="NONBU"/>
    <s v="G0000110"/>
    <s v="N"/>
    <s v="MACSS Dist Billed Revenue-03"/>
    <s v=""/>
    <x v="0"/>
    <s v="CAD0331012"/>
    <s v="S"/>
    <s v="KY"/>
    <s v="REV"/>
    <s v="974"/>
    <s v="GLBATCH"/>
    <n v="10"/>
    <n v="2016"/>
  </r>
  <r>
    <s v="110"/>
    <d v="2016-10-15T00:00:00"/>
    <x v="1"/>
    <x v="0"/>
    <s v="10828"/>
    <s v="GLNANDA"/>
    <n v="-239226.09"/>
    <n v="-1882811"/>
    <s v="Billed Revenues"/>
    <s v="EXV"/>
    <s v="NONBU"/>
    <s v="G0000110"/>
    <s v="N"/>
    <s v="MACSS Dist Billed Revenue-03"/>
    <s v=""/>
    <x v="0"/>
    <s v="CAD0331012"/>
    <s v="S"/>
    <s v="KY"/>
    <s v="REV"/>
    <s v="974"/>
    <s v="GLBATCH"/>
    <n v="10"/>
    <n v="2016"/>
  </r>
  <r>
    <s v="110"/>
    <d v="2016-10-15T00:00:00"/>
    <x v="0"/>
    <x v="0"/>
    <s v="10828"/>
    <s v="GLNANDA"/>
    <n v="0"/>
    <n v="37"/>
    <s v="Billed Revenues"/>
    <s v="EXV"/>
    <s v="NONBU"/>
    <s v="G0000110"/>
    <s v="N"/>
    <s v="MACSS Dist Billed Revenue-03"/>
    <s v=""/>
    <x v="0"/>
    <s v="CAD0331012"/>
    <s v="S"/>
    <s v="KY"/>
    <s v="REV"/>
    <s v="974"/>
    <s v="GLBATCH"/>
    <n v="10"/>
    <n v="2016"/>
  </r>
  <r>
    <s v="110"/>
    <d v="2016-10-15T00:00:00"/>
    <x v="0"/>
    <x v="0"/>
    <s v="10828"/>
    <s v="GLNANDA"/>
    <n v="-1133991.76"/>
    <n v="-18415219"/>
    <s v="Billed Revenues"/>
    <s v="EXV"/>
    <s v="NONBU"/>
    <s v="G0000110"/>
    <s v="N"/>
    <s v="MACSS Dist Billed Revenue-03"/>
    <s v=""/>
    <x v="0"/>
    <s v="CAD0331012"/>
    <s v="S"/>
    <s v="KY"/>
    <s v="REV"/>
    <s v="974"/>
    <s v="GLBATCH"/>
    <n v="10"/>
    <n v="2016"/>
  </r>
  <r>
    <s v="110"/>
    <d v="2016-10-15T00:00:00"/>
    <x v="2"/>
    <x v="0"/>
    <s v="10828"/>
    <s v="GLNANDA"/>
    <n v="0"/>
    <n v="1832"/>
    <s v="Billed Revenues"/>
    <s v="EXV"/>
    <s v="NONBU"/>
    <s v="G0000110"/>
    <s v="N"/>
    <s v="MACSS Dist Billed Revenue-03"/>
    <s v=""/>
    <x v="0"/>
    <s v="CAD0331012"/>
    <s v="S"/>
    <s v="KY"/>
    <s v="REV"/>
    <s v="974"/>
    <s v="GLBATCH"/>
    <n v="10"/>
    <n v="2016"/>
  </r>
  <r>
    <s v="110"/>
    <d v="2016-10-15T00:00:00"/>
    <x v="2"/>
    <x v="0"/>
    <s v="10828"/>
    <s v="GLNANDA"/>
    <n v="-810966.69"/>
    <n v="-6633344"/>
    <s v="Billed Revenues"/>
    <s v="EXV"/>
    <s v="NONBU"/>
    <s v="G0000110"/>
    <s v="N"/>
    <s v="MACSS Dist Billed Revenue-03"/>
    <s v=""/>
    <x v="0"/>
    <s v="CAD0331012"/>
    <s v="S"/>
    <s v="KY"/>
    <s v="REV"/>
    <s v="974"/>
    <s v="GLBATCH"/>
    <n v="10"/>
    <n v="2016"/>
  </r>
  <r>
    <s v="110"/>
    <d v="2016-10-15T00:00:00"/>
    <x v="7"/>
    <x v="0"/>
    <s v="10828"/>
    <s v="GLNANDA"/>
    <n v="0"/>
    <n v="60"/>
    <s v="Billed Revenues"/>
    <s v="EXV"/>
    <s v="NONBU"/>
    <s v="G0000110"/>
    <s v="N"/>
    <s v="MACSS Dist Billed Revenue-03"/>
    <s v=""/>
    <x v="0"/>
    <s v="CAD0331012"/>
    <s v="S"/>
    <s v="KY"/>
    <s v="REV"/>
    <s v="974"/>
    <s v="GLBATCH"/>
    <n v="10"/>
    <n v="2016"/>
  </r>
  <r>
    <s v="110"/>
    <d v="2016-10-15T00:00:00"/>
    <x v="7"/>
    <x v="0"/>
    <s v="10828"/>
    <s v="GLNANDA"/>
    <n v="0"/>
    <n v="35"/>
    <s v="Billed Revenues"/>
    <s v="EXV"/>
    <s v="NONBU"/>
    <s v="G0000110"/>
    <s v="N"/>
    <s v="MACSS Dist Billed Revenue-03"/>
    <s v=""/>
    <x v="0"/>
    <s v="CAD0331013"/>
    <s v="S"/>
    <s v="KY"/>
    <s v="REV"/>
    <s v="974"/>
    <s v="GLBATCH"/>
    <n v="10"/>
    <n v="2016"/>
  </r>
  <r>
    <s v="110"/>
    <d v="2016-10-15T00:00:00"/>
    <x v="5"/>
    <x v="0"/>
    <s v="10828"/>
    <s v="GLNANDA"/>
    <n v="0"/>
    <n v="88"/>
    <s v="Billed Revenues"/>
    <s v="EXV"/>
    <s v="NONBU"/>
    <s v="G0000110"/>
    <s v="N"/>
    <s v="MACSS Dist Billed Revenue-03"/>
    <s v=""/>
    <x v="0"/>
    <s v="CAD0331013"/>
    <s v="S"/>
    <s v="KY"/>
    <s v="REV"/>
    <s v="974"/>
    <s v="GLBATCH"/>
    <n v="10"/>
    <n v="2016"/>
  </r>
  <r>
    <s v="110"/>
    <d v="2016-10-15T00:00:00"/>
    <x v="1"/>
    <x v="0"/>
    <s v="10828"/>
    <s v="GLNANDA"/>
    <n v="-208130.39"/>
    <n v="-1621541"/>
    <s v="Billed Revenues"/>
    <s v="EXV"/>
    <s v="NONBU"/>
    <s v="G0000110"/>
    <s v="N"/>
    <s v="MACSS Dist Billed Revenue-03"/>
    <s v=""/>
    <x v="0"/>
    <s v="CAD0331013"/>
    <s v="S"/>
    <s v="KY"/>
    <s v="REV"/>
    <s v="974"/>
    <s v="GLBATCH"/>
    <n v="10"/>
    <n v="2016"/>
  </r>
  <r>
    <s v="110"/>
    <d v="2016-10-15T00:00:00"/>
    <x v="1"/>
    <x v="0"/>
    <s v="10828"/>
    <s v="GLNANDA"/>
    <n v="0"/>
    <n v="2080"/>
    <s v="Billed Revenues"/>
    <s v="EXV"/>
    <s v="NONBU"/>
    <s v="G0000110"/>
    <s v="N"/>
    <s v="MACSS Dist Billed Revenue-03"/>
    <s v=""/>
    <x v="0"/>
    <s v="CAD0331013"/>
    <s v="S"/>
    <s v="KY"/>
    <s v="REV"/>
    <s v="974"/>
    <s v="GLBATCH"/>
    <n v="10"/>
    <n v="2016"/>
  </r>
  <r>
    <s v="110"/>
    <d v="2016-10-15T00:00:00"/>
    <x v="3"/>
    <x v="0"/>
    <s v="10828"/>
    <s v="GLNANDA"/>
    <n v="-85509.14"/>
    <n v="-994157"/>
    <s v="Billed Revenues"/>
    <s v="EXV"/>
    <s v="NONBU"/>
    <s v="G0000110"/>
    <s v="N"/>
    <s v="MACSS Dist Billed Revenue-03"/>
    <s v=""/>
    <x v="0"/>
    <s v="CAD0331013"/>
    <s v="S"/>
    <s v="KY"/>
    <s v="REV"/>
    <s v="974"/>
    <s v="GLBATCH"/>
    <n v="10"/>
    <n v="2016"/>
  </r>
  <r>
    <s v="110"/>
    <d v="2016-10-15T00:00:00"/>
    <x v="4"/>
    <x v="0"/>
    <s v="10828"/>
    <s v="GLNANDA"/>
    <n v="-499555.32"/>
    <n v="-3996772"/>
    <s v="Billed Revenues"/>
    <s v="EXV"/>
    <s v="NONBU"/>
    <s v="G0000110"/>
    <s v="N"/>
    <s v="MACSS Dist Billed Revenue-03"/>
    <s v=""/>
    <x v="0"/>
    <s v="CAD0331013"/>
    <s v="S"/>
    <s v="KY"/>
    <s v="REV"/>
    <s v="974"/>
    <s v="GLBATCH"/>
    <n v="10"/>
    <n v="2016"/>
  </r>
  <r>
    <s v="110"/>
    <d v="2016-10-15T00:00:00"/>
    <x v="4"/>
    <x v="0"/>
    <s v="10828"/>
    <s v="GLNANDA"/>
    <n v="0"/>
    <n v="4416"/>
    <s v="Billed Revenues"/>
    <s v="EXV"/>
    <s v="NONBU"/>
    <s v="G0000110"/>
    <s v="N"/>
    <s v="MACSS Dist Billed Revenue-03"/>
    <s v=""/>
    <x v="0"/>
    <s v="CAD0331013"/>
    <s v="S"/>
    <s v="KY"/>
    <s v="REV"/>
    <s v="974"/>
    <s v="GLBATCH"/>
    <n v="10"/>
    <n v="2016"/>
  </r>
  <r>
    <s v="110"/>
    <d v="2016-10-15T00:00:00"/>
    <x v="0"/>
    <x v="0"/>
    <s v="10828"/>
    <s v="GLNANDA"/>
    <n v="-29213.56"/>
    <n v="-208761"/>
    <s v="Billed Revenues"/>
    <s v="EXV"/>
    <s v="NONBU"/>
    <s v="G0000110"/>
    <s v="N"/>
    <s v="MACSS Dist Billed Revenue-03"/>
    <s v=""/>
    <x v="0"/>
    <s v="CAD0331013"/>
    <s v="S"/>
    <s v="KY"/>
    <s v="REV"/>
    <s v="974"/>
    <s v="GLBATCH"/>
    <n v="10"/>
    <n v="2016"/>
  </r>
  <r>
    <s v="110"/>
    <d v="2016-10-15T00:00:00"/>
    <x v="0"/>
    <x v="0"/>
    <s v="10828"/>
    <s v="GLNANDA"/>
    <n v="0"/>
    <n v="29"/>
    <s v="Billed Revenues"/>
    <s v="EXV"/>
    <s v="NONBU"/>
    <s v="G0000110"/>
    <s v="N"/>
    <s v="MACSS Dist Billed Revenue-03"/>
    <s v=""/>
    <x v="0"/>
    <s v="CAD0331013"/>
    <s v="S"/>
    <s v="KY"/>
    <s v="REV"/>
    <s v="974"/>
    <s v="GLBATCH"/>
    <n v="10"/>
    <n v="2016"/>
  </r>
  <r>
    <s v="110"/>
    <d v="2016-10-15T00:00:00"/>
    <x v="6"/>
    <x v="0"/>
    <s v="10828"/>
    <s v="GLNANDA"/>
    <n v="-747.21"/>
    <n v="-3338"/>
    <s v="Billed Revenues"/>
    <s v="EXV"/>
    <s v="NONBU"/>
    <s v="G0000110"/>
    <s v="N"/>
    <s v="MACSS Dist Billed Revenue-03"/>
    <s v=""/>
    <x v="0"/>
    <s v="CAD0331013"/>
    <s v="S"/>
    <s v="KY"/>
    <s v="REV"/>
    <s v="974"/>
    <s v="GLBATCH"/>
    <n v="10"/>
    <n v="2016"/>
  </r>
  <r>
    <s v="110"/>
    <d v="2016-10-15T00:00:00"/>
    <x v="6"/>
    <x v="0"/>
    <s v="10828"/>
    <s v="GLNANDA"/>
    <n v="0"/>
    <n v="17"/>
    <s v="Billed Revenues"/>
    <s v="EXV"/>
    <s v="NONBU"/>
    <s v="G0000110"/>
    <s v="N"/>
    <s v="MACSS Dist Billed Revenue-03"/>
    <s v=""/>
    <x v="0"/>
    <s v="CAD0331013"/>
    <s v="S"/>
    <s v="KY"/>
    <s v="REV"/>
    <s v="974"/>
    <s v="GLBATCH"/>
    <n v="10"/>
    <n v="2016"/>
  </r>
  <r>
    <s v="110"/>
    <d v="2016-10-15T00:00:00"/>
    <x v="2"/>
    <x v="0"/>
    <s v="10828"/>
    <s v="GLNANDA"/>
    <n v="0"/>
    <n v="1295"/>
    <s v="Billed Revenues"/>
    <s v="EXV"/>
    <s v="NONBU"/>
    <s v="G0000110"/>
    <s v="N"/>
    <s v="MACSS Dist Billed Revenue-03"/>
    <s v=""/>
    <x v="0"/>
    <s v="CAD0331013"/>
    <s v="S"/>
    <s v="KY"/>
    <s v="REV"/>
    <s v="974"/>
    <s v="GLBATCH"/>
    <n v="10"/>
    <n v="2016"/>
  </r>
  <r>
    <s v="110"/>
    <d v="2016-10-15T00:00:00"/>
    <x v="7"/>
    <x v="0"/>
    <s v="10828"/>
    <s v="GLNANDA"/>
    <n v="-120919.7"/>
    <n v="-1147177"/>
    <s v="Billed Revenues"/>
    <s v="EXV"/>
    <s v="NONBU"/>
    <s v="G0000110"/>
    <s v="N"/>
    <s v="MACSS Dist Billed Revenue-03"/>
    <s v=""/>
    <x v="0"/>
    <s v="CAD0331013"/>
    <s v="S"/>
    <s v="KY"/>
    <s v="REV"/>
    <s v="974"/>
    <s v="GLBATCH"/>
    <n v="10"/>
    <n v="2016"/>
  </r>
  <r>
    <s v="110"/>
    <d v="2016-10-15T00:00:00"/>
    <x v="3"/>
    <x v="0"/>
    <s v="10828"/>
    <s v="GLNANDA"/>
    <n v="0"/>
    <n v="11"/>
    <s v="Billed Revenues"/>
    <s v="EXV"/>
    <s v="NONBU"/>
    <s v="G0000110"/>
    <s v="N"/>
    <s v="MACSS Dist Billed Revenue-03"/>
    <s v=""/>
    <x v="0"/>
    <s v="CAD0331013"/>
    <s v="S"/>
    <s v="KY"/>
    <s v="REV"/>
    <s v="974"/>
    <s v="GLBATCH"/>
    <n v="10"/>
    <n v="2016"/>
  </r>
  <r>
    <s v="110"/>
    <d v="2016-10-15T00:00:00"/>
    <x v="2"/>
    <x v="0"/>
    <s v="10828"/>
    <s v="GLNANDA"/>
    <n v="-536167.59"/>
    <n v="-5098473"/>
    <s v="Billed Revenues"/>
    <s v="EXV"/>
    <s v="NONBU"/>
    <s v="G0000110"/>
    <s v="N"/>
    <s v="MACSS Dist Billed Revenue-03"/>
    <s v=""/>
    <x v="0"/>
    <s v="CAD0331013"/>
    <s v="S"/>
    <s v="KY"/>
    <s v="REV"/>
    <s v="974"/>
    <s v="GLBATCH"/>
    <n v="10"/>
    <n v="2016"/>
  </r>
  <r>
    <s v="110"/>
    <d v="2016-10-15T00:00:00"/>
    <x v="5"/>
    <x v="0"/>
    <s v="10828"/>
    <s v="GLNANDA"/>
    <n v="-41414.15"/>
    <n v="-330798"/>
    <s v="Billed Revenues"/>
    <s v="EXV"/>
    <s v="NONBU"/>
    <s v="G0000110"/>
    <s v="N"/>
    <s v="MACSS Dist Billed Revenue-03"/>
    <s v=""/>
    <x v="0"/>
    <s v="CAD0331013"/>
    <s v="S"/>
    <s v="KY"/>
    <s v="REV"/>
    <s v="974"/>
    <s v="GLBATCH"/>
    <n v="10"/>
    <n v="2016"/>
  </r>
  <r>
    <s v="110"/>
    <d v="2016-10-15T00:00:00"/>
    <x v="0"/>
    <x v="0"/>
    <s v="10828"/>
    <s v="GLNANDA"/>
    <n v="-20519.95"/>
    <n v="-155693"/>
    <s v="Billed Revenues"/>
    <s v="EXV"/>
    <s v="NONBU"/>
    <s v="G0000110"/>
    <s v="N"/>
    <s v="MACSS Dist Billed Revenue-03"/>
    <s v=""/>
    <x v="0"/>
    <s v="CAD0331014"/>
    <s v="S"/>
    <s v="KY"/>
    <s v="REV"/>
    <s v="974"/>
    <s v="GLBATCH"/>
    <n v="10"/>
    <n v="2016"/>
  </r>
  <r>
    <s v="110"/>
    <d v="2016-10-15T00:00:00"/>
    <x v="2"/>
    <x v="0"/>
    <s v="10828"/>
    <s v="GLNANDA"/>
    <n v="-128002.17"/>
    <n v="-850908"/>
    <s v="Billed Revenues"/>
    <s v="EXV"/>
    <s v="NONBU"/>
    <s v="G0000110"/>
    <s v="N"/>
    <s v="MACSS Dist Billed Revenue-03"/>
    <s v=""/>
    <x v="0"/>
    <s v="CAD0331014"/>
    <s v="S"/>
    <s v="KY"/>
    <s v="REV"/>
    <s v="974"/>
    <s v="GLBATCH"/>
    <n v="10"/>
    <n v="2016"/>
  </r>
  <r>
    <s v="110"/>
    <d v="2016-10-15T00:00:00"/>
    <x v="7"/>
    <x v="0"/>
    <s v="10828"/>
    <s v="GLNANDA"/>
    <n v="-23921.59"/>
    <n v="-195745"/>
    <s v="Billed Revenues"/>
    <s v="EXV"/>
    <s v="NONBU"/>
    <s v="G0000110"/>
    <s v="N"/>
    <s v="MACSS Dist Billed Revenue-03"/>
    <s v=""/>
    <x v="0"/>
    <s v="CAD0331014"/>
    <s v="S"/>
    <s v="KY"/>
    <s v="REV"/>
    <s v="974"/>
    <s v="GLBATCH"/>
    <n v="10"/>
    <n v="2016"/>
  </r>
  <r>
    <s v="110"/>
    <d v="2016-10-15T00:00:00"/>
    <x v="6"/>
    <x v="0"/>
    <s v="10828"/>
    <s v="GLNANDA"/>
    <n v="0"/>
    <n v="1"/>
    <s v="Billed Revenues"/>
    <s v="EXV"/>
    <s v="NONBU"/>
    <s v="G0000110"/>
    <s v="N"/>
    <s v="MACSS Dist Billed Revenue-03"/>
    <s v=""/>
    <x v="0"/>
    <s v="CAD0331014"/>
    <s v="S"/>
    <s v="KY"/>
    <s v="REV"/>
    <s v="974"/>
    <s v="GLBATCH"/>
    <n v="10"/>
    <n v="2016"/>
  </r>
  <r>
    <s v="110"/>
    <d v="2016-10-15T00:00:00"/>
    <x v="5"/>
    <x v="0"/>
    <s v="10828"/>
    <s v="GLNANDA"/>
    <n v="-39890.300000000003"/>
    <n v="-313851"/>
    <s v="Billed Revenues"/>
    <s v="EXV"/>
    <s v="NONBU"/>
    <s v="G0000110"/>
    <s v="N"/>
    <s v="MACSS Dist Billed Revenue-03"/>
    <s v=""/>
    <x v="0"/>
    <s v="CAD0331014"/>
    <s v="S"/>
    <s v="KY"/>
    <s v="REV"/>
    <s v="974"/>
    <s v="GLBATCH"/>
    <n v="10"/>
    <n v="2016"/>
  </r>
  <r>
    <s v="110"/>
    <d v="2016-10-15T00:00:00"/>
    <x v="3"/>
    <x v="0"/>
    <s v="10828"/>
    <s v="GLNANDA"/>
    <n v="0"/>
    <n v="5"/>
    <s v="Billed Revenues"/>
    <s v="EXV"/>
    <s v="NONBU"/>
    <s v="G0000110"/>
    <s v="N"/>
    <s v="MACSS Dist Billed Revenue-03"/>
    <s v=""/>
    <x v="0"/>
    <s v="CAD0331014"/>
    <s v="S"/>
    <s v="KY"/>
    <s v="REV"/>
    <s v="974"/>
    <s v="GLBATCH"/>
    <n v="10"/>
    <n v="2016"/>
  </r>
  <r>
    <s v="110"/>
    <d v="2016-10-15T00:00:00"/>
    <x v="0"/>
    <x v="0"/>
    <s v="10828"/>
    <s v="GLNANDA"/>
    <n v="0"/>
    <n v="20"/>
    <s v="Billed Revenues"/>
    <s v="EXV"/>
    <s v="NONBU"/>
    <s v="G0000110"/>
    <s v="N"/>
    <s v="MACSS Dist Billed Revenue-03"/>
    <s v=""/>
    <x v="0"/>
    <s v="CAD0331014"/>
    <s v="S"/>
    <s v="KY"/>
    <s v="REV"/>
    <s v="974"/>
    <s v="GLBATCH"/>
    <n v="10"/>
    <n v="2016"/>
  </r>
  <r>
    <s v="110"/>
    <d v="2016-10-15T00:00:00"/>
    <x v="5"/>
    <x v="0"/>
    <s v="10828"/>
    <s v="GLNANDA"/>
    <n v="0"/>
    <n v="92"/>
    <s v="Billed Revenues"/>
    <s v="EXV"/>
    <s v="NONBU"/>
    <s v="G0000110"/>
    <s v="N"/>
    <s v="MACSS Dist Billed Revenue-03"/>
    <s v=""/>
    <x v="0"/>
    <s v="CAD0331014"/>
    <s v="S"/>
    <s v="KY"/>
    <s v="REV"/>
    <s v="974"/>
    <s v="GLBATCH"/>
    <n v="10"/>
    <n v="2016"/>
  </r>
  <r>
    <s v="110"/>
    <d v="2016-10-15T00:00:00"/>
    <x v="3"/>
    <x v="0"/>
    <s v="10828"/>
    <s v="GLNANDA"/>
    <n v="-475.86"/>
    <n v="-870"/>
    <s v="Billed Revenues"/>
    <s v="EXV"/>
    <s v="NONBU"/>
    <s v="G0000110"/>
    <s v="N"/>
    <s v="MACSS Dist Billed Revenue-03"/>
    <s v=""/>
    <x v="0"/>
    <s v="CAD0331014"/>
    <s v="S"/>
    <s v="KY"/>
    <s v="REV"/>
    <s v="974"/>
    <s v="GLBATCH"/>
    <n v="10"/>
    <n v="2016"/>
  </r>
  <r>
    <s v="110"/>
    <d v="2016-10-15T00:00:00"/>
    <x v="6"/>
    <x v="0"/>
    <s v="10828"/>
    <s v="GLNANDA"/>
    <n v="-81.150000000000006"/>
    <n v="-435"/>
    <s v="Billed Revenues"/>
    <s v="EXV"/>
    <s v="NONBU"/>
    <s v="G0000110"/>
    <s v="N"/>
    <s v="MACSS Dist Billed Revenue-03"/>
    <s v=""/>
    <x v="0"/>
    <s v="CAD0331014"/>
    <s v="S"/>
    <s v="KY"/>
    <s v="REV"/>
    <s v="974"/>
    <s v="GLBATCH"/>
    <n v="10"/>
    <n v="2016"/>
  </r>
  <r>
    <s v="110"/>
    <d v="2016-10-15T00:00:00"/>
    <x v="1"/>
    <x v="0"/>
    <s v="10828"/>
    <s v="GLNANDA"/>
    <n v="-172533.65"/>
    <n v="-1320967"/>
    <s v="Billed Revenues"/>
    <s v="EXV"/>
    <s v="NONBU"/>
    <s v="G0000110"/>
    <s v="N"/>
    <s v="MACSS Dist Billed Revenue-03"/>
    <s v=""/>
    <x v="0"/>
    <s v="CAD0331014"/>
    <s v="S"/>
    <s v="KY"/>
    <s v="REV"/>
    <s v="974"/>
    <s v="GLBATCH"/>
    <n v="10"/>
    <n v="2016"/>
  </r>
  <r>
    <s v="110"/>
    <d v="2016-10-15T00:00:00"/>
    <x v="1"/>
    <x v="0"/>
    <s v="10828"/>
    <s v="GLNANDA"/>
    <n v="0"/>
    <n v="1858"/>
    <s v="Billed Revenues"/>
    <s v="EXV"/>
    <s v="NONBU"/>
    <s v="G0000110"/>
    <s v="N"/>
    <s v="MACSS Dist Billed Revenue-03"/>
    <s v=""/>
    <x v="0"/>
    <s v="CAD0331014"/>
    <s v="S"/>
    <s v="KY"/>
    <s v="REV"/>
    <s v="974"/>
    <s v="GLBATCH"/>
    <n v="10"/>
    <n v="2016"/>
  </r>
  <r>
    <s v="110"/>
    <d v="2016-10-15T00:00:00"/>
    <x v="4"/>
    <x v="0"/>
    <s v="10828"/>
    <s v="GLNANDA"/>
    <n v="0"/>
    <n v="3852"/>
    <s v="Billed Revenues"/>
    <s v="EXV"/>
    <s v="NONBU"/>
    <s v="G0000110"/>
    <s v="N"/>
    <s v="MACSS Dist Billed Revenue-03"/>
    <s v=""/>
    <x v="0"/>
    <s v="CAD0331014"/>
    <s v="S"/>
    <s v="KY"/>
    <s v="REV"/>
    <s v="974"/>
    <s v="GLBATCH"/>
    <n v="10"/>
    <n v="2016"/>
  </r>
  <r>
    <s v="110"/>
    <d v="2016-10-15T00:00:00"/>
    <x v="4"/>
    <x v="0"/>
    <s v="10828"/>
    <s v="GLNANDA"/>
    <n v="-448735.55"/>
    <n v="-3590179"/>
    <s v="Billed Revenues"/>
    <s v="EXV"/>
    <s v="NONBU"/>
    <s v="G0000110"/>
    <s v="N"/>
    <s v="MACSS Dist Billed Revenue-03"/>
    <s v=""/>
    <x v="0"/>
    <s v="CAD0331014"/>
    <s v="S"/>
    <s v="KY"/>
    <s v="REV"/>
    <s v="974"/>
    <s v="GLBATCH"/>
    <n v="10"/>
    <n v="2016"/>
  </r>
  <r>
    <s v="110"/>
    <d v="2016-10-15T00:00:00"/>
    <x v="2"/>
    <x v="0"/>
    <s v="10828"/>
    <s v="GLNANDA"/>
    <n v="0"/>
    <n v="1037"/>
    <s v="Billed Revenues"/>
    <s v="EXV"/>
    <s v="NONBU"/>
    <s v="G0000110"/>
    <s v="N"/>
    <s v="MACSS Dist Billed Revenue-03"/>
    <s v=""/>
    <x v="0"/>
    <s v="CAD0331014"/>
    <s v="S"/>
    <s v="KY"/>
    <s v="REV"/>
    <s v="974"/>
    <s v="GLBATCH"/>
    <n v="10"/>
    <n v="2016"/>
  </r>
  <r>
    <s v="110"/>
    <d v="2016-10-15T00:00:00"/>
    <x v="7"/>
    <x v="0"/>
    <s v="10828"/>
    <s v="GLNANDA"/>
    <n v="0"/>
    <n v="10"/>
    <s v="Billed Revenues"/>
    <s v="EXV"/>
    <s v="NONBU"/>
    <s v="G0000110"/>
    <s v="N"/>
    <s v="MACSS Dist Billed Revenue-03"/>
    <s v=""/>
    <x v="0"/>
    <s v="CAD0331014"/>
    <s v="S"/>
    <s v="KY"/>
    <s v="REV"/>
    <s v="974"/>
    <s v="GLBATCH"/>
    <n v="10"/>
    <n v="2016"/>
  </r>
  <r>
    <s v="110"/>
    <d v="2016-10-15T00:00:00"/>
    <x v="1"/>
    <x v="0"/>
    <s v="10828"/>
    <s v="GLNANDA"/>
    <n v="-292722.57"/>
    <n v="-2307872"/>
    <s v="Billed Revenues"/>
    <s v="EXV"/>
    <s v="NONBU"/>
    <s v="G0000110"/>
    <s v="N"/>
    <s v="MACSS Dist Billed Revenue-03"/>
    <s v=""/>
    <x v="0"/>
    <s v="CAD0331017"/>
    <s v="S"/>
    <s v="KY"/>
    <s v="REV"/>
    <s v="974"/>
    <s v="GLBATCH"/>
    <n v="10"/>
    <n v="2016"/>
  </r>
  <r>
    <s v="110"/>
    <d v="2016-10-15T00:00:00"/>
    <x v="1"/>
    <x v="0"/>
    <s v="10828"/>
    <s v="GLNANDA"/>
    <n v="0"/>
    <n v="2849"/>
    <s v="Billed Revenues"/>
    <s v="EXV"/>
    <s v="NONBU"/>
    <s v="G0000110"/>
    <s v="N"/>
    <s v="MACSS Dist Billed Revenue-03"/>
    <s v=""/>
    <x v="0"/>
    <s v="CAD0331017"/>
    <s v="S"/>
    <s v="KY"/>
    <s v="REV"/>
    <s v="974"/>
    <s v="GLBATCH"/>
    <n v="10"/>
    <n v="2016"/>
  </r>
  <r>
    <s v="110"/>
    <d v="2016-10-15T00:00:00"/>
    <x v="4"/>
    <x v="0"/>
    <s v="10828"/>
    <s v="GLNANDA"/>
    <n v="-425897.48"/>
    <n v="-3412784"/>
    <s v="Billed Revenues"/>
    <s v="EXV"/>
    <s v="NONBU"/>
    <s v="G0000110"/>
    <s v="N"/>
    <s v="MACSS Dist Billed Revenue-03"/>
    <s v=""/>
    <x v="0"/>
    <s v="CAD0331017"/>
    <s v="S"/>
    <s v="KY"/>
    <s v="REV"/>
    <s v="974"/>
    <s v="GLBATCH"/>
    <n v="10"/>
    <n v="2016"/>
  </r>
  <r>
    <s v="110"/>
    <d v="2016-10-15T00:00:00"/>
    <x v="4"/>
    <x v="0"/>
    <s v="10828"/>
    <s v="GLNANDA"/>
    <n v="0"/>
    <n v="3658"/>
    <s v="Billed Revenues"/>
    <s v="EXV"/>
    <s v="NONBU"/>
    <s v="G0000110"/>
    <s v="N"/>
    <s v="MACSS Dist Billed Revenue-03"/>
    <s v=""/>
    <x v="0"/>
    <s v="CAD0331017"/>
    <s v="S"/>
    <s v="KY"/>
    <s v="REV"/>
    <s v="974"/>
    <s v="GLBATCH"/>
    <n v="10"/>
    <n v="2016"/>
  </r>
  <r>
    <s v="110"/>
    <d v="2016-10-15T00:00:00"/>
    <x v="6"/>
    <x v="0"/>
    <s v="10828"/>
    <s v="GLNANDA"/>
    <n v="-283.02"/>
    <n v="-1027"/>
    <s v="Billed Revenues"/>
    <s v="EXV"/>
    <s v="NONBU"/>
    <s v="G0000110"/>
    <s v="N"/>
    <s v="MACSS Dist Billed Revenue-03"/>
    <s v=""/>
    <x v="0"/>
    <s v="CAD0331017"/>
    <s v="S"/>
    <s v="KY"/>
    <s v="REV"/>
    <s v="974"/>
    <s v="GLBATCH"/>
    <n v="10"/>
    <n v="2016"/>
  </r>
  <r>
    <s v="110"/>
    <d v="2016-10-15T00:00:00"/>
    <x v="6"/>
    <x v="0"/>
    <s v="10828"/>
    <s v="GLNANDA"/>
    <n v="0"/>
    <n v="7"/>
    <s v="Billed Revenues"/>
    <s v="EXV"/>
    <s v="NONBU"/>
    <s v="G0000110"/>
    <s v="N"/>
    <s v="MACSS Dist Billed Revenue-03"/>
    <s v=""/>
    <x v="0"/>
    <s v="CAD0331017"/>
    <s v="S"/>
    <s v="KY"/>
    <s v="REV"/>
    <s v="974"/>
    <s v="GLBATCH"/>
    <n v="10"/>
    <n v="2016"/>
  </r>
  <r>
    <s v="110"/>
    <d v="2016-10-15T00:00:00"/>
    <x v="7"/>
    <x v="0"/>
    <s v="10828"/>
    <s v="GLNANDA"/>
    <n v="-76041.25"/>
    <n v="-646967"/>
    <s v="Billed Revenues"/>
    <s v="EXV"/>
    <s v="NONBU"/>
    <s v="G0000110"/>
    <s v="N"/>
    <s v="MACSS Dist Billed Revenue-03"/>
    <s v=""/>
    <x v="0"/>
    <s v="CAD0331017"/>
    <s v="S"/>
    <s v="KY"/>
    <s v="REV"/>
    <s v="974"/>
    <s v="GLBATCH"/>
    <n v="10"/>
    <n v="2016"/>
  </r>
  <r>
    <s v="110"/>
    <d v="2016-10-15T00:00:00"/>
    <x v="7"/>
    <x v="0"/>
    <s v="10828"/>
    <s v="GLNANDA"/>
    <n v="0"/>
    <n v="20"/>
    <s v="Billed Revenues"/>
    <s v="EXV"/>
    <s v="NONBU"/>
    <s v="G0000110"/>
    <s v="N"/>
    <s v="MACSS Dist Billed Revenue-03"/>
    <s v=""/>
    <x v="0"/>
    <s v="CAD0331017"/>
    <s v="S"/>
    <s v="KY"/>
    <s v="REV"/>
    <s v="974"/>
    <s v="GLBATCH"/>
    <n v="10"/>
    <n v="2016"/>
  </r>
  <r>
    <s v="110"/>
    <d v="2016-10-15T00:00:00"/>
    <x v="5"/>
    <x v="0"/>
    <s v="10828"/>
    <s v="GLNANDA"/>
    <n v="-40037.61"/>
    <n v="-329985"/>
    <s v="Billed Revenues"/>
    <s v="EXV"/>
    <s v="NONBU"/>
    <s v="G0000110"/>
    <s v="N"/>
    <s v="MACSS Dist Billed Revenue-03"/>
    <s v=""/>
    <x v="0"/>
    <s v="CAD0331017"/>
    <s v="S"/>
    <s v="KY"/>
    <s v="REV"/>
    <s v="974"/>
    <s v="GLBATCH"/>
    <n v="10"/>
    <n v="2016"/>
  </r>
  <r>
    <s v="110"/>
    <d v="2016-10-15T00:00:00"/>
    <x v="5"/>
    <x v="0"/>
    <s v="10828"/>
    <s v="GLNANDA"/>
    <n v="0"/>
    <n v="88"/>
    <s v="Billed Revenues"/>
    <s v="EXV"/>
    <s v="NONBU"/>
    <s v="G0000110"/>
    <s v="N"/>
    <s v="MACSS Dist Billed Revenue-03"/>
    <s v=""/>
    <x v="0"/>
    <s v="CAD0331017"/>
    <s v="S"/>
    <s v="KY"/>
    <s v="REV"/>
    <s v="974"/>
    <s v="GLBATCH"/>
    <n v="10"/>
    <n v="2016"/>
  </r>
  <r>
    <s v="110"/>
    <d v="2016-10-15T00:00:00"/>
    <x v="3"/>
    <x v="0"/>
    <s v="10828"/>
    <s v="GLNANDA"/>
    <n v="0"/>
    <n v="13"/>
    <s v="Billed Revenues"/>
    <s v="EXV"/>
    <s v="NONBU"/>
    <s v="G0000110"/>
    <s v="N"/>
    <s v="MACSS Dist Billed Revenue-03"/>
    <s v=""/>
    <x v="0"/>
    <s v="CAD0331017"/>
    <s v="S"/>
    <s v="KY"/>
    <s v="REV"/>
    <s v="974"/>
    <s v="GLBATCH"/>
    <n v="10"/>
    <n v="2016"/>
  </r>
  <r>
    <s v="110"/>
    <d v="2016-10-15T00:00:00"/>
    <x v="3"/>
    <x v="0"/>
    <s v="10828"/>
    <s v="GLNANDA"/>
    <n v="-102625.06"/>
    <n v="-890537"/>
    <s v="Billed Revenues"/>
    <s v="EXV"/>
    <s v="NONBU"/>
    <s v="G0000110"/>
    <s v="N"/>
    <s v="MACSS Dist Billed Revenue-03"/>
    <s v=""/>
    <x v="0"/>
    <s v="CAD0331017"/>
    <s v="S"/>
    <s v="KY"/>
    <s v="REV"/>
    <s v="974"/>
    <s v="GLBATCH"/>
    <n v="10"/>
    <n v="2016"/>
  </r>
  <r>
    <s v="110"/>
    <d v="2016-10-15T00:00:00"/>
    <x v="2"/>
    <x v="0"/>
    <s v="10828"/>
    <s v="GLNANDA"/>
    <n v="-144761.60999999999"/>
    <n v="-1032967"/>
    <s v="Billed Revenues"/>
    <s v="EXV"/>
    <s v="NONBU"/>
    <s v="G0000110"/>
    <s v="N"/>
    <s v="MACSS Dist Billed Revenue-03"/>
    <s v=""/>
    <x v="0"/>
    <s v="CAD0331017"/>
    <s v="S"/>
    <s v="KY"/>
    <s v="REV"/>
    <s v="974"/>
    <s v="GLBATCH"/>
    <n v="10"/>
    <n v="2016"/>
  </r>
  <r>
    <s v="110"/>
    <d v="2016-10-15T00:00:00"/>
    <x v="2"/>
    <x v="0"/>
    <s v="10828"/>
    <s v="GLNANDA"/>
    <n v="0"/>
    <n v="1003"/>
    <s v="Billed Revenues"/>
    <s v="EXV"/>
    <s v="NONBU"/>
    <s v="G0000110"/>
    <s v="N"/>
    <s v="MACSS Dist Billed Revenue-03"/>
    <s v=""/>
    <x v="0"/>
    <s v="CAD0331017"/>
    <s v="S"/>
    <s v="KY"/>
    <s v="REV"/>
    <s v="974"/>
    <s v="GLBATCH"/>
    <n v="10"/>
    <n v="2016"/>
  </r>
  <r>
    <s v="110"/>
    <d v="2016-10-15T00:00:00"/>
    <x v="0"/>
    <x v="0"/>
    <s v="10828"/>
    <s v="GLNANDA"/>
    <n v="-48936.51"/>
    <n v="-274444"/>
    <s v="Billed Revenues"/>
    <s v="EXV"/>
    <s v="NONBU"/>
    <s v="G0000110"/>
    <s v="N"/>
    <s v="MACSS Dist Billed Revenue-03"/>
    <s v=""/>
    <x v="0"/>
    <s v="CAD0331017"/>
    <s v="S"/>
    <s v="KY"/>
    <s v="REV"/>
    <s v="974"/>
    <s v="GLBATCH"/>
    <n v="10"/>
    <n v="2016"/>
  </r>
  <r>
    <s v="110"/>
    <d v="2016-10-15T00:00:00"/>
    <x v="0"/>
    <x v="0"/>
    <s v="10828"/>
    <s v="GLNANDA"/>
    <n v="0"/>
    <n v="47"/>
    <s v="Billed Revenues"/>
    <s v="EXV"/>
    <s v="NONBU"/>
    <s v="G0000110"/>
    <s v="N"/>
    <s v="MACSS Dist Billed Revenue-03"/>
    <s v=""/>
    <x v="0"/>
    <s v="CAD0331017"/>
    <s v="S"/>
    <s v="KY"/>
    <s v="REV"/>
    <s v="974"/>
    <s v="GLBATCH"/>
    <n v="10"/>
    <n v="2016"/>
  </r>
  <r>
    <s v="110"/>
    <d v="2016-10-15T00:00:00"/>
    <x v="0"/>
    <x v="0"/>
    <s v="10828"/>
    <s v="GLNANDA"/>
    <n v="0"/>
    <n v="73"/>
    <s v="Billed Revenues"/>
    <s v="EXV"/>
    <s v="NONBU"/>
    <s v="G0000110"/>
    <s v="N"/>
    <s v="MACSS Dist Billed Revenue-03"/>
    <s v=""/>
    <x v="0"/>
    <s v="CAD0331018"/>
    <s v="S"/>
    <s v="KY"/>
    <s v="REV"/>
    <s v="974"/>
    <s v="GLBATCH"/>
    <n v="10"/>
    <n v="2016"/>
  </r>
  <r>
    <s v="110"/>
    <d v="2016-10-15T00:00:00"/>
    <x v="1"/>
    <x v="0"/>
    <s v="10828"/>
    <s v="GLNANDA"/>
    <n v="0"/>
    <n v="1973"/>
    <s v="Billed Revenues"/>
    <s v="EXV"/>
    <s v="NONBU"/>
    <s v="G0000110"/>
    <s v="N"/>
    <s v="MACSS Dist Billed Revenue-03"/>
    <s v=""/>
    <x v="0"/>
    <s v="CAD0331018"/>
    <s v="S"/>
    <s v="KY"/>
    <s v="REV"/>
    <s v="974"/>
    <s v="GLBATCH"/>
    <n v="10"/>
    <n v="2016"/>
  </r>
  <r>
    <s v="110"/>
    <d v="2016-10-15T00:00:00"/>
    <x v="2"/>
    <x v="0"/>
    <s v="10828"/>
    <s v="GLNANDA"/>
    <n v="-247759.89"/>
    <n v="-1862417"/>
    <s v="Billed Revenues"/>
    <s v="EXV"/>
    <s v="NONBU"/>
    <s v="G0000110"/>
    <s v="N"/>
    <s v="MACSS Dist Billed Revenue-03"/>
    <s v=""/>
    <x v="0"/>
    <s v="CAD0331018"/>
    <s v="S"/>
    <s v="KY"/>
    <s v="REV"/>
    <s v="974"/>
    <s v="GLBATCH"/>
    <n v="10"/>
    <n v="2016"/>
  </r>
  <r>
    <s v="110"/>
    <d v="2016-10-15T00:00:00"/>
    <x v="5"/>
    <x v="0"/>
    <s v="10828"/>
    <s v="GLNANDA"/>
    <n v="0"/>
    <n v="99"/>
    <s v="Billed Revenues"/>
    <s v="EXV"/>
    <s v="NONBU"/>
    <s v="G0000110"/>
    <s v="N"/>
    <s v="MACSS Dist Billed Revenue-03"/>
    <s v=""/>
    <x v="0"/>
    <s v="CAD0331018"/>
    <s v="S"/>
    <s v="KY"/>
    <s v="REV"/>
    <s v="974"/>
    <s v="GLBATCH"/>
    <n v="10"/>
    <n v="2016"/>
  </r>
  <r>
    <s v="110"/>
    <d v="2016-10-15T00:00:00"/>
    <x v="6"/>
    <x v="0"/>
    <s v="10828"/>
    <s v="GLNANDA"/>
    <n v="0"/>
    <n v="9"/>
    <s v="Billed Revenues"/>
    <s v="EXV"/>
    <s v="NONBU"/>
    <s v="G0000110"/>
    <s v="N"/>
    <s v="MACSS Dist Billed Revenue-03"/>
    <s v=""/>
    <x v="0"/>
    <s v="CAD0331018"/>
    <s v="S"/>
    <s v="KY"/>
    <s v="REV"/>
    <s v="974"/>
    <s v="GLBATCH"/>
    <n v="10"/>
    <n v="2016"/>
  </r>
  <r>
    <s v="110"/>
    <d v="2016-10-15T00:00:00"/>
    <x v="7"/>
    <x v="0"/>
    <s v="10828"/>
    <s v="GLNANDA"/>
    <n v="-36313.71"/>
    <n v="-292468"/>
    <s v="Billed Revenues"/>
    <s v="EXV"/>
    <s v="NONBU"/>
    <s v="G0000110"/>
    <s v="N"/>
    <s v="MACSS Dist Billed Revenue-03"/>
    <s v=""/>
    <x v="0"/>
    <s v="CAD0331018"/>
    <s v="S"/>
    <s v="KY"/>
    <s v="REV"/>
    <s v="974"/>
    <s v="GLBATCH"/>
    <n v="10"/>
    <n v="2016"/>
  </r>
  <r>
    <s v="110"/>
    <d v="2016-10-15T00:00:00"/>
    <x v="7"/>
    <x v="0"/>
    <s v="10828"/>
    <s v="GLNANDA"/>
    <n v="0"/>
    <n v="18"/>
    <s v="Billed Revenues"/>
    <s v="EXV"/>
    <s v="NONBU"/>
    <s v="G0000110"/>
    <s v="N"/>
    <s v="MACSS Dist Billed Revenue-03"/>
    <s v=""/>
    <x v="0"/>
    <s v="CAD0331018"/>
    <s v="S"/>
    <s v="KY"/>
    <s v="REV"/>
    <s v="974"/>
    <s v="GLBATCH"/>
    <n v="10"/>
    <n v="2016"/>
  </r>
  <r>
    <s v="110"/>
    <d v="2016-10-15T00:00:00"/>
    <x v="5"/>
    <x v="0"/>
    <s v="10828"/>
    <s v="GLNANDA"/>
    <n v="-62620.73"/>
    <n v="-519680"/>
    <s v="Billed Revenues"/>
    <s v="EXV"/>
    <s v="NONBU"/>
    <s v="G0000110"/>
    <s v="N"/>
    <s v="MACSS Dist Billed Revenue-03"/>
    <s v=""/>
    <x v="0"/>
    <s v="CAD0331018"/>
    <s v="S"/>
    <s v="KY"/>
    <s v="REV"/>
    <s v="974"/>
    <s v="GLBATCH"/>
    <n v="10"/>
    <n v="2016"/>
  </r>
  <r>
    <s v="110"/>
    <d v="2016-10-15T00:00:00"/>
    <x v="3"/>
    <x v="0"/>
    <s v="10828"/>
    <s v="GLNANDA"/>
    <n v="-51349.7"/>
    <n v="-508257"/>
    <s v="Billed Revenues"/>
    <s v="EXV"/>
    <s v="NONBU"/>
    <s v="G0000110"/>
    <s v="N"/>
    <s v="MACSS Dist Billed Revenue-03"/>
    <s v=""/>
    <x v="0"/>
    <s v="CAD0331018"/>
    <s v="S"/>
    <s v="KY"/>
    <s v="REV"/>
    <s v="974"/>
    <s v="GLBATCH"/>
    <n v="10"/>
    <n v="2016"/>
  </r>
  <r>
    <s v="110"/>
    <d v="2016-10-15T00:00:00"/>
    <x v="3"/>
    <x v="0"/>
    <s v="10828"/>
    <s v="GLNANDA"/>
    <n v="0"/>
    <n v="17"/>
    <s v="Billed Revenues"/>
    <s v="EXV"/>
    <s v="NONBU"/>
    <s v="G0000110"/>
    <s v="N"/>
    <s v="MACSS Dist Billed Revenue-03"/>
    <s v=""/>
    <x v="0"/>
    <s v="CAD0331018"/>
    <s v="S"/>
    <s v="KY"/>
    <s v="REV"/>
    <s v="974"/>
    <s v="GLBATCH"/>
    <n v="10"/>
    <n v="2016"/>
  </r>
  <r>
    <s v="110"/>
    <d v="2016-10-15T00:00:00"/>
    <x v="2"/>
    <x v="0"/>
    <s v="10828"/>
    <s v="GLNANDA"/>
    <n v="0"/>
    <n v="1233"/>
    <s v="Billed Revenues"/>
    <s v="EXV"/>
    <s v="NONBU"/>
    <s v="G0000110"/>
    <s v="N"/>
    <s v="MACSS Dist Billed Revenue-03"/>
    <s v=""/>
    <x v="0"/>
    <s v="CAD0331018"/>
    <s v="S"/>
    <s v="KY"/>
    <s v="REV"/>
    <s v="974"/>
    <s v="GLBATCH"/>
    <n v="10"/>
    <n v="2016"/>
  </r>
  <r>
    <s v="110"/>
    <d v="2016-10-15T00:00:00"/>
    <x v="6"/>
    <x v="0"/>
    <s v="10828"/>
    <s v="GLNANDA"/>
    <n v="-2047.55"/>
    <n v="-15424"/>
    <s v="Billed Revenues"/>
    <s v="EXV"/>
    <s v="NONBU"/>
    <s v="G0000110"/>
    <s v="N"/>
    <s v="MACSS Dist Billed Revenue-03"/>
    <s v=""/>
    <x v="0"/>
    <s v="CAD0331018"/>
    <s v="S"/>
    <s v="KY"/>
    <s v="REV"/>
    <s v="974"/>
    <s v="GLBATCH"/>
    <n v="10"/>
    <n v="2016"/>
  </r>
  <r>
    <s v="110"/>
    <d v="2016-10-15T00:00:00"/>
    <x v="4"/>
    <x v="0"/>
    <s v="10828"/>
    <s v="GLNANDA"/>
    <n v="0"/>
    <n v="4184"/>
    <s v="Billed Revenues"/>
    <s v="EXV"/>
    <s v="NONBU"/>
    <s v="G0000110"/>
    <s v="N"/>
    <s v="MACSS Dist Billed Revenue-03"/>
    <s v=""/>
    <x v="0"/>
    <s v="CAD0331018"/>
    <s v="S"/>
    <s v="KY"/>
    <s v="REV"/>
    <s v="974"/>
    <s v="GLBATCH"/>
    <n v="10"/>
    <n v="2016"/>
  </r>
  <r>
    <s v="110"/>
    <d v="2016-10-15T00:00:00"/>
    <x v="4"/>
    <x v="0"/>
    <s v="10828"/>
    <s v="GLNANDA"/>
    <n v="-482806.01"/>
    <n v="-3867155"/>
    <s v="Billed Revenues"/>
    <s v="EXV"/>
    <s v="NONBU"/>
    <s v="G0000110"/>
    <s v="N"/>
    <s v="MACSS Dist Billed Revenue-03"/>
    <s v=""/>
    <x v="0"/>
    <s v="CAD0331018"/>
    <s v="S"/>
    <s v="KY"/>
    <s v="REV"/>
    <s v="974"/>
    <s v="GLBATCH"/>
    <n v="10"/>
    <n v="2016"/>
  </r>
  <r>
    <s v="110"/>
    <d v="2016-10-15T00:00:00"/>
    <x v="1"/>
    <x v="0"/>
    <s v="10828"/>
    <s v="GLNANDA"/>
    <n v="-191611.68"/>
    <n v="-1481503"/>
    <s v="Billed Revenues"/>
    <s v="EXV"/>
    <s v="NONBU"/>
    <s v="G0000110"/>
    <s v="N"/>
    <s v="MACSS Dist Billed Revenue-03"/>
    <s v=""/>
    <x v="0"/>
    <s v="CAD0331018"/>
    <s v="S"/>
    <s v="KY"/>
    <s v="REV"/>
    <s v="974"/>
    <s v="GLBATCH"/>
    <n v="10"/>
    <n v="2016"/>
  </r>
  <r>
    <s v="110"/>
    <d v="2016-10-15T00:00:00"/>
    <x v="0"/>
    <x v="0"/>
    <s v="10828"/>
    <s v="GLNANDA"/>
    <n v="-248345.83"/>
    <n v="-2960338"/>
    <s v="Billed Revenues"/>
    <s v="EXV"/>
    <s v="NONBU"/>
    <s v="G0000110"/>
    <s v="N"/>
    <s v="MACSS Dist Billed Revenue-03"/>
    <s v=""/>
    <x v="0"/>
    <s v="CAD0331018"/>
    <s v="S"/>
    <s v="KY"/>
    <s v="REV"/>
    <s v="974"/>
    <s v="GLBATCH"/>
    <n v="10"/>
    <n v="2016"/>
  </r>
  <r>
    <s v="110"/>
    <d v="2016-10-15T00:00:00"/>
    <x v="4"/>
    <x v="0"/>
    <s v="10828"/>
    <s v="GLNANDA"/>
    <n v="0"/>
    <n v="3534"/>
    <s v="Billed Revenues"/>
    <s v="EXV"/>
    <s v="NONBU"/>
    <s v="G0000110"/>
    <s v="N"/>
    <s v="MACSS Dist Billed Revenue-03"/>
    <s v=""/>
    <x v="0"/>
    <s v="CAD0331019"/>
    <s v="S"/>
    <s v="KY"/>
    <s v="REV"/>
    <s v="974"/>
    <s v="GLBATCH"/>
    <n v="10"/>
    <n v="2016"/>
  </r>
  <r>
    <s v="110"/>
    <d v="2016-10-15T00:00:00"/>
    <x v="4"/>
    <x v="0"/>
    <s v="10828"/>
    <s v="GLNANDA"/>
    <n v="-409355.69"/>
    <n v="-3273131"/>
    <s v="Billed Revenues"/>
    <s v="EXV"/>
    <s v="NONBU"/>
    <s v="G0000110"/>
    <s v="N"/>
    <s v="MACSS Dist Billed Revenue-03"/>
    <s v=""/>
    <x v="0"/>
    <s v="CAD0331019"/>
    <s v="S"/>
    <s v="KY"/>
    <s v="REV"/>
    <s v="974"/>
    <s v="GLBATCH"/>
    <n v="10"/>
    <n v="2016"/>
  </r>
  <r>
    <s v="110"/>
    <d v="2016-10-15T00:00:00"/>
    <x v="1"/>
    <x v="0"/>
    <s v="10828"/>
    <s v="GLNANDA"/>
    <n v="0"/>
    <n v="1875"/>
    <s v="Billed Revenues"/>
    <s v="EXV"/>
    <s v="NONBU"/>
    <s v="G0000110"/>
    <s v="N"/>
    <s v="MACSS Dist Billed Revenue-03"/>
    <s v=""/>
    <x v="0"/>
    <s v="CAD0331019"/>
    <s v="S"/>
    <s v="KY"/>
    <s v="REV"/>
    <s v="974"/>
    <s v="GLBATCH"/>
    <n v="10"/>
    <n v="2016"/>
  </r>
  <r>
    <s v="110"/>
    <d v="2016-10-15T00:00:00"/>
    <x v="1"/>
    <x v="0"/>
    <s v="10828"/>
    <s v="GLNANDA"/>
    <n v="-176924.1"/>
    <n v="-1360444"/>
    <s v="Billed Revenues"/>
    <s v="EXV"/>
    <s v="NONBU"/>
    <s v="G0000110"/>
    <s v="N"/>
    <s v="MACSS Dist Billed Revenue-03"/>
    <s v=""/>
    <x v="0"/>
    <s v="CAD0331019"/>
    <s v="S"/>
    <s v="KY"/>
    <s v="REV"/>
    <s v="974"/>
    <s v="GLBATCH"/>
    <n v="10"/>
    <n v="2016"/>
  </r>
  <r>
    <s v="110"/>
    <d v="2016-10-15T00:00:00"/>
    <x v="0"/>
    <x v="0"/>
    <s v="10828"/>
    <s v="GLNANDA"/>
    <n v="0"/>
    <n v="48"/>
    <s v="Billed Revenues"/>
    <s v="EXV"/>
    <s v="NONBU"/>
    <s v="G0000110"/>
    <s v="N"/>
    <s v="MACSS Dist Billed Revenue-03"/>
    <s v=""/>
    <x v="0"/>
    <s v="CAD0331019"/>
    <s v="S"/>
    <s v="KY"/>
    <s v="REV"/>
    <s v="974"/>
    <s v="GLBATCH"/>
    <n v="10"/>
    <n v="2016"/>
  </r>
  <r>
    <s v="110"/>
    <d v="2016-10-15T00:00:00"/>
    <x v="0"/>
    <x v="0"/>
    <s v="10828"/>
    <s v="GLNANDA"/>
    <n v="-25105.33"/>
    <n v="-216618"/>
    <s v="Billed Revenues"/>
    <s v="EXV"/>
    <s v="NONBU"/>
    <s v="G0000110"/>
    <s v="N"/>
    <s v="MACSS Dist Billed Revenue-03"/>
    <s v=""/>
    <x v="0"/>
    <s v="CAD0331019"/>
    <s v="S"/>
    <s v="KY"/>
    <s v="REV"/>
    <s v="974"/>
    <s v="GLBATCH"/>
    <n v="10"/>
    <n v="2016"/>
  </r>
  <r>
    <s v="110"/>
    <d v="2016-10-15T00:00:00"/>
    <x v="2"/>
    <x v="0"/>
    <s v="10828"/>
    <s v="GLNANDA"/>
    <n v="0"/>
    <n v="1015"/>
    <s v="Billed Revenues"/>
    <s v="EXV"/>
    <s v="NONBU"/>
    <s v="G0000110"/>
    <s v="N"/>
    <s v="MACSS Dist Billed Revenue-03"/>
    <s v=""/>
    <x v="0"/>
    <s v="CAD0331019"/>
    <s v="S"/>
    <s v="KY"/>
    <s v="REV"/>
    <s v="974"/>
    <s v="GLBATCH"/>
    <n v="10"/>
    <n v="2016"/>
  </r>
  <r>
    <s v="110"/>
    <d v="2016-10-15T00:00:00"/>
    <x v="2"/>
    <x v="0"/>
    <s v="10828"/>
    <s v="GLNANDA"/>
    <n v="-218388.72"/>
    <n v="-1658013"/>
    <s v="Billed Revenues"/>
    <s v="EXV"/>
    <s v="NONBU"/>
    <s v="G0000110"/>
    <s v="N"/>
    <s v="MACSS Dist Billed Revenue-03"/>
    <s v=""/>
    <x v="0"/>
    <s v="CAD0331019"/>
    <s v="S"/>
    <s v="KY"/>
    <s v="REV"/>
    <s v="974"/>
    <s v="GLBATCH"/>
    <n v="10"/>
    <n v="2016"/>
  </r>
  <r>
    <s v="110"/>
    <d v="2016-10-15T00:00:00"/>
    <x v="3"/>
    <x v="0"/>
    <s v="10828"/>
    <s v="GLNANDA"/>
    <n v="0"/>
    <n v="8"/>
    <s v="Billed Revenues"/>
    <s v="EXV"/>
    <s v="NONBU"/>
    <s v="G0000110"/>
    <s v="N"/>
    <s v="MACSS Dist Billed Revenue-03"/>
    <s v=""/>
    <x v="0"/>
    <s v="CAD0331019"/>
    <s v="S"/>
    <s v="KY"/>
    <s v="REV"/>
    <s v="974"/>
    <s v="GLBATCH"/>
    <n v="10"/>
    <n v="2016"/>
  </r>
  <r>
    <s v="110"/>
    <d v="2016-10-15T00:00:00"/>
    <x v="3"/>
    <x v="0"/>
    <s v="10828"/>
    <s v="GLNANDA"/>
    <n v="-34375.72"/>
    <n v="-273020"/>
    <s v="Billed Revenues"/>
    <s v="EXV"/>
    <s v="NONBU"/>
    <s v="G0000110"/>
    <s v="N"/>
    <s v="MACSS Dist Billed Revenue-03"/>
    <s v=""/>
    <x v="0"/>
    <s v="CAD0331019"/>
    <s v="S"/>
    <s v="KY"/>
    <s v="REV"/>
    <s v="974"/>
    <s v="GLBATCH"/>
    <n v="10"/>
    <n v="2016"/>
  </r>
  <r>
    <s v="110"/>
    <d v="2016-10-15T00:00:00"/>
    <x v="5"/>
    <x v="0"/>
    <s v="10828"/>
    <s v="GLNANDA"/>
    <n v="0"/>
    <n v="124"/>
    <s v="Billed Revenues"/>
    <s v="EXV"/>
    <s v="NONBU"/>
    <s v="G0000110"/>
    <s v="N"/>
    <s v="MACSS Dist Billed Revenue-03"/>
    <s v=""/>
    <x v="0"/>
    <s v="CAD0331019"/>
    <s v="S"/>
    <s v="KY"/>
    <s v="REV"/>
    <s v="974"/>
    <s v="GLBATCH"/>
    <n v="10"/>
    <n v="2016"/>
  </r>
  <r>
    <s v="110"/>
    <d v="2016-10-15T00:00:00"/>
    <x v="7"/>
    <x v="0"/>
    <s v="10828"/>
    <s v="GLNANDA"/>
    <n v="0"/>
    <n v="18"/>
    <s v="Billed Revenues"/>
    <s v="EXV"/>
    <s v="NONBU"/>
    <s v="G0000110"/>
    <s v="N"/>
    <s v="MACSS Dist Billed Revenue-03"/>
    <s v=""/>
    <x v="0"/>
    <s v="CAD0331019"/>
    <s v="S"/>
    <s v="KY"/>
    <s v="REV"/>
    <s v="974"/>
    <s v="GLBATCH"/>
    <n v="10"/>
    <n v="2016"/>
  </r>
  <r>
    <s v="110"/>
    <d v="2016-10-15T00:00:00"/>
    <x v="7"/>
    <x v="0"/>
    <s v="10828"/>
    <s v="GLNANDA"/>
    <n v="-40420.97"/>
    <n v="-308056"/>
    <s v="Billed Revenues"/>
    <s v="EXV"/>
    <s v="NONBU"/>
    <s v="G0000110"/>
    <s v="N"/>
    <s v="MACSS Dist Billed Revenue-03"/>
    <s v=""/>
    <x v="0"/>
    <s v="CAD0331019"/>
    <s v="S"/>
    <s v="KY"/>
    <s v="REV"/>
    <s v="974"/>
    <s v="GLBATCH"/>
    <n v="10"/>
    <n v="2016"/>
  </r>
  <r>
    <s v="110"/>
    <d v="2016-10-15T00:00:00"/>
    <x v="6"/>
    <x v="0"/>
    <s v="10828"/>
    <s v="GLNANDA"/>
    <n v="0"/>
    <n v="8"/>
    <s v="Billed Revenues"/>
    <s v="EXV"/>
    <s v="NONBU"/>
    <s v="G0000110"/>
    <s v="N"/>
    <s v="MACSS Dist Billed Revenue-03"/>
    <s v=""/>
    <x v="0"/>
    <s v="CAD0331019"/>
    <s v="S"/>
    <s v="KY"/>
    <s v="REV"/>
    <s v="974"/>
    <s v="GLBATCH"/>
    <n v="10"/>
    <n v="2016"/>
  </r>
  <r>
    <s v="110"/>
    <d v="2016-10-15T00:00:00"/>
    <x v="6"/>
    <x v="0"/>
    <s v="10828"/>
    <s v="GLNANDA"/>
    <n v="-524.85"/>
    <n v="-3214"/>
    <s v="Billed Revenues"/>
    <s v="EXV"/>
    <s v="NONBU"/>
    <s v="G0000110"/>
    <s v="N"/>
    <s v="MACSS Dist Billed Revenue-03"/>
    <s v=""/>
    <x v="0"/>
    <s v="CAD0331019"/>
    <s v="S"/>
    <s v="KY"/>
    <s v="REV"/>
    <s v="974"/>
    <s v="GLBATCH"/>
    <n v="10"/>
    <n v="2016"/>
  </r>
  <r>
    <s v="110"/>
    <d v="2016-10-15T00:00:00"/>
    <x v="5"/>
    <x v="0"/>
    <s v="10828"/>
    <s v="GLNANDA"/>
    <n v="-73099.08"/>
    <n v="-607324"/>
    <s v="Billed Revenues"/>
    <s v="EXV"/>
    <s v="NONBU"/>
    <s v="G0000110"/>
    <s v="N"/>
    <s v="MACSS Dist Billed Revenue-03"/>
    <s v=""/>
    <x v="0"/>
    <s v="CAD0331019"/>
    <s v="S"/>
    <s v="KY"/>
    <s v="REV"/>
    <s v="974"/>
    <s v="GLBATCH"/>
    <n v="10"/>
    <n v="2016"/>
  </r>
  <r>
    <s v="110"/>
    <d v="2016-10-15T00:00:00"/>
    <x v="6"/>
    <x v="0"/>
    <s v="10828"/>
    <s v="GLNANDA"/>
    <n v="0"/>
    <n v="20"/>
    <s v="Billed Revenues"/>
    <s v="EXV"/>
    <s v="NONBU"/>
    <s v="G0000110"/>
    <s v="N"/>
    <s v="MACSS Dist Billed Revenue-03"/>
    <s v=""/>
    <x v="0"/>
    <s v="CAD0331020"/>
    <s v="S"/>
    <s v="KY"/>
    <s v="REV"/>
    <s v="974"/>
    <s v="GLBATCH"/>
    <n v="10"/>
    <n v="2016"/>
  </r>
  <r>
    <s v="110"/>
    <d v="2016-10-15T00:00:00"/>
    <x v="0"/>
    <x v="0"/>
    <s v="10828"/>
    <s v="GLNANDA"/>
    <n v="0"/>
    <n v="91"/>
    <s v="Billed Revenues"/>
    <s v="EXV"/>
    <s v="NONBU"/>
    <s v="G0000110"/>
    <s v="N"/>
    <s v="MACSS Dist Billed Revenue-03"/>
    <s v=""/>
    <x v="0"/>
    <s v="CAD0331020"/>
    <s v="S"/>
    <s v="KY"/>
    <s v="REV"/>
    <s v="974"/>
    <s v="GLBATCH"/>
    <n v="10"/>
    <n v="2016"/>
  </r>
  <r>
    <s v="110"/>
    <d v="2016-10-15T00:00:00"/>
    <x v="1"/>
    <x v="0"/>
    <s v="10828"/>
    <s v="GLNANDA"/>
    <n v="-225737.85"/>
    <n v="-1735121"/>
    <s v="Billed Revenues"/>
    <s v="EXV"/>
    <s v="NONBU"/>
    <s v="G0000110"/>
    <s v="N"/>
    <s v="MACSS Dist Billed Revenue-03"/>
    <s v=""/>
    <x v="0"/>
    <s v="CAD0331020"/>
    <s v="S"/>
    <s v="KY"/>
    <s v="REV"/>
    <s v="974"/>
    <s v="GLBATCH"/>
    <n v="10"/>
    <n v="2016"/>
  </r>
  <r>
    <s v="110"/>
    <d v="2016-10-15T00:00:00"/>
    <x v="1"/>
    <x v="0"/>
    <s v="10828"/>
    <s v="GLNANDA"/>
    <n v="0"/>
    <n v="2555"/>
    <s v="Billed Revenues"/>
    <s v="EXV"/>
    <s v="NONBU"/>
    <s v="G0000110"/>
    <s v="N"/>
    <s v="MACSS Dist Billed Revenue-03"/>
    <s v=""/>
    <x v="0"/>
    <s v="CAD0331020"/>
    <s v="S"/>
    <s v="KY"/>
    <s v="REV"/>
    <s v="974"/>
    <s v="GLBATCH"/>
    <n v="10"/>
    <n v="2016"/>
  </r>
  <r>
    <s v="110"/>
    <d v="2016-10-15T00:00:00"/>
    <x v="2"/>
    <x v="0"/>
    <s v="10828"/>
    <s v="GLNANDA"/>
    <n v="-297225.84000000003"/>
    <n v="-2235711"/>
    <s v="Billed Revenues"/>
    <s v="EXV"/>
    <s v="NONBU"/>
    <s v="G0000110"/>
    <s v="N"/>
    <s v="MACSS Dist Billed Revenue-03"/>
    <s v=""/>
    <x v="0"/>
    <s v="CAD0331020"/>
    <s v="S"/>
    <s v="KY"/>
    <s v="REV"/>
    <s v="974"/>
    <s v="GLBATCH"/>
    <n v="10"/>
    <n v="2016"/>
  </r>
  <r>
    <s v="110"/>
    <d v="2016-10-15T00:00:00"/>
    <x v="2"/>
    <x v="0"/>
    <s v="10828"/>
    <s v="GLNANDA"/>
    <n v="0"/>
    <n v="1251"/>
    <s v="Billed Revenues"/>
    <s v="EXV"/>
    <s v="NONBU"/>
    <s v="G0000110"/>
    <s v="N"/>
    <s v="MACSS Dist Billed Revenue-03"/>
    <s v=""/>
    <x v="0"/>
    <s v="CAD0331020"/>
    <s v="S"/>
    <s v="KY"/>
    <s v="REV"/>
    <s v="974"/>
    <s v="GLBATCH"/>
    <n v="10"/>
    <n v="2016"/>
  </r>
  <r>
    <s v="110"/>
    <d v="2016-10-15T00:00:00"/>
    <x v="4"/>
    <x v="0"/>
    <s v="10828"/>
    <s v="GLNANDA"/>
    <n v="-422377.03"/>
    <n v="-3340436"/>
    <s v="Billed Revenues"/>
    <s v="EXV"/>
    <s v="NONBU"/>
    <s v="G0000110"/>
    <s v="N"/>
    <s v="MACSS Dist Billed Revenue-03"/>
    <s v=""/>
    <x v="0"/>
    <s v="CAD0331020"/>
    <s v="S"/>
    <s v="KY"/>
    <s v="REV"/>
    <s v="974"/>
    <s v="GLBATCH"/>
    <n v="10"/>
    <n v="2016"/>
  </r>
  <r>
    <s v="110"/>
    <d v="2016-10-15T00:00:00"/>
    <x v="4"/>
    <x v="0"/>
    <s v="10828"/>
    <s v="GLNANDA"/>
    <n v="0"/>
    <n v="4050"/>
    <s v="Billed Revenues"/>
    <s v="EXV"/>
    <s v="NONBU"/>
    <s v="G0000110"/>
    <s v="N"/>
    <s v="MACSS Dist Billed Revenue-03"/>
    <s v=""/>
    <x v="0"/>
    <s v="CAD0331020"/>
    <s v="S"/>
    <s v="KY"/>
    <s v="REV"/>
    <s v="974"/>
    <s v="GLBATCH"/>
    <n v="10"/>
    <n v="2016"/>
  </r>
  <r>
    <s v="110"/>
    <d v="2016-10-15T00:00:00"/>
    <x v="0"/>
    <x v="0"/>
    <s v="10828"/>
    <s v="GLNANDA"/>
    <n v="-20749.91"/>
    <n v="-158428"/>
    <s v="Billed Revenues"/>
    <s v="EXV"/>
    <s v="NONBU"/>
    <s v="G0000110"/>
    <s v="N"/>
    <s v="MACSS Dist Billed Revenue-03"/>
    <s v=""/>
    <x v="0"/>
    <s v="CAD0331020"/>
    <s v="S"/>
    <s v="KY"/>
    <s v="REV"/>
    <s v="974"/>
    <s v="GLBATCH"/>
    <n v="10"/>
    <n v="2016"/>
  </r>
  <r>
    <s v="110"/>
    <d v="2016-10-15T00:00:00"/>
    <x v="6"/>
    <x v="0"/>
    <s v="10828"/>
    <s v="GLNANDA"/>
    <n v="-1043.7"/>
    <n v="-3562"/>
    <s v="Billed Revenues"/>
    <s v="EXV"/>
    <s v="NONBU"/>
    <s v="G0000110"/>
    <s v="N"/>
    <s v="MACSS Dist Billed Revenue-03"/>
    <s v=""/>
    <x v="0"/>
    <s v="CAD0331020"/>
    <s v="S"/>
    <s v="KY"/>
    <s v="REV"/>
    <s v="974"/>
    <s v="GLBATCH"/>
    <n v="10"/>
    <n v="2016"/>
  </r>
  <r>
    <s v="110"/>
    <d v="2016-10-15T00:00:00"/>
    <x v="7"/>
    <x v="0"/>
    <s v="10828"/>
    <s v="GLNANDA"/>
    <n v="-72928.81"/>
    <n v="-611544"/>
    <s v="Billed Revenues"/>
    <s v="EXV"/>
    <s v="NONBU"/>
    <s v="G0000110"/>
    <s v="N"/>
    <s v="MACSS Dist Billed Revenue-03"/>
    <s v=""/>
    <x v="0"/>
    <s v="CAD0331020"/>
    <s v="S"/>
    <s v="KY"/>
    <s v="REV"/>
    <s v="974"/>
    <s v="GLBATCH"/>
    <n v="10"/>
    <n v="2016"/>
  </r>
  <r>
    <s v="110"/>
    <d v="2016-10-15T00:00:00"/>
    <x v="7"/>
    <x v="0"/>
    <s v="10828"/>
    <s v="GLNANDA"/>
    <n v="0"/>
    <n v="43"/>
    <s v="Billed Revenues"/>
    <s v="EXV"/>
    <s v="NONBU"/>
    <s v="G0000110"/>
    <s v="N"/>
    <s v="MACSS Dist Billed Revenue-03"/>
    <s v=""/>
    <x v="0"/>
    <s v="CAD0331020"/>
    <s v="S"/>
    <s v="KY"/>
    <s v="REV"/>
    <s v="974"/>
    <s v="GLBATCH"/>
    <n v="10"/>
    <n v="2016"/>
  </r>
  <r>
    <s v="110"/>
    <d v="2016-10-15T00:00:00"/>
    <x v="3"/>
    <x v="0"/>
    <s v="10828"/>
    <s v="GLNANDA"/>
    <n v="-43214.52"/>
    <n v="-382798"/>
    <s v="Billed Revenues"/>
    <s v="EXV"/>
    <s v="NONBU"/>
    <s v="G0000110"/>
    <s v="N"/>
    <s v="MACSS Dist Billed Revenue-03"/>
    <s v=""/>
    <x v="0"/>
    <s v="CAD0331020"/>
    <s v="S"/>
    <s v="KY"/>
    <s v="REV"/>
    <s v="974"/>
    <s v="GLBATCH"/>
    <n v="10"/>
    <n v="2016"/>
  </r>
  <r>
    <s v="110"/>
    <d v="2016-10-15T00:00:00"/>
    <x v="3"/>
    <x v="0"/>
    <s v="10828"/>
    <s v="GLNANDA"/>
    <n v="0"/>
    <n v="8"/>
    <s v="Billed Revenues"/>
    <s v="EXV"/>
    <s v="NONBU"/>
    <s v="G0000110"/>
    <s v="N"/>
    <s v="MACSS Dist Billed Revenue-03"/>
    <s v=""/>
    <x v="0"/>
    <s v="CAD0331020"/>
    <s v="S"/>
    <s v="KY"/>
    <s v="REV"/>
    <s v="974"/>
    <s v="GLBATCH"/>
    <n v="10"/>
    <n v="2016"/>
  </r>
  <r>
    <s v="110"/>
    <d v="2016-10-15T00:00:00"/>
    <x v="5"/>
    <x v="0"/>
    <s v="10828"/>
    <s v="GLNANDA"/>
    <n v="-83924.64"/>
    <n v="-679201"/>
    <s v="Billed Revenues"/>
    <s v="EXV"/>
    <s v="NONBU"/>
    <s v="G0000110"/>
    <s v="N"/>
    <s v="MACSS Dist Billed Revenue-03"/>
    <s v=""/>
    <x v="0"/>
    <s v="CAD0331020"/>
    <s v="S"/>
    <s v="KY"/>
    <s v="REV"/>
    <s v="974"/>
    <s v="GLBATCH"/>
    <n v="10"/>
    <n v="2016"/>
  </r>
  <r>
    <s v="110"/>
    <d v="2016-10-15T00:00:00"/>
    <x v="5"/>
    <x v="0"/>
    <s v="10828"/>
    <s v="GLNANDA"/>
    <n v="0"/>
    <n v="187"/>
    <s v="Billed Revenues"/>
    <s v="EXV"/>
    <s v="NONBU"/>
    <s v="G0000110"/>
    <s v="N"/>
    <s v="MACSS Dist Billed Revenue-03"/>
    <s v=""/>
    <x v="0"/>
    <s v="CAD0331020"/>
    <s v="S"/>
    <s v="KY"/>
    <s v="REV"/>
    <s v="974"/>
    <s v="GLBATCH"/>
    <n v="10"/>
    <n v="2016"/>
  </r>
  <r>
    <s v="110"/>
    <d v="2016-10-15T00:00:00"/>
    <x v="0"/>
    <x v="0"/>
    <s v="10828"/>
    <s v="GLNANDA"/>
    <n v="-12654.23"/>
    <n v="-72142"/>
    <s v="Billed Revenues"/>
    <s v="EXV"/>
    <s v="NONBU"/>
    <s v="G0000110"/>
    <s v="N"/>
    <s v="MACSS Dist Billed Revenue-03"/>
    <s v=""/>
    <x v="0"/>
    <s v="CAD0331021"/>
    <s v="S"/>
    <s v="KY"/>
    <s v="REV"/>
    <s v="974"/>
    <s v="GLBATCH"/>
    <n v="10"/>
    <n v="2016"/>
  </r>
  <r>
    <s v="110"/>
    <d v="2016-10-15T00:00:00"/>
    <x v="5"/>
    <x v="0"/>
    <s v="10828"/>
    <s v="GLNANDA"/>
    <n v="0"/>
    <n v="134"/>
    <s v="Billed Revenues"/>
    <s v="EXV"/>
    <s v="NONBU"/>
    <s v="G0000110"/>
    <s v="N"/>
    <s v="MACSS Dist Billed Revenue-03"/>
    <s v=""/>
    <x v="0"/>
    <s v="CAD0331021"/>
    <s v="S"/>
    <s v="KY"/>
    <s v="REV"/>
    <s v="974"/>
    <s v="GLBATCH"/>
    <n v="10"/>
    <n v="2016"/>
  </r>
  <r>
    <s v="110"/>
    <d v="2016-10-15T00:00:00"/>
    <x v="6"/>
    <x v="0"/>
    <s v="10828"/>
    <s v="GLNANDA"/>
    <n v="0"/>
    <n v="9"/>
    <s v="Billed Revenues"/>
    <s v="EXV"/>
    <s v="NONBU"/>
    <s v="G0000110"/>
    <s v="N"/>
    <s v="MACSS Dist Billed Revenue-03"/>
    <s v=""/>
    <x v="0"/>
    <s v="CAD0331021"/>
    <s v="S"/>
    <s v="KY"/>
    <s v="REV"/>
    <s v="974"/>
    <s v="GLBATCH"/>
    <n v="10"/>
    <n v="2016"/>
  </r>
  <r>
    <s v="110"/>
    <d v="2016-10-15T00:00:00"/>
    <x v="0"/>
    <x v="0"/>
    <s v="10828"/>
    <s v="GLNANDA"/>
    <n v="0"/>
    <n v="34"/>
    <s v="Billed Revenues"/>
    <s v="EXV"/>
    <s v="NONBU"/>
    <s v="G0000110"/>
    <s v="N"/>
    <s v="MACSS Dist Billed Revenue-03"/>
    <s v=""/>
    <x v="0"/>
    <s v="CAD0331021"/>
    <s v="S"/>
    <s v="KY"/>
    <s v="REV"/>
    <s v="974"/>
    <s v="GLBATCH"/>
    <n v="10"/>
    <n v="2016"/>
  </r>
  <r>
    <s v="110"/>
    <d v="2016-10-15T00:00:00"/>
    <x v="2"/>
    <x v="0"/>
    <s v="10828"/>
    <s v="GLNANDA"/>
    <n v="-214768.08"/>
    <n v="-1562940"/>
    <s v="Billed Revenues"/>
    <s v="EXV"/>
    <s v="NONBU"/>
    <s v="G0000110"/>
    <s v="N"/>
    <s v="MACSS Dist Billed Revenue-03"/>
    <s v=""/>
    <x v="0"/>
    <s v="CAD0331021"/>
    <s v="S"/>
    <s v="KY"/>
    <s v="REV"/>
    <s v="974"/>
    <s v="GLBATCH"/>
    <n v="10"/>
    <n v="2016"/>
  </r>
  <r>
    <s v="110"/>
    <d v="2016-10-15T00:00:00"/>
    <x v="2"/>
    <x v="0"/>
    <s v="10828"/>
    <s v="GLNANDA"/>
    <n v="0"/>
    <n v="1079"/>
    <s v="Billed Revenues"/>
    <s v="EXV"/>
    <s v="NONBU"/>
    <s v="G0000110"/>
    <s v="N"/>
    <s v="MACSS Dist Billed Revenue-03"/>
    <s v=""/>
    <x v="0"/>
    <s v="CAD0331021"/>
    <s v="S"/>
    <s v="KY"/>
    <s v="REV"/>
    <s v="974"/>
    <s v="GLBATCH"/>
    <n v="10"/>
    <n v="2016"/>
  </r>
  <r>
    <s v="110"/>
    <d v="2016-10-15T00:00:00"/>
    <x v="7"/>
    <x v="0"/>
    <s v="10828"/>
    <s v="GLNANDA"/>
    <n v="-111550.99"/>
    <n v="-953357"/>
    <s v="Billed Revenues"/>
    <s v="EXV"/>
    <s v="NONBU"/>
    <s v="G0000110"/>
    <s v="N"/>
    <s v="MACSS Dist Billed Revenue-03"/>
    <s v=""/>
    <x v="0"/>
    <s v="CAD0331021"/>
    <s v="S"/>
    <s v="KY"/>
    <s v="REV"/>
    <s v="974"/>
    <s v="GLBATCH"/>
    <n v="10"/>
    <n v="2016"/>
  </r>
  <r>
    <s v="110"/>
    <d v="2016-10-15T00:00:00"/>
    <x v="7"/>
    <x v="0"/>
    <s v="10828"/>
    <s v="GLNANDA"/>
    <n v="0"/>
    <n v="47"/>
    <s v="Billed Revenues"/>
    <s v="EXV"/>
    <s v="NONBU"/>
    <s v="G0000110"/>
    <s v="N"/>
    <s v="MACSS Dist Billed Revenue-03"/>
    <s v=""/>
    <x v="0"/>
    <s v="CAD0331021"/>
    <s v="S"/>
    <s v="KY"/>
    <s v="REV"/>
    <s v="974"/>
    <s v="GLBATCH"/>
    <n v="10"/>
    <n v="2016"/>
  </r>
  <r>
    <s v="110"/>
    <d v="2016-10-15T00:00:00"/>
    <x v="1"/>
    <x v="0"/>
    <s v="10828"/>
    <s v="GLNANDA"/>
    <n v="-230472.03"/>
    <n v="-1784055"/>
    <s v="Billed Revenues"/>
    <s v="EXV"/>
    <s v="NONBU"/>
    <s v="G0000110"/>
    <s v="N"/>
    <s v="MACSS Dist Billed Revenue-03"/>
    <s v=""/>
    <x v="0"/>
    <s v="CAD0331021"/>
    <s v="S"/>
    <s v="KY"/>
    <s v="REV"/>
    <s v="974"/>
    <s v="GLBATCH"/>
    <n v="10"/>
    <n v="2016"/>
  </r>
  <r>
    <s v="110"/>
    <d v="2016-10-15T00:00:00"/>
    <x v="1"/>
    <x v="0"/>
    <s v="10828"/>
    <s v="GLNANDA"/>
    <n v="0"/>
    <n v="2501"/>
    <s v="Billed Revenues"/>
    <s v="EXV"/>
    <s v="NONBU"/>
    <s v="G0000110"/>
    <s v="N"/>
    <s v="MACSS Dist Billed Revenue-03"/>
    <s v=""/>
    <x v="0"/>
    <s v="CAD0331021"/>
    <s v="S"/>
    <s v="KY"/>
    <s v="REV"/>
    <s v="974"/>
    <s v="GLBATCH"/>
    <n v="10"/>
    <n v="2016"/>
  </r>
  <r>
    <s v="110"/>
    <d v="2016-10-15T00:00:00"/>
    <x v="3"/>
    <x v="0"/>
    <s v="10828"/>
    <s v="GLNANDA"/>
    <n v="-270149.76000000001"/>
    <n v="-3338574"/>
    <s v="Billed Revenues"/>
    <s v="EXV"/>
    <s v="NONBU"/>
    <s v="G0000110"/>
    <s v="N"/>
    <s v="MACSS Dist Billed Revenue-03"/>
    <s v=""/>
    <x v="0"/>
    <s v="CAD0331021"/>
    <s v="S"/>
    <s v="KY"/>
    <s v="REV"/>
    <s v="974"/>
    <s v="GLBATCH"/>
    <n v="10"/>
    <n v="2016"/>
  </r>
  <r>
    <s v="110"/>
    <d v="2016-10-15T00:00:00"/>
    <x v="3"/>
    <x v="0"/>
    <s v="10828"/>
    <s v="GLNANDA"/>
    <n v="0"/>
    <n v="12"/>
    <s v="Billed Revenues"/>
    <s v="EXV"/>
    <s v="NONBU"/>
    <s v="G0000110"/>
    <s v="N"/>
    <s v="MACSS Dist Billed Revenue-03"/>
    <s v=""/>
    <x v="0"/>
    <s v="CAD0331021"/>
    <s v="S"/>
    <s v="KY"/>
    <s v="REV"/>
    <s v="974"/>
    <s v="GLBATCH"/>
    <n v="10"/>
    <n v="2016"/>
  </r>
  <r>
    <s v="110"/>
    <d v="2016-10-15T00:00:00"/>
    <x v="4"/>
    <x v="0"/>
    <s v="10828"/>
    <s v="GLNANDA"/>
    <n v="-415424.43"/>
    <n v="-3298059"/>
    <s v="Billed Revenues"/>
    <s v="EXV"/>
    <s v="NONBU"/>
    <s v="G0000110"/>
    <s v="N"/>
    <s v="MACSS Dist Billed Revenue-03"/>
    <s v=""/>
    <x v="0"/>
    <s v="CAD0331021"/>
    <s v="S"/>
    <s v="KY"/>
    <s v="REV"/>
    <s v="974"/>
    <s v="GLBATCH"/>
    <n v="10"/>
    <n v="2016"/>
  </r>
  <r>
    <s v="110"/>
    <d v="2016-10-15T00:00:00"/>
    <x v="4"/>
    <x v="0"/>
    <s v="10828"/>
    <s v="GLNANDA"/>
    <n v="0"/>
    <n v="3871"/>
    <s v="Billed Revenues"/>
    <s v="EXV"/>
    <s v="NONBU"/>
    <s v="G0000110"/>
    <s v="N"/>
    <s v="MACSS Dist Billed Revenue-03"/>
    <s v=""/>
    <x v="0"/>
    <s v="CAD0331021"/>
    <s v="S"/>
    <s v="KY"/>
    <s v="REV"/>
    <s v="974"/>
    <s v="GLBATCH"/>
    <n v="10"/>
    <n v="2016"/>
  </r>
  <r>
    <s v="110"/>
    <d v="2016-10-15T00:00:00"/>
    <x v="5"/>
    <x v="0"/>
    <s v="10828"/>
    <s v="GLNANDA"/>
    <n v="-71352.479999999996"/>
    <n v="-587371"/>
    <s v="Billed Revenues"/>
    <s v="EXV"/>
    <s v="NONBU"/>
    <s v="G0000110"/>
    <s v="N"/>
    <s v="MACSS Dist Billed Revenue-03"/>
    <s v=""/>
    <x v="0"/>
    <s v="CAD0331021"/>
    <s v="S"/>
    <s v="KY"/>
    <s v="REV"/>
    <s v="974"/>
    <s v="GLBATCH"/>
    <n v="10"/>
    <n v="2016"/>
  </r>
  <r>
    <s v="110"/>
    <d v="2016-10-15T00:00:00"/>
    <x v="6"/>
    <x v="0"/>
    <s v="10828"/>
    <s v="GLNANDA"/>
    <n v="-573.83000000000004"/>
    <n v="-3111"/>
    <s v="Billed Revenues"/>
    <s v="EXV"/>
    <s v="NONBU"/>
    <s v="G0000110"/>
    <s v="N"/>
    <s v="MACSS Dist Billed Revenue-03"/>
    <s v=""/>
    <x v="0"/>
    <s v="CAD0331021"/>
    <s v="S"/>
    <s v="KY"/>
    <s v="REV"/>
    <s v="974"/>
    <s v="GLBATCH"/>
    <n v="10"/>
    <n v="2016"/>
  </r>
  <r>
    <s v="110"/>
    <d v="2016-10-15T00:00:00"/>
    <x v="5"/>
    <x v="0"/>
    <s v="10828"/>
    <s v="GLNANDA"/>
    <n v="0"/>
    <n v="126"/>
    <s v="Billed Revenues"/>
    <s v="EXV"/>
    <s v="NONBU"/>
    <s v="G0000110"/>
    <s v="N"/>
    <s v="MACSS Dist Billed Revenue-03"/>
    <s v=""/>
    <x v="0"/>
    <s v="CAD0331024"/>
    <s v="S"/>
    <s v="KY"/>
    <s v="REV"/>
    <s v="974"/>
    <s v="GLBATCH"/>
    <n v="10"/>
    <n v="2016"/>
  </r>
  <r>
    <s v="110"/>
    <d v="2016-10-15T00:00:00"/>
    <x v="5"/>
    <x v="0"/>
    <s v="10828"/>
    <s v="GLNANDA"/>
    <n v="-43445.74"/>
    <n v="-322545"/>
    <s v="Billed Revenues"/>
    <s v="EXV"/>
    <s v="NONBU"/>
    <s v="G0000110"/>
    <s v="N"/>
    <s v="MACSS Dist Billed Revenue-03"/>
    <s v=""/>
    <x v="0"/>
    <s v="CAD0331024"/>
    <s v="S"/>
    <s v="KY"/>
    <s v="REV"/>
    <s v="974"/>
    <s v="GLBATCH"/>
    <n v="10"/>
    <n v="2016"/>
  </r>
  <r>
    <s v="110"/>
    <d v="2016-10-15T00:00:00"/>
    <x v="3"/>
    <x v="0"/>
    <s v="10828"/>
    <s v="GLNANDA"/>
    <n v="0"/>
    <n v="14"/>
    <s v="Billed Revenues"/>
    <s v="EXV"/>
    <s v="NONBU"/>
    <s v="G0000110"/>
    <s v="N"/>
    <s v="MACSS Dist Billed Revenue-03"/>
    <s v=""/>
    <x v="0"/>
    <s v="CAD0331024"/>
    <s v="S"/>
    <s v="KY"/>
    <s v="REV"/>
    <s v="974"/>
    <s v="GLBATCH"/>
    <n v="10"/>
    <n v="2016"/>
  </r>
  <r>
    <s v="110"/>
    <d v="2016-10-15T00:00:00"/>
    <x v="3"/>
    <x v="0"/>
    <s v="10828"/>
    <s v="GLNANDA"/>
    <n v="-322828.53999999998"/>
    <n v="-3999417"/>
    <s v="Billed Revenues"/>
    <s v="EXV"/>
    <s v="NONBU"/>
    <s v="G0000110"/>
    <s v="N"/>
    <s v="MACSS Dist Billed Revenue-03"/>
    <s v=""/>
    <x v="0"/>
    <s v="CAD0331024"/>
    <s v="S"/>
    <s v="KY"/>
    <s v="REV"/>
    <s v="974"/>
    <s v="GLBATCH"/>
    <n v="10"/>
    <n v="2016"/>
  </r>
  <r>
    <s v="110"/>
    <d v="2016-10-15T00:00:00"/>
    <x v="7"/>
    <x v="0"/>
    <s v="10828"/>
    <s v="GLNANDA"/>
    <n v="0"/>
    <n v="34"/>
    <s v="Billed Revenues"/>
    <s v="EXV"/>
    <s v="NONBU"/>
    <s v="G0000110"/>
    <s v="N"/>
    <s v="MACSS Dist Billed Revenue-03"/>
    <s v=""/>
    <x v="0"/>
    <s v="CAD0331024"/>
    <s v="S"/>
    <s v="KY"/>
    <s v="REV"/>
    <s v="974"/>
    <s v="GLBATCH"/>
    <n v="10"/>
    <n v="2016"/>
  </r>
  <r>
    <s v="110"/>
    <d v="2016-10-15T00:00:00"/>
    <x v="7"/>
    <x v="0"/>
    <s v="10828"/>
    <s v="GLNANDA"/>
    <n v="-65378.53"/>
    <n v="-508522"/>
    <s v="Billed Revenues"/>
    <s v="EXV"/>
    <s v="NONBU"/>
    <s v="G0000110"/>
    <s v="N"/>
    <s v="MACSS Dist Billed Revenue-03"/>
    <s v=""/>
    <x v="0"/>
    <s v="CAD0331024"/>
    <s v="S"/>
    <s v="KY"/>
    <s v="REV"/>
    <s v="974"/>
    <s v="GLBATCH"/>
    <n v="10"/>
    <n v="2016"/>
  </r>
  <r>
    <s v="110"/>
    <d v="2016-10-15T00:00:00"/>
    <x v="6"/>
    <x v="0"/>
    <s v="10828"/>
    <s v="GLNANDA"/>
    <n v="0"/>
    <n v="4"/>
    <s v="Billed Revenues"/>
    <s v="EXV"/>
    <s v="NONBU"/>
    <s v="G0000110"/>
    <s v="N"/>
    <s v="MACSS Dist Billed Revenue-03"/>
    <s v=""/>
    <x v="0"/>
    <s v="CAD0331024"/>
    <s v="S"/>
    <s v="KY"/>
    <s v="REV"/>
    <s v="974"/>
    <s v="GLBATCH"/>
    <n v="10"/>
    <n v="2016"/>
  </r>
  <r>
    <s v="110"/>
    <d v="2016-10-15T00:00:00"/>
    <x v="6"/>
    <x v="0"/>
    <s v="10828"/>
    <s v="GLNANDA"/>
    <n v="-793.48"/>
    <n v="-2013"/>
    <s v="Billed Revenues"/>
    <s v="EXV"/>
    <s v="NONBU"/>
    <s v="G0000110"/>
    <s v="N"/>
    <s v="MACSS Dist Billed Revenue-03"/>
    <s v=""/>
    <x v="0"/>
    <s v="CAD0331024"/>
    <s v="S"/>
    <s v="KY"/>
    <s v="REV"/>
    <s v="974"/>
    <s v="GLBATCH"/>
    <n v="10"/>
    <n v="2016"/>
  </r>
  <r>
    <s v="110"/>
    <d v="2016-10-15T00:00:00"/>
    <x v="4"/>
    <x v="0"/>
    <s v="10828"/>
    <s v="GLNANDA"/>
    <n v="0"/>
    <n v="4107"/>
    <s v="Billed Revenues"/>
    <s v="EXV"/>
    <s v="NONBU"/>
    <s v="G0000110"/>
    <s v="N"/>
    <s v="MACSS Dist Billed Revenue-03"/>
    <s v=""/>
    <x v="0"/>
    <s v="CAD0331024"/>
    <s v="S"/>
    <s v="KY"/>
    <s v="REV"/>
    <s v="974"/>
    <s v="GLBATCH"/>
    <n v="10"/>
    <n v="2016"/>
  </r>
  <r>
    <s v="110"/>
    <d v="2016-10-15T00:00:00"/>
    <x v="4"/>
    <x v="0"/>
    <s v="10828"/>
    <s v="GLNANDA"/>
    <n v="-446577.72"/>
    <n v="-3545848"/>
    <s v="Billed Revenues"/>
    <s v="EXV"/>
    <s v="NONBU"/>
    <s v="G0000110"/>
    <s v="N"/>
    <s v="MACSS Dist Billed Revenue-03"/>
    <s v=""/>
    <x v="0"/>
    <s v="CAD0331024"/>
    <s v="S"/>
    <s v="KY"/>
    <s v="REV"/>
    <s v="974"/>
    <s v="GLBATCH"/>
    <n v="10"/>
    <n v="2016"/>
  </r>
  <r>
    <s v="110"/>
    <d v="2016-10-15T00:00:00"/>
    <x v="2"/>
    <x v="0"/>
    <s v="10828"/>
    <s v="GLNANDA"/>
    <n v="0"/>
    <n v="1273"/>
    <s v="Billed Revenues"/>
    <s v="EXV"/>
    <s v="NONBU"/>
    <s v="G0000110"/>
    <s v="N"/>
    <s v="MACSS Dist Billed Revenue-03"/>
    <s v=""/>
    <x v="0"/>
    <s v="CAD0331024"/>
    <s v="S"/>
    <s v="KY"/>
    <s v="REV"/>
    <s v="974"/>
    <s v="GLBATCH"/>
    <n v="10"/>
    <n v="2016"/>
  </r>
  <r>
    <s v="110"/>
    <d v="2016-10-15T00:00:00"/>
    <x v="2"/>
    <x v="0"/>
    <s v="10828"/>
    <s v="GLNANDA"/>
    <n v="-241913.43"/>
    <n v="-1871917"/>
    <s v="Billed Revenues"/>
    <s v="EXV"/>
    <s v="NONBU"/>
    <s v="G0000110"/>
    <s v="N"/>
    <s v="MACSS Dist Billed Revenue-03"/>
    <s v=""/>
    <x v="0"/>
    <s v="CAD0331024"/>
    <s v="S"/>
    <s v="KY"/>
    <s v="REV"/>
    <s v="974"/>
    <s v="GLBATCH"/>
    <n v="10"/>
    <n v="2016"/>
  </r>
  <r>
    <s v="110"/>
    <d v="2016-10-15T00:00:00"/>
    <x v="1"/>
    <x v="0"/>
    <s v="10828"/>
    <s v="GLNANDA"/>
    <n v="0"/>
    <n v="2073"/>
    <s v="Billed Revenues"/>
    <s v="EXV"/>
    <s v="NONBU"/>
    <s v="G0000110"/>
    <s v="N"/>
    <s v="MACSS Dist Billed Revenue-03"/>
    <s v=""/>
    <x v="0"/>
    <s v="CAD0331024"/>
    <s v="S"/>
    <s v="KY"/>
    <s v="REV"/>
    <s v="974"/>
    <s v="GLBATCH"/>
    <n v="10"/>
    <n v="2016"/>
  </r>
  <r>
    <s v="110"/>
    <d v="2016-10-15T00:00:00"/>
    <x v="1"/>
    <x v="0"/>
    <s v="10828"/>
    <s v="GLNANDA"/>
    <n v="-193561.83"/>
    <n v="-1488611"/>
    <s v="Billed Revenues"/>
    <s v="EXV"/>
    <s v="NONBU"/>
    <s v="G0000110"/>
    <s v="N"/>
    <s v="MACSS Dist Billed Revenue-03"/>
    <s v=""/>
    <x v="0"/>
    <s v="CAD0331024"/>
    <s v="S"/>
    <s v="KY"/>
    <s v="REV"/>
    <s v="974"/>
    <s v="GLBATCH"/>
    <n v="10"/>
    <n v="2016"/>
  </r>
  <r>
    <s v="110"/>
    <d v="2016-10-15T00:00:00"/>
    <x v="0"/>
    <x v="0"/>
    <s v="10828"/>
    <s v="GLNANDA"/>
    <n v="0"/>
    <n v="37"/>
    <s v="Billed Revenues"/>
    <s v="EXV"/>
    <s v="NONBU"/>
    <s v="G0000110"/>
    <s v="N"/>
    <s v="MACSS Dist Billed Revenue-03"/>
    <s v=""/>
    <x v="0"/>
    <s v="CAD0331024"/>
    <s v="S"/>
    <s v="KY"/>
    <s v="REV"/>
    <s v="974"/>
    <s v="GLBATCH"/>
    <n v="10"/>
    <n v="2016"/>
  </r>
  <r>
    <s v="110"/>
    <d v="2016-10-15T00:00:00"/>
    <x v="0"/>
    <x v="0"/>
    <s v="10828"/>
    <s v="GLNANDA"/>
    <n v="-323895.46000000002"/>
    <n v="-4949726"/>
    <s v="Billed Revenues"/>
    <s v="EXV"/>
    <s v="NONBU"/>
    <s v="G0000110"/>
    <s v="N"/>
    <s v="MACSS Dist Billed Revenue-03"/>
    <s v=""/>
    <x v="0"/>
    <s v="CAD0331024"/>
    <s v="S"/>
    <s v="KY"/>
    <s v="REV"/>
    <s v="974"/>
    <s v="GLBATCH"/>
    <n v="10"/>
    <n v="2016"/>
  </r>
  <r>
    <s v="110"/>
    <d v="2016-10-15T00:00:00"/>
    <x v="3"/>
    <x v="0"/>
    <s v="10828"/>
    <s v="GLNANDA"/>
    <n v="0"/>
    <n v="23"/>
    <s v="Billed Revenues"/>
    <s v="EXV"/>
    <s v="NONBU"/>
    <s v="G0000110"/>
    <s v="N"/>
    <s v="MACSS Dist Billed Revenue-03"/>
    <s v=""/>
    <x v="0"/>
    <s v="CAD0331025"/>
    <s v="S"/>
    <s v="KY"/>
    <s v="REV"/>
    <s v="974"/>
    <s v="GLBATCH"/>
    <n v="10"/>
    <n v="2016"/>
  </r>
  <r>
    <s v="110"/>
    <d v="2016-10-15T00:00:00"/>
    <x v="0"/>
    <x v="0"/>
    <s v="10828"/>
    <s v="GLNANDA"/>
    <n v="-189335.93"/>
    <n v="-2414414"/>
    <s v="Billed Revenues"/>
    <s v="EXV"/>
    <s v="NONBU"/>
    <s v="G0000110"/>
    <s v="N"/>
    <s v="MACSS Dist Billed Revenue-03"/>
    <s v=""/>
    <x v="0"/>
    <s v="CAD0331025"/>
    <s v="S"/>
    <s v="KY"/>
    <s v="REV"/>
    <s v="974"/>
    <s v="GLBATCH"/>
    <n v="10"/>
    <n v="2016"/>
  </r>
  <r>
    <s v="110"/>
    <d v="2016-10-15T00:00:00"/>
    <x v="5"/>
    <x v="0"/>
    <s v="10828"/>
    <s v="GLNANDA"/>
    <n v="0"/>
    <n v="145"/>
    <s v="Billed Revenues"/>
    <s v="EXV"/>
    <s v="NONBU"/>
    <s v="G0000110"/>
    <s v="N"/>
    <s v="MACSS Dist Billed Revenue-03"/>
    <s v=""/>
    <x v="0"/>
    <s v="CAD0331025"/>
    <s v="S"/>
    <s v="KY"/>
    <s v="REV"/>
    <s v="974"/>
    <s v="GLBATCH"/>
    <n v="10"/>
    <n v="2016"/>
  </r>
  <r>
    <s v="110"/>
    <d v="2016-10-15T00:00:00"/>
    <x v="5"/>
    <x v="0"/>
    <s v="10828"/>
    <s v="GLNANDA"/>
    <n v="-62839.88"/>
    <n v="-482655"/>
    <s v="Billed Revenues"/>
    <s v="EXV"/>
    <s v="NONBU"/>
    <s v="G0000110"/>
    <s v="N"/>
    <s v="MACSS Dist Billed Revenue-03"/>
    <s v=""/>
    <x v="0"/>
    <s v="CAD0331025"/>
    <s v="S"/>
    <s v="KY"/>
    <s v="REV"/>
    <s v="974"/>
    <s v="GLBATCH"/>
    <n v="10"/>
    <n v="2016"/>
  </r>
  <r>
    <s v="110"/>
    <d v="2016-10-15T00:00:00"/>
    <x v="7"/>
    <x v="0"/>
    <s v="10828"/>
    <s v="GLNANDA"/>
    <n v="0"/>
    <n v="31"/>
    <s v="Billed Revenues"/>
    <s v="EXV"/>
    <s v="NONBU"/>
    <s v="G0000110"/>
    <s v="N"/>
    <s v="MACSS Dist Billed Revenue-03"/>
    <s v=""/>
    <x v="0"/>
    <s v="CAD0331025"/>
    <s v="S"/>
    <s v="KY"/>
    <s v="REV"/>
    <s v="974"/>
    <s v="GLBATCH"/>
    <n v="10"/>
    <n v="2016"/>
  </r>
  <r>
    <s v="110"/>
    <d v="2016-10-15T00:00:00"/>
    <x v="7"/>
    <x v="0"/>
    <s v="10828"/>
    <s v="GLNANDA"/>
    <n v="-38821.82"/>
    <n v="-313849"/>
    <s v="Billed Revenues"/>
    <s v="EXV"/>
    <s v="NONBU"/>
    <s v="G0000110"/>
    <s v="N"/>
    <s v="MACSS Dist Billed Revenue-03"/>
    <s v=""/>
    <x v="0"/>
    <s v="CAD0331025"/>
    <s v="S"/>
    <s v="KY"/>
    <s v="REV"/>
    <s v="974"/>
    <s v="GLBATCH"/>
    <n v="10"/>
    <n v="2016"/>
  </r>
  <r>
    <s v="110"/>
    <d v="2016-10-15T00:00:00"/>
    <x v="6"/>
    <x v="0"/>
    <s v="10828"/>
    <s v="GLNANDA"/>
    <n v="0"/>
    <n v="15"/>
    <s v="Billed Revenues"/>
    <s v="EXV"/>
    <s v="NONBU"/>
    <s v="G0000110"/>
    <s v="N"/>
    <s v="MACSS Dist Billed Revenue-03"/>
    <s v=""/>
    <x v="0"/>
    <s v="CAD0331025"/>
    <s v="S"/>
    <s v="KY"/>
    <s v="REV"/>
    <s v="974"/>
    <s v="GLBATCH"/>
    <n v="10"/>
    <n v="2016"/>
  </r>
  <r>
    <s v="110"/>
    <d v="2016-10-15T00:00:00"/>
    <x v="6"/>
    <x v="0"/>
    <s v="10828"/>
    <s v="GLNANDA"/>
    <n v="-740.63"/>
    <n v="-3746"/>
    <s v="Billed Revenues"/>
    <s v="EXV"/>
    <s v="NONBU"/>
    <s v="G0000110"/>
    <s v="N"/>
    <s v="MACSS Dist Billed Revenue-03"/>
    <s v=""/>
    <x v="0"/>
    <s v="CAD0331025"/>
    <s v="S"/>
    <s v="KY"/>
    <s v="REV"/>
    <s v="974"/>
    <s v="GLBATCH"/>
    <n v="10"/>
    <n v="2016"/>
  </r>
  <r>
    <s v="110"/>
    <d v="2016-10-15T00:00:00"/>
    <x v="1"/>
    <x v="0"/>
    <s v="10828"/>
    <s v="GLNANDA"/>
    <n v="0"/>
    <n v="2414"/>
    <s v="Billed Revenues"/>
    <s v="EXV"/>
    <s v="NONBU"/>
    <s v="G0000110"/>
    <s v="N"/>
    <s v="MACSS Dist Billed Revenue-03"/>
    <s v=""/>
    <x v="0"/>
    <s v="CAD0331025"/>
    <s v="S"/>
    <s v="KY"/>
    <s v="REV"/>
    <s v="974"/>
    <s v="GLBATCH"/>
    <n v="10"/>
    <n v="2016"/>
  </r>
  <r>
    <s v="110"/>
    <d v="2016-10-15T00:00:00"/>
    <x v="1"/>
    <x v="0"/>
    <s v="10828"/>
    <s v="GLNANDA"/>
    <n v="-224127.88"/>
    <n v="-1733634"/>
    <s v="Billed Revenues"/>
    <s v="EXV"/>
    <s v="NONBU"/>
    <s v="G0000110"/>
    <s v="N"/>
    <s v="MACSS Dist Billed Revenue-03"/>
    <s v=""/>
    <x v="0"/>
    <s v="CAD0331025"/>
    <s v="S"/>
    <s v="KY"/>
    <s v="REV"/>
    <s v="974"/>
    <s v="GLBATCH"/>
    <n v="10"/>
    <n v="2016"/>
  </r>
  <r>
    <s v="110"/>
    <d v="2016-10-15T00:00:00"/>
    <x v="4"/>
    <x v="0"/>
    <s v="10828"/>
    <s v="GLNANDA"/>
    <n v="0"/>
    <n v="3477"/>
    <s v="Billed Revenues"/>
    <s v="EXV"/>
    <s v="NONBU"/>
    <s v="G0000110"/>
    <s v="N"/>
    <s v="MACSS Dist Billed Revenue-03"/>
    <s v=""/>
    <x v="0"/>
    <s v="CAD0331025"/>
    <s v="S"/>
    <s v="KY"/>
    <s v="REV"/>
    <s v="974"/>
    <s v="GLBATCH"/>
    <n v="10"/>
    <n v="2016"/>
  </r>
  <r>
    <s v="110"/>
    <d v="2016-10-15T00:00:00"/>
    <x v="4"/>
    <x v="0"/>
    <s v="10828"/>
    <s v="GLNANDA"/>
    <n v="-356413.13"/>
    <n v="-2801964"/>
    <s v="Billed Revenues"/>
    <s v="EXV"/>
    <s v="NONBU"/>
    <s v="G0000110"/>
    <s v="N"/>
    <s v="MACSS Dist Billed Revenue-03"/>
    <s v=""/>
    <x v="0"/>
    <s v="CAD0331025"/>
    <s v="S"/>
    <s v="KY"/>
    <s v="REV"/>
    <s v="974"/>
    <s v="GLBATCH"/>
    <n v="10"/>
    <n v="2016"/>
  </r>
  <r>
    <s v="110"/>
    <d v="2016-10-15T00:00:00"/>
    <x v="2"/>
    <x v="0"/>
    <s v="10828"/>
    <s v="GLNANDA"/>
    <n v="0"/>
    <n v="1376"/>
    <s v="Billed Revenues"/>
    <s v="EXV"/>
    <s v="NONBU"/>
    <s v="G0000110"/>
    <s v="N"/>
    <s v="MACSS Dist Billed Revenue-03"/>
    <s v=""/>
    <x v="0"/>
    <s v="CAD0331025"/>
    <s v="S"/>
    <s v="KY"/>
    <s v="REV"/>
    <s v="974"/>
    <s v="GLBATCH"/>
    <n v="10"/>
    <n v="2016"/>
  </r>
  <r>
    <s v="110"/>
    <d v="2016-10-15T00:00:00"/>
    <x v="2"/>
    <x v="0"/>
    <s v="10828"/>
    <s v="GLNANDA"/>
    <n v="-548548.43000000005"/>
    <n v="-4552179"/>
    <s v="Billed Revenues"/>
    <s v="EXV"/>
    <s v="NONBU"/>
    <s v="G0000110"/>
    <s v="N"/>
    <s v="MACSS Dist Billed Revenue-03"/>
    <s v=""/>
    <x v="0"/>
    <s v="CAD0331025"/>
    <s v="S"/>
    <s v="KY"/>
    <s v="REV"/>
    <s v="974"/>
    <s v="GLBATCH"/>
    <n v="10"/>
    <n v="2016"/>
  </r>
  <r>
    <s v="110"/>
    <d v="2016-10-15T00:00:00"/>
    <x v="0"/>
    <x v="0"/>
    <s v="10828"/>
    <s v="GLNANDA"/>
    <n v="0"/>
    <n v="57"/>
    <s v="Billed Revenues"/>
    <s v="EXV"/>
    <s v="NONBU"/>
    <s v="G0000110"/>
    <s v="N"/>
    <s v="MACSS Dist Billed Revenue-03"/>
    <s v=""/>
    <x v="0"/>
    <s v="CAD0331025"/>
    <s v="S"/>
    <s v="KY"/>
    <s v="REV"/>
    <s v="974"/>
    <s v="GLBATCH"/>
    <n v="10"/>
    <n v="2016"/>
  </r>
  <r>
    <s v="110"/>
    <d v="2016-10-15T00:00:00"/>
    <x v="3"/>
    <x v="0"/>
    <s v="10828"/>
    <s v="GLNANDA"/>
    <n v="-277742.46000000002"/>
    <n v="-2927816"/>
    <s v="Billed Revenues"/>
    <s v="EXV"/>
    <s v="NONBU"/>
    <s v="G0000110"/>
    <s v="N"/>
    <s v="MACSS Dist Billed Revenue-03"/>
    <s v=""/>
    <x v="0"/>
    <s v="CAD0331025"/>
    <s v="S"/>
    <s v="KY"/>
    <s v="REV"/>
    <s v="974"/>
    <s v="GLBATCH"/>
    <n v="10"/>
    <n v="2016"/>
  </r>
  <r>
    <s v="110"/>
    <d v="2016-10-15T00:00:00"/>
    <x v="5"/>
    <x v="0"/>
    <s v="10828"/>
    <s v="GLNANDA"/>
    <n v="0"/>
    <n v="200"/>
    <s v="Billed Revenues"/>
    <s v="EXV"/>
    <s v="NONBU"/>
    <s v="G0000110"/>
    <s v="N"/>
    <s v="MACSS Dist Billed Revenue-03"/>
    <s v=""/>
    <x v="0"/>
    <s v="CAD0331026"/>
    <s v="S"/>
    <s v="KY"/>
    <s v="REV"/>
    <s v="974"/>
    <s v="GLBATCH"/>
    <n v="10"/>
    <n v="2016"/>
  </r>
  <r>
    <s v="110"/>
    <d v="2016-10-15T00:00:00"/>
    <x v="0"/>
    <x v="0"/>
    <s v="10828"/>
    <s v="GLNANDA"/>
    <n v="-494508.95"/>
    <n v="-7803817"/>
    <s v="Billed Revenues"/>
    <s v="EXV"/>
    <s v="NONBU"/>
    <s v="G0000110"/>
    <s v="N"/>
    <s v="MACSS Dist Billed Revenue-03"/>
    <s v=""/>
    <x v="0"/>
    <s v="CAD0331026"/>
    <s v="S"/>
    <s v="KY"/>
    <s v="REV"/>
    <s v="974"/>
    <s v="GLBATCH"/>
    <n v="10"/>
    <n v="2016"/>
  </r>
  <r>
    <s v="110"/>
    <d v="2016-10-15T00:00:00"/>
    <x v="3"/>
    <x v="0"/>
    <s v="10828"/>
    <s v="GLNANDA"/>
    <n v="-489661.9"/>
    <n v="-5349236"/>
    <s v="Billed Revenues"/>
    <s v="EXV"/>
    <s v="NONBU"/>
    <s v="G0000110"/>
    <s v="N"/>
    <s v="MACSS Dist Billed Revenue-03"/>
    <s v=""/>
    <x v="0"/>
    <s v="CAD0331026"/>
    <s v="S"/>
    <s v="KY"/>
    <s v="REV"/>
    <s v="974"/>
    <s v="GLBATCH"/>
    <n v="10"/>
    <n v="2016"/>
  </r>
  <r>
    <s v="110"/>
    <d v="2016-10-15T00:00:00"/>
    <x v="5"/>
    <x v="0"/>
    <s v="10828"/>
    <s v="GLNANDA"/>
    <n v="-94455.02"/>
    <n v="-830431"/>
    <s v="Billed Revenues"/>
    <s v="EXV"/>
    <s v="NONBU"/>
    <s v="G0000110"/>
    <s v="N"/>
    <s v="MACSS Dist Billed Revenue-03"/>
    <s v=""/>
    <x v="0"/>
    <s v="CAD0331026"/>
    <s v="S"/>
    <s v="KY"/>
    <s v="REV"/>
    <s v="974"/>
    <s v="GLBATCH"/>
    <n v="10"/>
    <n v="2016"/>
  </r>
  <r>
    <s v="110"/>
    <d v="2016-10-15T00:00:00"/>
    <x v="7"/>
    <x v="0"/>
    <s v="10828"/>
    <s v="GLNANDA"/>
    <n v="0"/>
    <n v="39"/>
    <s v="Billed Revenues"/>
    <s v="EXV"/>
    <s v="NONBU"/>
    <s v="G0000110"/>
    <s v="N"/>
    <s v="MACSS Dist Billed Revenue-03"/>
    <s v=""/>
    <x v="0"/>
    <s v="CAD0331026"/>
    <s v="S"/>
    <s v="KY"/>
    <s v="REV"/>
    <s v="974"/>
    <s v="GLBATCH"/>
    <n v="10"/>
    <n v="2016"/>
  </r>
  <r>
    <s v="110"/>
    <d v="2016-10-15T00:00:00"/>
    <x v="7"/>
    <x v="0"/>
    <s v="10828"/>
    <s v="GLNANDA"/>
    <n v="-92383.28"/>
    <n v="-775751"/>
    <s v="Billed Revenues"/>
    <s v="EXV"/>
    <s v="NONBU"/>
    <s v="G0000110"/>
    <s v="N"/>
    <s v="MACSS Dist Billed Revenue-03"/>
    <s v=""/>
    <x v="0"/>
    <s v="CAD0331026"/>
    <s v="S"/>
    <s v="KY"/>
    <s v="REV"/>
    <s v="974"/>
    <s v="GLBATCH"/>
    <n v="10"/>
    <n v="2016"/>
  </r>
  <r>
    <s v="110"/>
    <d v="2016-10-15T00:00:00"/>
    <x v="6"/>
    <x v="0"/>
    <s v="10828"/>
    <s v="GLNANDA"/>
    <n v="0"/>
    <n v="19"/>
    <s v="Billed Revenues"/>
    <s v="EXV"/>
    <s v="NONBU"/>
    <s v="G0000110"/>
    <s v="N"/>
    <s v="MACSS Dist Billed Revenue-03"/>
    <s v=""/>
    <x v="0"/>
    <s v="CAD0331026"/>
    <s v="S"/>
    <s v="KY"/>
    <s v="REV"/>
    <s v="974"/>
    <s v="GLBATCH"/>
    <n v="10"/>
    <n v="2016"/>
  </r>
  <r>
    <s v="110"/>
    <d v="2016-10-15T00:00:00"/>
    <x v="6"/>
    <x v="0"/>
    <s v="10828"/>
    <s v="GLNANDA"/>
    <n v="-3592.88"/>
    <n v="-24322"/>
    <s v="Billed Revenues"/>
    <s v="EXV"/>
    <s v="NONBU"/>
    <s v="G0000110"/>
    <s v="N"/>
    <s v="MACSS Dist Billed Revenue-03"/>
    <s v=""/>
    <x v="0"/>
    <s v="CAD0331026"/>
    <s v="S"/>
    <s v="KY"/>
    <s v="REV"/>
    <s v="974"/>
    <s v="GLBATCH"/>
    <n v="10"/>
    <n v="2016"/>
  </r>
  <r>
    <s v="110"/>
    <d v="2016-10-15T00:00:00"/>
    <x v="1"/>
    <x v="0"/>
    <s v="10828"/>
    <s v="GLNANDA"/>
    <n v="0"/>
    <n v="2567"/>
    <s v="Billed Revenues"/>
    <s v="EXV"/>
    <s v="NONBU"/>
    <s v="G0000110"/>
    <s v="N"/>
    <s v="MACSS Dist Billed Revenue-03"/>
    <s v=""/>
    <x v="0"/>
    <s v="CAD0331026"/>
    <s v="S"/>
    <s v="KY"/>
    <s v="REV"/>
    <s v="974"/>
    <s v="GLBATCH"/>
    <n v="10"/>
    <n v="2016"/>
  </r>
  <r>
    <s v="110"/>
    <d v="2016-10-15T00:00:00"/>
    <x v="1"/>
    <x v="0"/>
    <s v="10828"/>
    <s v="GLNANDA"/>
    <n v="-225876.24"/>
    <n v="-1737476"/>
    <s v="Billed Revenues"/>
    <s v="EXV"/>
    <s v="NONBU"/>
    <s v="G0000110"/>
    <s v="N"/>
    <s v="MACSS Dist Billed Revenue-03"/>
    <s v=""/>
    <x v="0"/>
    <s v="CAD0331026"/>
    <s v="S"/>
    <s v="KY"/>
    <s v="REV"/>
    <s v="974"/>
    <s v="GLBATCH"/>
    <n v="10"/>
    <n v="2016"/>
  </r>
  <r>
    <s v="110"/>
    <d v="2016-10-15T00:00:00"/>
    <x v="4"/>
    <x v="0"/>
    <s v="10828"/>
    <s v="GLNANDA"/>
    <n v="0"/>
    <n v="2952"/>
    <s v="Billed Revenues"/>
    <s v="EXV"/>
    <s v="NONBU"/>
    <s v="G0000110"/>
    <s v="N"/>
    <s v="MACSS Dist Billed Revenue-03"/>
    <s v=""/>
    <x v="0"/>
    <s v="CAD0331026"/>
    <s v="S"/>
    <s v="KY"/>
    <s v="REV"/>
    <s v="974"/>
    <s v="GLBATCH"/>
    <n v="10"/>
    <n v="2016"/>
  </r>
  <r>
    <s v="110"/>
    <d v="2016-10-15T00:00:00"/>
    <x v="4"/>
    <x v="0"/>
    <s v="10828"/>
    <s v="GLNANDA"/>
    <n v="-311507.7"/>
    <n v="-2456899"/>
    <s v="Billed Revenues"/>
    <s v="EXV"/>
    <s v="NONBU"/>
    <s v="G0000110"/>
    <s v="N"/>
    <s v="MACSS Dist Billed Revenue-03"/>
    <s v=""/>
    <x v="0"/>
    <s v="CAD0331026"/>
    <s v="S"/>
    <s v="KY"/>
    <s v="REV"/>
    <s v="974"/>
    <s v="GLBATCH"/>
    <n v="10"/>
    <n v="2016"/>
  </r>
  <r>
    <s v="110"/>
    <d v="2016-10-15T00:00:00"/>
    <x v="2"/>
    <x v="0"/>
    <s v="10828"/>
    <s v="GLNANDA"/>
    <n v="0"/>
    <n v="1216"/>
    <s v="Billed Revenues"/>
    <s v="EXV"/>
    <s v="NONBU"/>
    <s v="G0000110"/>
    <s v="N"/>
    <s v="MACSS Dist Billed Revenue-03"/>
    <s v=""/>
    <x v="0"/>
    <s v="CAD0331026"/>
    <s v="S"/>
    <s v="KY"/>
    <s v="REV"/>
    <s v="974"/>
    <s v="GLBATCH"/>
    <n v="10"/>
    <n v="2016"/>
  </r>
  <r>
    <s v="110"/>
    <d v="2016-10-15T00:00:00"/>
    <x v="2"/>
    <x v="0"/>
    <s v="10828"/>
    <s v="GLNANDA"/>
    <n v="-678811.01"/>
    <n v="-6627291"/>
    <s v="Billed Revenues"/>
    <s v="EXV"/>
    <s v="NONBU"/>
    <s v="G0000110"/>
    <s v="N"/>
    <s v="MACSS Dist Billed Revenue-03"/>
    <s v=""/>
    <x v="0"/>
    <s v="CAD0331026"/>
    <s v="S"/>
    <s v="KY"/>
    <s v="REV"/>
    <s v="974"/>
    <s v="GLBATCH"/>
    <n v="10"/>
    <n v="2016"/>
  </r>
  <r>
    <s v="110"/>
    <d v="2016-10-15T00:00:00"/>
    <x v="0"/>
    <x v="0"/>
    <s v="10828"/>
    <s v="GLNANDA"/>
    <n v="0"/>
    <n v="53"/>
    <s v="Billed Revenues"/>
    <s v="EXV"/>
    <s v="NONBU"/>
    <s v="G0000110"/>
    <s v="N"/>
    <s v="MACSS Dist Billed Revenue-03"/>
    <s v=""/>
    <x v="0"/>
    <s v="CAD0331026"/>
    <s v="S"/>
    <s v="KY"/>
    <s v="REV"/>
    <s v="974"/>
    <s v="GLBATCH"/>
    <n v="10"/>
    <n v="2016"/>
  </r>
  <r>
    <s v="110"/>
    <d v="2016-10-15T00:00:00"/>
    <x v="3"/>
    <x v="0"/>
    <s v="10828"/>
    <s v="GLNANDA"/>
    <n v="0"/>
    <n v="29"/>
    <s v="Billed Revenues"/>
    <s v="EXV"/>
    <s v="NONBU"/>
    <s v="G0000110"/>
    <s v="N"/>
    <s v="MACSS Dist Billed Revenue-03"/>
    <s v=""/>
    <x v="0"/>
    <s v="CAD0331026"/>
    <s v="S"/>
    <s v="KY"/>
    <s v="REV"/>
    <s v="974"/>
    <s v="GLBATCH"/>
    <n v="10"/>
    <n v="2016"/>
  </r>
  <r>
    <s v="110"/>
    <d v="2016-11-15T00:00:00"/>
    <x v="7"/>
    <x v="0"/>
    <s v="10828"/>
    <s v="GLNANDA"/>
    <n v="-57681.05"/>
    <n v="-442340"/>
    <s v="Billed Revenues"/>
    <s v="EXV"/>
    <s v="NONBU"/>
    <s v="G0000110"/>
    <s v="N"/>
    <s v="MACSS Dist Billed Revenue-03"/>
    <s v=""/>
    <x v="0"/>
    <s v="CAD0331027"/>
    <s v="S"/>
    <s v="KY"/>
    <s v="REV"/>
    <s v="974"/>
    <s v="GLBATCH"/>
    <n v="11"/>
    <n v="2016"/>
  </r>
  <r>
    <s v="110"/>
    <d v="2016-11-15T00:00:00"/>
    <x v="3"/>
    <x v="0"/>
    <s v="10828"/>
    <s v="GLNANDA"/>
    <n v="0"/>
    <n v="9"/>
    <s v="Billed Revenues"/>
    <s v="EXV"/>
    <s v="NONBU"/>
    <s v="G0000110"/>
    <s v="N"/>
    <s v="MACSS Dist Billed Revenue-03"/>
    <s v=""/>
    <x v="0"/>
    <s v="CAD0331027"/>
    <s v="S"/>
    <s v="KY"/>
    <s v="REV"/>
    <s v="974"/>
    <s v="GLBATCH"/>
    <n v="11"/>
    <n v="2016"/>
  </r>
  <r>
    <s v="110"/>
    <d v="2016-11-15T00:00:00"/>
    <x v="1"/>
    <x v="0"/>
    <s v="10828"/>
    <s v="GLNANDA"/>
    <n v="0"/>
    <n v="2189"/>
    <s v="Billed Revenues"/>
    <s v="EXV"/>
    <s v="NONBU"/>
    <s v="G0000110"/>
    <s v="N"/>
    <s v="MACSS Dist Billed Revenue-03"/>
    <s v=""/>
    <x v="0"/>
    <s v="CAD0331027"/>
    <s v="S"/>
    <s v="KY"/>
    <s v="REV"/>
    <s v="974"/>
    <s v="GLBATCH"/>
    <n v="11"/>
    <n v="2016"/>
  </r>
  <r>
    <s v="110"/>
    <d v="2016-11-15T00:00:00"/>
    <x v="7"/>
    <x v="0"/>
    <s v="10828"/>
    <s v="GLNANDA"/>
    <n v="0"/>
    <n v="23"/>
    <s v="Billed Revenues"/>
    <s v="EXV"/>
    <s v="NONBU"/>
    <s v="G0000110"/>
    <s v="N"/>
    <s v="MACSS Dist Billed Revenue-03"/>
    <s v=""/>
    <x v="0"/>
    <s v="CAD0331027"/>
    <s v="S"/>
    <s v="KY"/>
    <s v="REV"/>
    <s v="974"/>
    <s v="GLBATCH"/>
    <n v="11"/>
    <n v="2016"/>
  </r>
  <r>
    <s v="110"/>
    <d v="2016-11-15T00:00:00"/>
    <x v="5"/>
    <x v="0"/>
    <s v="10828"/>
    <s v="GLNANDA"/>
    <n v="-68114.02"/>
    <n v="-509578"/>
    <s v="Billed Revenues"/>
    <s v="EXV"/>
    <s v="NONBU"/>
    <s v="G0000110"/>
    <s v="N"/>
    <s v="MACSS Dist Billed Revenue-03"/>
    <s v=""/>
    <x v="0"/>
    <s v="CAD0331027"/>
    <s v="S"/>
    <s v="KY"/>
    <s v="REV"/>
    <s v="974"/>
    <s v="GLBATCH"/>
    <n v="11"/>
    <n v="2016"/>
  </r>
  <r>
    <s v="110"/>
    <d v="2016-11-15T00:00:00"/>
    <x v="5"/>
    <x v="0"/>
    <s v="10828"/>
    <s v="GLNANDA"/>
    <n v="0"/>
    <n v="140"/>
    <s v="Billed Revenues"/>
    <s v="EXV"/>
    <s v="NONBU"/>
    <s v="G0000110"/>
    <s v="N"/>
    <s v="MACSS Dist Billed Revenue-03"/>
    <s v=""/>
    <x v="0"/>
    <s v="CAD0331027"/>
    <s v="S"/>
    <s v="KY"/>
    <s v="REV"/>
    <s v="974"/>
    <s v="GLBATCH"/>
    <n v="11"/>
    <n v="2016"/>
  </r>
  <r>
    <s v="110"/>
    <d v="2016-11-15T00:00:00"/>
    <x v="0"/>
    <x v="0"/>
    <s v="10828"/>
    <s v="GLNANDA"/>
    <n v="-244633.8"/>
    <n v="-2508762"/>
    <s v="Billed Revenues"/>
    <s v="EXV"/>
    <s v="NONBU"/>
    <s v="G0000110"/>
    <s v="N"/>
    <s v="MACSS Dist Billed Revenue-03"/>
    <s v=""/>
    <x v="0"/>
    <s v="CAD0331027"/>
    <s v="S"/>
    <s v="KY"/>
    <s v="REV"/>
    <s v="974"/>
    <s v="GLBATCH"/>
    <n v="11"/>
    <n v="2016"/>
  </r>
  <r>
    <s v="110"/>
    <d v="2016-11-15T00:00:00"/>
    <x v="4"/>
    <x v="0"/>
    <s v="10828"/>
    <s v="GLNANDA"/>
    <n v="-551380.18000000005"/>
    <n v="-4216399"/>
    <s v="Billed Revenues"/>
    <s v="EXV"/>
    <s v="NONBU"/>
    <s v="G0000110"/>
    <s v="N"/>
    <s v="MACSS Dist Billed Revenue-03"/>
    <s v=""/>
    <x v="0"/>
    <s v="CAD0331027"/>
    <s v="S"/>
    <s v="KY"/>
    <s v="REV"/>
    <s v="974"/>
    <s v="GLBATCH"/>
    <n v="11"/>
    <n v="2016"/>
  </r>
  <r>
    <s v="110"/>
    <d v="2016-11-15T00:00:00"/>
    <x v="4"/>
    <x v="0"/>
    <s v="10828"/>
    <s v="GLNANDA"/>
    <n v="0"/>
    <n v="4853"/>
    <s v="Billed Revenues"/>
    <s v="EXV"/>
    <s v="NONBU"/>
    <s v="G0000110"/>
    <s v="N"/>
    <s v="MACSS Dist Billed Revenue-03"/>
    <s v=""/>
    <x v="0"/>
    <s v="CAD0331027"/>
    <s v="S"/>
    <s v="KY"/>
    <s v="REV"/>
    <s v="974"/>
    <s v="GLBATCH"/>
    <n v="11"/>
    <n v="2016"/>
  </r>
  <r>
    <s v="110"/>
    <d v="2016-11-15T00:00:00"/>
    <x v="0"/>
    <x v="0"/>
    <s v="10828"/>
    <s v="GLNANDA"/>
    <n v="0"/>
    <n v="52"/>
    <s v="Billed Revenues"/>
    <s v="EXV"/>
    <s v="NONBU"/>
    <s v="G0000110"/>
    <s v="N"/>
    <s v="MACSS Dist Billed Revenue-03"/>
    <s v=""/>
    <x v="0"/>
    <s v="CAD0331027"/>
    <s v="S"/>
    <s v="KY"/>
    <s v="REV"/>
    <s v="974"/>
    <s v="GLBATCH"/>
    <n v="11"/>
    <n v="2016"/>
  </r>
  <r>
    <s v="110"/>
    <d v="2016-11-15T00:00:00"/>
    <x v="2"/>
    <x v="0"/>
    <s v="10828"/>
    <s v="GLNANDA"/>
    <n v="-662215.78"/>
    <n v="-4993142"/>
    <s v="Billed Revenues"/>
    <s v="EXV"/>
    <s v="NONBU"/>
    <s v="G0000110"/>
    <s v="N"/>
    <s v="MACSS Dist Billed Revenue-03"/>
    <s v=""/>
    <x v="0"/>
    <s v="CAD0331027"/>
    <s v="S"/>
    <s v="KY"/>
    <s v="REV"/>
    <s v="974"/>
    <s v="GLBATCH"/>
    <n v="11"/>
    <n v="2016"/>
  </r>
  <r>
    <s v="110"/>
    <d v="2016-11-15T00:00:00"/>
    <x v="6"/>
    <x v="0"/>
    <s v="10828"/>
    <s v="GLNANDA"/>
    <n v="-1047.74"/>
    <n v="-5184"/>
    <s v="Billed Revenues"/>
    <s v="EXV"/>
    <s v="NONBU"/>
    <s v="G0000110"/>
    <s v="N"/>
    <s v="MACSS Dist Billed Revenue-03"/>
    <s v=""/>
    <x v="0"/>
    <s v="CAD0331027"/>
    <s v="S"/>
    <s v="KY"/>
    <s v="REV"/>
    <s v="974"/>
    <s v="GLBATCH"/>
    <n v="11"/>
    <n v="2016"/>
  </r>
  <r>
    <s v="110"/>
    <d v="2016-11-15T00:00:00"/>
    <x v="6"/>
    <x v="0"/>
    <s v="10828"/>
    <s v="GLNANDA"/>
    <n v="0"/>
    <n v="20"/>
    <s v="Billed Revenues"/>
    <s v="EXV"/>
    <s v="NONBU"/>
    <s v="G0000110"/>
    <s v="N"/>
    <s v="MACSS Dist Billed Revenue-03"/>
    <s v=""/>
    <x v="0"/>
    <s v="CAD0331027"/>
    <s v="S"/>
    <s v="KY"/>
    <s v="REV"/>
    <s v="974"/>
    <s v="GLBATCH"/>
    <n v="11"/>
    <n v="2016"/>
  </r>
  <r>
    <s v="110"/>
    <d v="2016-11-15T00:00:00"/>
    <x v="3"/>
    <x v="0"/>
    <s v="10828"/>
    <s v="GLNANDA"/>
    <n v="-9922.5"/>
    <n v="-78846"/>
    <s v="Billed Revenues"/>
    <s v="EXV"/>
    <s v="NONBU"/>
    <s v="G0000110"/>
    <s v="N"/>
    <s v="MACSS Dist Billed Revenue-03"/>
    <s v=""/>
    <x v="0"/>
    <s v="CAD0331027"/>
    <s v="S"/>
    <s v="KY"/>
    <s v="REV"/>
    <s v="974"/>
    <s v="GLBATCH"/>
    <n v="11"/>
    <n v="2016"/>
  </r>
  <r>
    <s v="110"/>
    <d v="2016-11-15T00:00:00"/>
    <x v="2"/>
    <x v="0"/>
    <s v="10828"/>
    <s v="GLNANDA"/>
    <n v="0"/>
    <n v="1679"/>
    <s v="Billed Revenues"/>
    <s v="EXV"/>
    <s v="NONBU"/>
    <s v="G0000110"/>
    <s v="N"/>
    <s v="MACSS Dist Billed Revenue-03"/>
    <s v=""/>
    <x v="0"/>
    <s v="CAD0331027"/>
    <s v="S"/>
    <s v="KY"/>
    <s v="REV"/>
    <s v="974"/>
    <s v="GLBATCH"/>
    <n v="11"/>
    <n v="2016"/>
  </r>
  <r>
    <s v="110"/>
    <d v="2016-11-15T00:00:00"/>
    <x v="1"/>
    <x v="0"/>
    <s v="10828"/>
    <s v="GLNANDA"/>
    <n v="-208680.93"/>
    <n v="-1550252"/>
    <s v="Billed Revenues"/>
    <s v="EXV"/>
    <s v="NONBU"/>
    <s v="G0000110"/>
    <s v="N"/>
    <s v="MACSS Dist Billed Revenue-03"/>
    <s v=""/>
    <x v="0"/>
    <s v="CAD0331027"/>
    <s v="S"/>
    <s v="KY"/>
    <s v="REV"/>
    <s v="974"/>
    <s v="GLBATCH"/>
    <n v="11"/>
    <n v="2016"/>
  </r>
  <r>
    <s v="110"/>
    <d v="2016-10-15T00:00:00"/>
    <x v="0"/>
    <x v="0"/>
    <s v="10828"/>
    <s v="GLNANDA"/>
    <n v="0"/>
    <n v="3"/>
    <s v="Billed Revenues"/>
    <s v="EXV"/>
    <s v="NONBU"/>
    <s v="G0000110"/>
    <s v="N"/>
    <s v="MACSS Dist Billed Revenue-03"/>
    <s v=""/>
    <x v="0"/>
    <s v="CAD0331027"/>
    <s v="S"/>
    <s v="KY"/>
    <s v="REV"/>
    <s v="974"/>
    <s v="GLBATCH"/>
    <n v="10"/>
    <n v="2016"/>
  </r>
  <r>
    <s v="110"/>
    <d v="2016-10-15T00:00:00"/>
    <x v="2"/>
    <x v="0"/>
    <s v="10828"/>
    <s v="GLNANDA"/>
    <n v="-9127.2099999999991"/>
    <n v="-43884"/>
    <s v="Billed Revenues"/>
    <s v="EXV"/>
    <s v="NONBU"/>
    <s v="G0000110"/>
    <s v="N"/>
    <s v="MACSS Dist Billed Revenue-03"/>
    <s v=""/>
    <x v="0"/>
    <s v="CAD0331027"/>
    <s v="S"/>
    <s v="KY"/>
    <s v="REV"/>
    <s v="974"/>
    <s v="GLBATCH"/>
    <n v="10"/>
    <n v="2016"/>
  </r>
  <r>
    <s v="110"/>
    <d v="2016-10-15T00:00:00"/>
    <x v="2"/>
    <x v="0"/>
    <s v="10828"/>
    <s v="GLNANDA"/>
    <n v="0"/>
    <n v="40"/>
    <s v="Billed Revenues"/>
    <s v="EXV"/>
    <s v="NONBU"/>
    <s v="G0000110"/>
    <s v="N"/>
    <s v="MACSS Dist Billed Revenue-03"/>
    <s v=""/>
    <x v="0"/>
    <s v="CAD0331027"/>
    <s v="S"/>
    <s v="KY"/>
    <s v="REV"/>
    <s v="974"/>
    <s v="GLBATCH"/>
    <n v="10"/>
    <n v="2016"/>
  </r>
  <r>
    <s v="110"/>
    <d v="2016-10-15T00:00:00"/>
    <x v="4"/>
    <x v="0"/>
    <s v="10828"/>
    <s v="GLNANDA"/>
    <n v="-1818.41"/>
    <n v="-13900"/>
    <s v="Billed Revenues"/>
    <s v="EXV"/>
    <s v="NONBU"/>
    <s v="G0000110"/>
    <s v="N"/>
    <s v="MACSS Dist Billed Revenue-03"/>
    <s v=""/>
    <x v="0"/>
    <s v="CAD0331027"/>
    <s v="S"/>
    <s v="KY"/>
    <s v="REV"/>
    <s v="974"/>
    <s v="GLBATCH"/>
    <n v="10"/>
    <n v="2016"/>
  </r>
  <r>
    <s v="110"/>
    <d v="2016-10-15T00:00:00"/>
    <x v="4"/>
    <x v="0"/>
    <s v="10828"/>
    <s v="GLNANDA"/>
    <n v="0"/>
    <n v="12"/>
    <s v="Billed Revenues"/>
    <s v="EXV"/>
    <s v="NONBU"/>
    <s v="G0000110"/>
    <s v="N"/>
    <s v="MACSS Dist Billed Revenue-03"/>
    <s v=""/>
    <x v="0"/>
    <s v="CAD0331027"/>
    <s v="S"/>
    <s v="KY"/>
    <s v="REV"/>
    <s v="974"/>
    <s v="GLBATCH"/>
    <n v="10"/>
    <n v="2016"/>
  </r>
  <r>
    <s v="110"/>
    <d v="2016-10-15T00:00:00"/>
    <x v="1"/>
    <x v="0"/>
    <s v="10828"/>
    <s v="GLNANDA"/>
    <n v="-2303.88"/>
    <n v="-18549"/>
    <s v="Billed Revenues"/>
    <s v="EXV"/>
    <s v="NONBU"/>
    <s v="G0000110"/>
    <s v="N"/>
    <s v="MACSS Dist Billed Revenue-03"/>
    <s v=""/>
    <x v="0"/>
    <s v="CAD0331027"/>
    <s v="S"/>
    <s v="KY"/>
    <s v="REV"/>
    <s v="974"/>
    <s v="GLBATCH"/>
    <n v="10"/>
    <n v="2016"/>
  </r>
  <r>
    <s v="110"/>
    <d v="2016-10-15T00:00:00"/>
    <x v="1"/>
    <x v="0"/>
    <s v="10828"/>
    <s v="GLNANDA"/>
    <n v="0"/>
    <n v="13"/>
    <s v="Billed Revenues"/>
    <s v="EXV"/>
    <s v="NONBU"/>
    <s v="G0000110"/>
    <s v="N"/>
    <s v="MACSS Dist Billed Revenue-03"/>
    <s v=""/>
    <x v="0"/>
    <s v="CAD0331027"/>
    <s v="S"/>
    <s v="KY"/>
    <s v="REV"/>
    <s v="974"/>
    <s v="GLBATCH"/>
    <n v="10"/>
    <n v="2016"/>
  </r>
  <r>
    <s v="110"/>
    <d v="2016-10-15T00:00:00"/>
    <x v="7"/>
    <x v="0"/>
    <s v="10828"/>
    <s v="GLNANDA"/>
    <n v="-9624.01"/>
    <n v="-81376"/>
    <s v="Billed Revenues"/>
    <s v="EXV"/>
    <s v="NONBU"/>
    <s v="G0000110"/>
    <s v="N"/>
    <s v="MACSS Dist Billed Revenue-03"/>
    <s v=""/>
    <x v="0"/>
    <s v="CAD0331027"/>
    <s v="S"/>
    <s v="KY"/>
    <s v="REV"/>
    <s v="974"/>
    <s v="GLBATCH"/>
    <n v="10"/>
    <n v="2016"/>
  </r>
  <r>
    <s v="110"/>
    <d v="2016-10-15T00:00:00"/>
    <x v="7"/>
    <x v="0"/>
    <s v="10828"/>
    <s v="GLNANDA"/>
    <n v="0"/>
    <n v="4"/>
    <s v="Billed Revenues"/>
    <s v="EXV"/>
    <s v="NONBU"/>
    <s v="G0000110"/>
    <s v="N"/>
    <s v="MACSS Dist Billed Revenue-03"/>
    <s v=""/>
    <x v="0"/>
    <s v="CAD0331027"/>
    <s v="S"/>
    <s v="KY"/>
    <s v="REV"/>
    <s v="974"/>
    <s v="GLBATCH"/>
    <n v="10"/>
    <n v="2016"/>
  </r>
  <r>
    <s v="110"/>
    <d v="2016-10-15T00:00:00"/>
    <x v="3"/>
    <x v="0"/>
    <s v="10828"/>
    <s v="GLNANDA"/>
    <n v="-31554.32"/>
    <n v="-265550"/>
    <s v="Billed Revenues"/>
    <s v="EXV"/>
    <s v="NONBU"/>
    <s v="G0000110"/>
    <s v="N"/>
    <s v="MACSS Dist Billed Revenue-03"/>
    <s v=""/>
    <x v="0"/>
    <s v="CAD0331027"/>
    <s v="S"/>
    <s v="KY"/>
    <s v="REV"/>
    <s v="974"/>
    <s v="GLBATCH"/>
    <n v="10"/>
    <n v="2016"/>
  </r>
  <r>
    <s v="110"/>
    <d v="2016-10-15T00:00:00"/>
    <x v="3"/>
    <x v="0"/>
    <s v="10828"/>
    <s v="GLNANDA"/>
    <n v="0"/>
    <n v="6"/>
    <s v="Billed Revenues"/>
    <s v="EXV"/>
    <s v="NONBU"/>
    <s v="G0000110"/>
    <s v="N"/>
    <s v="MACSS Dist Billed Revenue-03"/>
    <s v=""/>
    <x v="0"/>
    <s v="CAD0331027"/>
    <s v="S"/>
    <s v="KY"/>
    <s v="REV"/>
    <s v="974"/>
    <s v="GLBATCH"/>
    <n v="10"/>
    <n v="2016"/>
  </r>
  <r>
    <s v="110"/>
    <d v="2016-10-15T00:00:00"/>
    <x v="0"/>
    <x v="0"/>
    <s v="10828"/>
    <s v="GLNANDA"/>
    <n v="-272.04000000000002"/>
    <n v="-1461"/>
    <s v="Billed Revenues"/>
    <s v="EXV"/>
    <s v="NONBU"/>
    <s v="G0000110"/>
    <s v="N"/>
    <s v="MACSS Dist Billed Revenue-03"/>
    <s v=""/>
    <x v="0"/>
    <s v="CAD0331027"/>
    <s v="S"/>
    <s v="KY"/>
    <s v="REV"/>
    <s v="974"/>
    <s v="GLBATCH"/>
    <n v="10"/>
    <n v="2016"/>
  </r>
  <r>
    <s v="110"/>
    <d v="2016-10-15T00:00:00"/>
    <x v="5"/>
    <x v="0"/>
    <s v="10828"/>
    <s v="GLNANDA"/>
    <n v="-674.92"/>
    <n v="-5173"/>
    <s v="Billed Revenues"/>
    <s v="EXV"/>
    <s v="NONBU"/>
    <s v="G0000110"/>
    <s v="N"/>
    <s v="MACSS Dist Billed Revenue-03"/>
    <s v=""/>
    <x v="0"/>
    <s v="CAD0331027"/>
    <s v="S"/>
    <s v="KY"/>
    <s v="REV"/>
    <s v="974"/>
    <s v="GLBATCH"/>
    <n v="10"/>
    <n v="2016"/>
  </r>
  <r>
    <s v="110"/>
    <d v="2016-10-15T00:00:00"/>
    <x v="5"/>
    <x v="0"/>
    <s v="10828"/>
    <s v="GLNANDA"/>
    <n v="0"/>
    <n v="5"/>
    <s v="Billed Revenues"/>
    <s v="EXV"/>
    <s v="NONBU"/>
    <s v="G0000110"/>
    <s v="N"/>
    <s v="MACSS Dist Billed Revenue-03"/>
    <s v=""/>
    <x v="0"/>
    <s v="CAD0331027"/>
    <s v="S"/>
    <s v="KY"/>
    <s v="REV"/>
    <s v="974"/>
    <s v="GLBATCH"/>
    <n v="10"/>
    <n v="2016"/>
  </r>
  <r>
    <s v="110"/>
    <d v="2016-11-15T00:00:00"/>
    <x v="0"/>
    <x v="0"/>
    <s v="10828"/>
    <s v="GLNANDA"/>
    <n v="0"/>
    <n v="68"/>
    <s v="Billed Revenues"/>
    <s v="EXV"/>
    <s v="NONBU"/>
    <s v="G0000110"/>
    <s v="N"/>
    <s v="MACSS Dist Billed Revenue-03"/>
    <s v=""/>
    <x v="0"/>
    <s v="CAD0331028"/>
    <s v="S"/>
    <s v="KY"/>
    <s v="REV"/>
    <s v="974"/>
    <s v="GLBATCH"/>
    <n v="11"/>
    <n v="2016"/>
  </r>
  <r>
    <s v="110"/>
    <d v="2016-11-15T00:00:00"/>
    <x v="1"/>
    <x v="0"/>
    <s v="10828"/>
    <s v="GLNANDA"/>
    <n v="0"/>
    <n v="2788"/>
    <s v="Billed Revenues"/>
    <s v="EXV"/>
    <s v="NONBU"/>
    <s v="G0000110"/>
    <s v="N"/>
    <s v="MACSS Dist Billed Revenue-03"/>
    <s v=""/>
    <x v="0"/>
    <s v="CAD0331028"/>
    <s v="S"/>
    <s v="KY"/>
    <s v="REV"/>
    <s v="974"/>
    <s v="GLBATCH"/>
    <n v="11"/>
    <n v="2016"/>
  </r>
  <r>
    <s v="110"/>
    <d v="2016-11-15T00:00:00"/>
    <x v="5"/>
    <x v="0"/>
    <s v="10828"/>
    <s v="GLNANDA"/>
    <n v="0"/>
    <n v="70"/>
    <s v="Billed Revenues"/>
    <s v="EXV"/>
    <s v="NONBU"/>
    <s v="G0000110"/>
    <s v="N"/>
    <s v="MACSS Dist Billed Revenue-03"/>
    <s v=""/>
    <x v="0"/>
    <s v="CAD0331028"/>
    <s v="S"/>
    <s v="KY"/>
    <s v="REV"/>
    <s v="974"/>
    <s v="GLBATCH"/>
    <n v="11"/>
    <n v="2016"/>
  </r>
  <r>
    <s v="110"/>
    <d v="2016-11-15T00:00:00"/>
    <x v="2"/>
    <x v="0"/>
    <s v="10828"/>
    <s v="GLNANDA"/>
    <n v="-145910.48000000001"/>
    <n v="-914590"/>
    <s v="Billed Revenues"/>
    <s v="EXV"/>
    <s v="NONBU"/>
    <s v="G0000110"/>
    <s v="N"/>
    <s v="MACSS Dist Billed Revenue-03"/>
    <s v=""/>
    <x v="0"/>
    <s v="CAD0331028"/>
    <s v="S"/>
    <s v="KY"/>
    <s v="REV"/>
    <s v="974"/>
    <s v="GLBATCH"/>
    <n v="11"/>
    <n v="2016"/>
  </r>
  <r>
    <s v="110"/>
    <d v="2016-11-15T00:00:00"/>
    <x v="2"/>
    <x v="0"/>
    <s v="10828"/>
    <s v="GLNANDA"/>
    <n v="0"/>
    <n v="1019"/>
    <s v="Billed Revenues"/>
    <s v="EXV"/>
    <s v="NONBU"/>
    <s v="G0000110"/>
    <s v="N"/>
    <s v="MACSS Dist Billed Revenue-03"/>
    <s v=""/>
    <x v="0"/>
    <s v="CAD0331028"/>
    <s v="S"/>
    <s v="KY"/>
    <s v="REV"/>
    <s v="974"/>
    <s v="GLBATCH"/>
    <n v="11"/>
    <n v="2016"/>
  </r>
  <r>
    <s v="110"/>
    <d v="2016-11-15T00:00:00"/>
    <x v="4"/>
    <x v="0"/>
    <s v="10828"/>
    <s v="GLNANDA"/>
    <n v="-492908.05"/>
    <n v="-3754383"/>
    <s v="Billed Revenues"/>
    <s v="EXV"/>
    <s v="NONBU"/>
    <s v="G0000110"/>
    <s v="N"/>
    <s v="MACSS Dist Billed Revenue-03"/>
    <s v=""/>
    <x v="0"/>
    <s v="CAD0331028"/>
    <s v="S"/>
    <s v="KY"/>
    <s v="REV"/>
    <s v="974"/>
    <s v="GLBATCH"/>
    <n v="11"/>
    <n v="2016"/>
  </r>
  <r>
    <s v="110"/>
    <d v="2016-11-15T00:00:00"/>
    <x v="4"/>
    <x v="0"/>
    <s v="10828"/>
    <s v="GLNANDA"/>
    <n v="0"/>
    <n v="4464"/>
    <s v="Billed Revenues"/>
    <s v="EXV"/>
    <s v="NONBU"/>
    <s v="G0000110"/>
    <s v="N"/>
    <s v="MACSS Dist Billed Revenue-03"/>
    <s v=""/>
    <x v="0"/>
    <s v="CAD0331028"/>
    <s v="S"/>
    <s v="KY"/>
    <s v="REV"/>
    <s v="974"/>
    <s v="GLBATCH"/>
    <n v="11"/>
    <n v="2016"/>
  </r>
  <r>
    <s v="110"/>
    <d v="2016-11-15T00:00:00"/>
    <x v="3"/>
    <x v="0"/>
    <s v="10828"/>
    <s v="GLNANDA"/>
    <n v="-65156.79"/>
    <n v="-629477"/>
    <s v="Billed Revenues"/>
    <s v="EXV"/>
    <s v="NONBU"/>
    <s v="G0000110"/>
    <s v="N"/>
    <s v="MACSS Dist Billed Revenue-03"/>
    <s v=""/>
    <x v="0"/>
    <s v="CAD0331028"/>
    <s v="S"/>
    <s v="KY"/>
    <s v="REV"/>
    <s v="974"/>
    <s v="GLBATCH"/>
    <n v="11"/>
    <n v="2016"/>
  </r>
  <r>
    <s v="110"/>
    <d v="2016-11-15T00:00:00"/>
    <x v="3"/>
    <x v="0"/>
    <s v="10828"/>
    <s v="GLNANDA"/>
    <n v="0"/>
    <n v="12"/>
    <s v="Billed Revenues"/>
    <s v="EXV"/>
    <s v="NONBU"/>
    <s v="G0000110"/>
    <s v="N"/>
    <s v="MACSS Dist Billed Revenue-03"/>
    <s v=""/>
    <x v="0"/>
    <s v="CAD0331028"/>
    <s v="S"/>
    <s v="KY"/>
    <s v="REV"/>
    <s v="974"/>
    <s v="GLBATCH"/>
    <n v="11"/>
    <n v="2016"/>
  </r>
  <r>
    <s v="110"/>
    <d v="2016-11-15T00:00:00"/>
    <x v="1"/>
    <x v="0"/>
    <s v="10828"/>
    <s v="GLNANDA"/>
    <n v="-262820.28000000003"/>
    <n v="-1946278"/>
    <s v="Billed Revenues"/>
    <s v="EXV"/>
    <s v="NONBU"/>
    <s v="G0000110"/>
    <s v="N"/>
    <s v="MACSS Dist Billed Revenue-03"/>
    <s v=""/>
    <x v="0"/>
    <s v="CAD0331028"/>
    <s v="S"/>
    <s v="KY"/>
    <s v="REV"/>
    <s v="974"/>
    <s v="GLBATCH"/>
    <n v="11"/>
    <n v="2016"/>
  </r>
  <r>
    <s v="110"/>
    <d v="2016-11-15T00:00:00"/>
    <x v="0"/>
    <x v="0"/>
    <s v="10828"/>
    <s v="GLNANDA"/>
    <n v="-13276.34"/>
    <n v="-89914"/>
    <s v="Billed Revenues"/>
    <s v="EXV"/>
    <s v="NONBU"/>
    <s v="G0000110"/>
    <s v="N"/>
    <s v="MACSS Dist Billed Revenue-03"/>
    <s v=""/>
    <x v="0"/>
    <s v="CAD0331028"/>
    <s v="S"/>
    <s v="KY"/>
    <s v="REV"/>
    <s v="974"/>
    <s v="GLBATCH"/>
    <n v="11"/>
    <n v="2016"/>
  </r>
  <r>
    <s v="110"/>
    <d v="2016-11-15T00:00:00"/>
    <x v="7"/>
    <x v="0"/>
    <s v="10828"/>
    <s v="GLNANDA"/>
    <n v="0"/>
    <n v="16"/>
    <s v="Billed Revenues"/>
    <s v="EXV"/>
    <s v="NONBU"/>
    <s v="G0000110"/>
    <s v="N"/>
    <s v="MACSS Dist Billed Revenue-03"/>
    <s v=""/>
    <x v="0"/>
    <s v="CAD0331028"/>
    <s v="S"/>
    <s v="KY"/>
    <s v="REV"/>
    <s v="974"/>
    <s v="GLBATCH"/>
    <n v="11"/>
    <n v="2016"/>
  </r>
  <r>
    <s v="110"/>
    <d v="2016-11-15T00:00:00"/>
    <x v="7"/>
    <x v="0"/>
    <s v="10828"/>
    <s v="GLNANDA"/>
    <n v="-34065.56"/>
    <n v="-266409"/>
    <s v="Billed Revenues"/>
    <s v="EXV"/>
    <s v="NONBU"/>
    <s v="G0000110"/>
    <s v="N"/>
    <s v="MACSS Dist Billed Revenue-03"/>
    <s v=""/>
    <x v="0"/>
    <s v="CAD0331028"/>
    <s v="S"/>
    <s v="KY"/>
    <s v="REV"/>
    <s v="974"/>
    <s v="GLBATCH"/>
    <n v="11"/>
    <n v="2016"/>
  </r>
  <r>
    <s v="110"/>
    <d v="2016-11-15T00:00:00"/>
    <x v="6"/>
    <x v="0"/>
    <s v="10828"/>
    <s v="GLNANDA"/>
    <n v="0"/>
    <n v="9"/>
    <s v="Billed Revenues"/>
    <s v="EXV"/>
    <s v="NONBU"/>
    <s v="G0000110"/>
    <s v="N"/>
    <s v="MACSS Dist Billed Revenue-03"/>
    <s v=""/>
    <x v="0"/>
    <s v="CAD0331028"/>
    <s v="S"/>
    <s v="KY"/>
    <s v="REV"/>
    <s v="974"/>
    <s v="GLBATCH"/>
    <n v="11"/>
    <n v="2016"/>
  </r>
  <r>
    <s v="110"/>
    <d v="2016-11-15T00:00:00"/>
    <x v="6"/>
    <x v="0"/>
    <s v="10828"/>
    <s v="GLNANDA"/>
    <n v="-1144.68"/>
    <n v="-7372"/>
    <s v="Billed Revenues"/>
    <s v="EXV"/>
    <s v="NONBU"/>
    <s v="G0000110"/>
    <s v="N"/>
    <s v="MACSS Dist Billed Revenue-03"/>
    <s v=""/>
    <x v="0"/>
    <s v="CAD0331028"/>
    <s v="S"/>
    <s v="KY"/>
    <s v="REV"/>
    <s v="974"/>
    <s v="GLBATCH"/>
    <n v="11"/>
    <n v="2016"/>
  </r>
  <r>
    <s v="110"/>
    <d v="2016-11-15T00:00:00"/>
    <x v="5"/>
    <x v="0"/>
    <s v="10828"/>
    <s v="GLNANDA"/>
    <n v="-24037.59"/>
    <n v="-176554"/>
    <s v="Billed Revenues"/>
    <s v="EXV"/>
    <s v="NONBU"/>
    <s v="G0000110"/>
    <s v="N"/>
    <s v="MACSS Dist Billed Revenue-03"/>
    <s v=""/>
    <x v="0"/>
    <s v="CAD0331028"/>
    <s v="S"/>
    <s v="KY"/>
    <s v="REV"/>
    <s v="974"/>
    <s v="GLBATCH"/>
    <n v="11"/>
    <n v="2016"/>
  </r>
  <r>
    <s v="110"/>
    <d v="2016-10-15T00:00:00"/>
    <x v="0"/>
    <x v="0"/>
    <s v="10828"/>
    <s v="GLNANDA"/>
    <n v="3.21"/>
    <n v="18"/>
    <s v="Billed Revenues"/>
    <s v="EXV"/>
    <s v="NONBU"/>
    <s v="G0000110"/>
    <s v="N"/>
    <s v="MACSS Dist Billed Revenue-03"/>
    <s v=""/>
    <x v="0"/>
    <s v="CAD0331028"/>
    <s v="S"/>
    <s v="KY"/>
    <s v="REV"/>
    <s v="974"/>
    <s v="GLBATCH"/>
    <n v="10"/>
    <n v="2016"/>
  </r>
  <r>
    <s v="110"/>
    <d v="2016-10-15T00:00:00"/>
    <x v="1"/>
    <x v="0"/>
    <s v="10828"/>
    <s v="GLNANDA"/>
    <n v="-627.99"/>
    <n v="-3835"/>
    <s v="Billed Revenues"/>
    <s v="EXV"/>
    <s v="NONBU"/>
    <s v="G0000110"/>
    <s v="N"/>
    <s v="MACSS Dist Billed Revenue-03"/>
    <s v=""/>
    <x v="0"/>
    <s v="CAD0331028"/>
    <s v="S"/>
    <s v="KY"/>
    <s v="REV"/>
    <s v="974"/>
    <s v="GLBATCH"/>
    <n v="10"/>
    <n v="2016"/>
  </r>
  <r>
    <s v="110"/>
    <d v="2016-10-15T00:00:00"/>
    <x v="1"/>
    <x v="0"/>
    <s v="10828"/>
    <s v="GLNANDA"/>
    <n v="0"/>
    <n v="8"/>
    <s v="Billed Revenues"/>
    <s v="EXV"/>
    <s v="NONBU"/>
    <s v="G0000110"/>
    <s v="N"/>
    <s v="MACSS Dist Billed Revenue-03"/>
    <s v=""/>
    <x v="0"/>
    <s v="CAD0331028"/>
    <s v="S"/>
    <s v="KY"/>
    <s v="REV"/>
    <s v="974"/>
    <s v="GLBATCH"/>
    <n v="10"/>
    <n v="2016"/>
  </r>
  <r>
    <s v="110"/>
    <d v="2016-10-15T00:00:00"/>
    <x v="4"/>
    <x v="0"/>
    <s v="10828"/>
    <s v="GLNANDA"/>
    <n v="-213.65"/>
    <n v="-1102"/>
    <s v="Billed Revenues"/>
    <s v="EXV"/>
    <s v="NONBU"/>
    <s v="G0000110"/>
    <s v="N"/>
    <s v="MACSS Dist Billed Revenue-03"/>
    <s v=""/>
    <x v="0"/>
    <s v="CAD0331028"/>
    <s v="S"/>
    <s v="KY"/>
    <s v="REV"/>
    <s v="974"/>
    <s v="GLBATCH"/>
    <n v="10"/>
    <n v="2016"/>
  </r>
  <r>
    <s v="110"/>
    <d v="2016-10-15T00:00:00"/>
    <x v="4"/>
    <x v="0"/>
    <s v="10828"/>
    <s v="GLNANDA"/>
    <n v="0"/>
    <n v="12"/>
    <s v="Billed Revenues"/>
    <s v="EXV"/>
    <s v="NONBU"/>
    <s v="G0000110"/>
    <s v="N"/>
    <s v="MACSS Dist Billed Revenue-03"/>
    <s v=""/>
    <x v="0"/>
    <s v="CAD0331028"/>
    <s v="S"/>
    <s v="KY"/>
    <s v="REV"/>
    <s v="974"/>
    <s v="GLBATCH"/>
    <n v="10"/>
    <n v="2016"/>
  </r>
  <r>
    <s v="110"/>
    <d v="2016-10-15T00:00:00"/>
    <x v="5"/>
    <x v="0"/>
    <s v="10828"/>
    <s v="GLNANDA"/>
    <n v="-193.83"/>
    <n v="-1267"/>
    <s v="Billed Revenues"/>
    <s v="EXV"/>
    <s v="NONBU"/>
    <s v="G0000110"/>
    <s v="N"/>
    <s v="MACSS Dist Billed Revenue-03"/>
    <s v=""/>
    <x v="0"/>
    <s v="CAD0331028"/>
    <s v="S"/>
    <s v="KY"/>
    <s v="REV"/>
    <s v="974"/>
    <s v="GLBATCH"/>
    <n v="10"/>
    <n v="2016"/>
  </r>
  <r>
    <s v="110"/>
    <d v="2016-10-15T00:00:00"/>
    <x v="5"/>
    <x v="0"/>
    <s v="10828"/>
    <s v="GLNANDA"/>
    <n v="0"/>
    <n v="1"/>
    <s v="Billed Revenues"/>
    <s v="EXV"/>
    <s v="NONBU"/>
    <s v="G0000110"/>
    <s v="N"/>
    <s v="MACSS Dist Billed Revenue-03"/>
    <s v=""/>
    <x v="0"/>
    <s v="CAD0331028"/>
    <s v="S"/>
    <s v="KY"/>
    <s v="REV"/>
    <s v="974"/>
    <s v="GLBATCH"/>
    <n v="10"/>
    <n v="2016"/>
  </r>
  <r>
    <s v="110"/>
    <d v="2016-10-15T00:00:00"/>
    <x v="3"/>
    <x v="0"/>
    <s v="10828"/>
    <s v="GLNANDA"/>
    <n v="-61373.31"/>
    <n v="-496900"/>
    <s v="Billed Revenues"/>
    <s v="EXV"/>
    <s v="NONBU"/>
    <s v="G0000110"/>
    <s v="N"/>
    <s v="MACSS Dist Billed Revenue-03"/>
    <s v=""/>
    <x v="0"/>
    <s v="CAD0331028"/>
    <s v="S"/>
    <s v="KY"/>
    <s v="REV"/>
    <s v="974"/>
    <s v="GLBATCH"/>
    <n v="10"/>
    <n v="2016"/>
  </r>
  <r>
    <s v="110"/>
    <d v="2016-10-15T00:00:00"/>
    <x v="3"/>
    <x v="0"/>
    <s v="10828"/>
    <s v="GLNANDA"/>
    <n v="0"/>
    <n v="6"/>
    <s v="Billed Revenues"/>
    <s v="EXV"/>
    <s v="NONBU"/>
    <s v="G0000110"/>
    <s v="N"/>
    <s v="MACSS Dist Billed Revenue-03"/>
    <s v=""/>
    <x v="0"/>
    <s v="CAD0331028"/>
    <s v="S"/>
    <s v="KY"/>
    <s v="REV"/>
    <s v="974"/>
    <s v="GLBATCH"/>
    <n v="10"/>
    <n v="2016"/>
  </r>
  <r>
    <s v="110"/>
    <d v="2016-10-15T00:00:00"/>
    <x v="2"/>
    <x v="0"/>
    <s v="10828"/>
    <s v="GLNANDA"/>
    <n v="-2265.12"/>
    <n v="-13367"/>
    <s v="Billed Revenues"/>
    <s v="EXV"/>
    <s v="NONBU"/>
    <s v="G0000110"/>
    <s v="N"/>
    <s v="MACSS Dist Billed Revenue-03"/>
    <s v=""/>
    <x v="0"/>
    <s v="CAD0331028"/>
    <s v="S"/>
    <s v="KY"/>
    <s v="REV"/>
    <s v="974"/>
    <s v="GLBATCH"/>
    <n v="10"/>
    <n v="2016"/>
  </r>
  <r>
    <s v="110"/>
    <d v="2016-10-15T00:00:00"/>
    <x v="2"/>
    <x v="0"/>
    <s v="10828"/>
    <s v="GLNANDA"/>
    <n v="0"/>
    <n v="15"/>
    <s v="Billed Revenues"/>
    <s v="EXV"/>
    <s v="NONBU"/>
    <s v="G0000110"/>
    <s v="N"/>
    <s v="MACSS Dist Billed Revenue-03"/>
    <s v=""/>
    <x v="0"/>
    <s v="CAD0331028"/>
    <s v="S"/>
    <s v="KY"/>
    <s v="REV"/>
    <s v="974"/>
    <s v="GLBATCH"/>
    <n v="10"/>
    <n v="2016"/>
  </r>
  <r>
    <s v="110"/>
    <d v="2016-11-15T00:00:00"/>
    <x v="0"/>
    <x v="0"/>
    <s v="10828"/>
    <s v="GLNANDA"/>
    <n v="0"/>
    <n v="29"/>
    <s v="Billed Revenues"/>
    <s v="EXV"/>
    <s v="NONBU"/>
    <s v="G0000110"/>
    <s v="N"/>
    <s v="MACSS Dist Billed Revenue-03"/>
    <s v=""/>
    <x v="0"/>
    <s v="CAD0331031"/>
    <s v="S"/>
    <s v="KY"/>
    <s v="REV"/>
    <s v="974"/>
    <s v="GLBATCH"/>
    <n v="11"/>
    <n v="2016"/>
  </r>
  <r>
    <s v="110"/>
    <d v="2016-11-15T00:00:00"/>
    <x v="2"/>
    <x v="0"/>
    <s v="10828"/>
    <s v="GLNANDA"/>
    <n v="-272419.67"/>
    <n v="-2185005"/>
    <s v="Billed Revenues"/>
    <s v="EXV"/>
    <s v="NONBU"/>
    <s v="G0000110"/>
    <s v="N"/>
    <s v="MACSS Dist Billed Revenue-03"/>
    <s v=""/>
    <x v="0"/>
    <s v="CAD0331031"/>
    <s v="S"/>
    <s v="KY"/>
    <s v="REV"/>
    <s v="974"/>
    <s v="GLBATCH"/>
    <n v="11"/>
    <n v="2016"/>
  </r>
  <r>
    <s v="110"/>
    <d v="2016-11-15T00:00:00"/>
    <x v="6"/>
    <x v="0"/>
    <s v="10828"/>
    <s v="GLNANDA"/>
    <n v="0"/>
    <n v="18"/>
    <s v="Billed Revenues"/>
    <s v="EXV"/>
    <s v="NONBU"/>
    <s v="G0000110"/>
    <s v="N"/>
    <s v="MACSS Dist Billed Revenue-03"/>
    <s v=""/>
    <x v="0"/>
    <s v="CAD0331031"/>
    <s v="S"/>
    <s v="KY"/>
    <s v="REV"/>
    <s v="974"/>
    <s v="GLBATCH"/>
    <n v="11"/>
    <n v="2016"/>
  </r>
  <r>
    <s v="110"/>
    <d v="2016-11-15T00:00:00"/>
    <x v="7"/>
    <x v="0"/>
    <s v="10828"/>
    <s v="GLNANDA"/>
    <n v="-67201.490000000005"/>
    <n v="-495104"/>
    <s v="Billed Revenues"/>
    <s v="EXV"/>
    <s v="NONBU"/>
    <s v="G0000110"/>
    <s v="N"/>
    <s v="MACSS Dist Billed Revenue-03"/>
    <s v=""/>
    <x v="0"/>
    <s v="CAD0331031"/>
    <s v="S"/>
    <s v="KY"/>
    <s v="REV"/>
    <s v="974"/>
    <s v="GLBATCH"/>
    <n v="11"/>
    <n v="2016"/>
  </r>
  <r>
    <s v="110"/>
    <d v="2016-11-15T00:00:00"/>
    <x v="7"/>
    <x v="0"/>
    <s v="10828"/>
    <s v="GLNANDA"/>
    <n v="0"/>
    <n v="41"/>
    <s v="Billed Revenues"/>
    <s v="EXV"/>
    <s v="NONBU"/>
    <s v="G0000110"/>
    <s v="N"/>
    <s v="MACSS Dist Billed Revenue-03"/>
    <s v=""/>
    <x v="0"/>
    <s v="CAD0331031"/>
    <s v="S"/>
    <s v="KY"/>
    <s v="REV"/>
    <s v="974"/>
    <s v="GLBATCH"/>
    <n v="11"/>
    <n v="2016"/>
  </r>
  <r>
    <s v="110"/>
    <d v="2016-11-15T00:00:00"/>
    <x v="5"/>
    <x v="0"/>
    <s v="10828"/>
    <s v="GLNANDA"/>
    <n v="-25083.47"/>
    <n v="-181610"/>
    <s v="Billed Revenues"/>
    <s v="EXV"/>
    <s v="NONBU"/>
    <s v="G0000110"/>
    <s v="N"/>
    <s v="MACSS Dist Billed Revenue-03"/>
    <s v=""/>
    <x v="0"/>
    <s v="CAD0331031"/>
    <s v="S"/>
    <s v="KY"/>
    <s v="REV"/>
    <s v="974"/>
    <s v="GLBATCH"/>
    <n v="11"/>
    <n v="2016"/>
  </r>
  <r>
    <s v="110"/>
    <d v="2016-11-15T00:00:00"/>
    <x v="5"/>
    <x v="0"/>
    <s v="10828"/>
    <s v="GLNANDA"/>
    <n v="0"/>
    <n v="62"/>
    <s v="Billed Revenues"/>
    <s v="EXV"/>
    <s v="NONBU"/>
    <s v="G0000110"/>
    <s v="N"/>
    <s v="MACSS Dist Billed Revenue-03"/>
    <s v=""/>
    <x v="0"/>
    <s v="CAD0331031"/>
    <s v="S"/>
    <s v="KY"/>
    <s v="REV"/>
    <s v="974"/>
    <s v="GLBATCH"/>
    <n v="11"/>
    <n v="2016"/>
  </r>
  <r>
    <s v="110"/>
    <d v="2016-11-15T00:00:00"/>
    <x v="1"/>
    <x v="0"/>
    <s v="10828"/>
    <s v="GLNANDA"/>
    <n v="-247930.1"/>
    <n v="-1825944"/>
    <s v="Billed Revenues"/>
    <s v="EXV"/>
    <s v="NONBU"/>
    <s v="G0000110"/>
    <s v="N"/>
    <s v="MACSS Dist Billed Revenue-03"/>
    <s v=""/>
    <x v="0"/>
    <s v="CAD0331031"/>
    <s v="S"/>
    <s v="KY"/>
    <s v="REV"/>
    <s v="974"/>
    <s v="GLBATCH"/>
    <n v="11"/>
    <n v="2016"/>
  </r>
  <r>
    <s v="110"/>
    <d v="2016-11-15T00:00:00"/>
    <x v="1"/>
    <x v="0"/>
    <s v="10828"/>
    <s v="GLNANDA"/>
    <n v="0"/>
    <n v="2697"/>
    <s v="Billed Revenues"/>
    <s v="EXV"/>
    <s v="NONBU"/>
    <s v="G0000110"/>
    <s v="N"/>
    <s v="MACSS Dist Billed Revenue-03"/>
    <s v=""/>
    <x v="0"/>
    <s v="CAD0331031"/>
    <s v="S"/>
    <s v="KY"/>
    <s v="REV"/>
    <s v="974"/>
    <s v="GLBATCH"/>
    <n v="11"/>
    <n v="2016"/>
  </r>
  <r>
    <s v="110"/>
    <d v="2016-11-15T00:00:00"/>
    <x v="3"/>
    <x v="0"/>
    <s v="10828"/>
    <s v="GLNANDA"/>
    <n v="-27571.17"/>
    <n v="-253455"/>
    <s v="Billed Revenues"/>
    <s v="EXV"/>
    <s v="NONBU"/>
    <s v="G0000110"/>
    <s v="N"/>
    <s v="MACSS Dist Billed Revenue-03"/>
    <s v=""/>
    <x v="0"/>
    <s v="CAD0331031"/>
    <s v="S"/>
    <s v="KY"/>
    <s v="REV"/>
    <s v="974"/>
    <s v="GLBATCH"/>
    <n v="11"/>
    <n v="2016"/>
  </r>
  <r>
    <s v="110"/>
    <d v="2016-11-15T00:00:00"/>
    <x v="3"/>
    <x v="0"/>
    <s v="10828"/>
    <s v="GLNANDA"/>
    <n v="0"/>
    <n v="12"/>
    <s v="Billed Revenues"/>
    <s v="EXV"/>
    <s v="NONBU"/>
    <s v="G0000110"/>
    <s v="N"/>
    <s v="MACSS Dist Billed Revenue-03"/>
    <s v=""/>
    <x v="0"/>
    <s v="CAD0331031"/>
    <s v="S"/>
    <s v="KY"/>
    <s v="REV"/>
    <s v="974"/>
    <s v="GLBATCH"/>
    <n v="11"/>
    <n v="2016"/>
  </r>
  <r>
    <s v="110"/>
    <d v="2016-11-15T00:00:00"/>
    <x v="0"/>
    <x v="0"/>
    <s v="10828"/>
    <s v="GLNANDA"/>
    <n v="-200797.46"/>
    <n v="-2016451"/>
    <s v="Billed Revenues"/>
    <s v="EXV"/>
    <s v="NONBU"/>
    <s v="G0000110"/>
    <s v="N"/>
    <s v="MACSS Dist Billed Revenue-03"/>
    <s v=""/>
    <x v="0"/>
    <s v="CAD0331031"/>
    <s v="S"/>
    <s v="KY"/>
    <s v="REV"/>
    <s v="974"/>
    <s v="GLBATCH"/>
    <n v="11"/>
    <n v="2016"/>
  </r>
  <r>
    <s v="110"/>
    <d v="2016-11-15T00:00:00"/>
    <x v="4"/>
    <x v="0"/>
    <s v="10828"/>
    <s v="GLNANDA"/>
    <n v="0"/>
    <n v="3879"/>
    <s v="Billed Revenues"/>
    <s v="EXV"/>
    <s v="NONBU"/>
    <s v="G0000110"/>
    <s v="N"/>
    <s v="MACSS Dist Billed Revenue-03"/>
    <s v=""/>
    <x v="0"/>
    <s v="CAD0331031"/>
    <s v="S"/>
    <s v="KY"/>
    <s v="REV"/>
    <s v="974"/>
    <s v="GLBATCH"/>
    <n v="11"/>
    <n v="2016"/>
  </r>
  <r>
    <s v="110"/>
    <d v="2016-11-15T00:00:00"/>
    <x v="4"/>
    <x v="0"/>
    <s v="10828"/>
    <s v="GLNANDA"/>
    <n v="-431306.7"/>
    <n v="-3285994"/>
    <s v="Billed Revenues"/>
    <s v="EXV"/>
    <s v="NONBU"/>
    <s v="G0000110"/>
    <s v="N"/>
    <s v="MACSS Dist Billed Revenue-03"/>
    <s v=""/>
    <x v="0"/>
    <s v="CAD0331031"/>
    <s v="S"/>
    <s v="KY"/>
    <s v="REV"/>
    <s v="974"/>
    <s v="GLBATCH"/>
    <n v="11"/>
    <n v="2016"/>
  </r>
  <r>
    <s v="110"/>
    <d v="2016-11-15T00:00:00"/>
    <x v="2"/>
    <x v="0"/>
    <s v="10828"/>
    <s v="GLNANDA"/>
    <n v="0"/>
    <n v="1087"/>
    <s v="Billed Revenues"/>
    <s v="EXV"/>
    <s v="NONBU"/>
    <s v="G0000110"/>
    <s v="N"/>
    <s v="MACSS Dist Billed Revenue-03"/>
    <s v=""/>
    <x v="0"/>
    <s v="CAD0331031"/>
    <s v="S"/>
    <s v="KY"/>
    <s v="REV"/>
    <s v="974"/>
    <s v="GLBATCH"/>
    <n v="11"/>
    <n v="2016"/>
  </r>
  <r>
    <s v="110"/>
    <d v="2016-11-15T00:00:00"/>
    <x v="6"/>
    <x v="0"/>
    <s v="10828"/>
    <s v="GLNANDA"/>
    <n v="-2223.4699999999998"/>
    <n v="-14674"/>
    <s v="Billed Revenues"/>
    <s v="EXV"/>
    <s v="NONBU"/>
    <s v="G0000110"/>
    <s v="N"/>
    <s v="MACSS Dist Billed Revenue-03"/>
    <s v=""/>
    <x v="0"/>
    <s v="CAD0331031"/>
    <s v="S"/>
    <s v="KY"/>
    <s v="REV"/>
    <s v="974"/>
    <s v="GLBATCH"/>
    <n v="11"/>
    <n v="2016"/>
  </r>
  <r>
    <s v="110"/>
    <d v="2016-10-15T00:00:00"/>
    <x v="6"/>
    <x v="0"/>
    <s v="10828"/>
    <s v="GLNANDA"/>
    <n v="0"/>
    <n v="52"/>
    <s v="Billed Revenues"/>
    <s v="EXV"/>
    <s v="NONBU"/>
    <s v="G0000110"/>
    <s v="N"/>
    <s v="MACSS Dist Billed Revenue-03"/>
    <s v=""/>
    <x v="0"/>
    <s v="CAD0331031"/>
    <s v="S"/>
    <s v="KY"/>
    <s v="REV"/>
    <s v="974"/>
    <s v="GLBATCH"/>
    <n v="10"/>
    <n v="2016"/>
  </r>
  <r>
    <s v="110"/>
    <d v="2016-10-15T00:00:00"/>
    <x v="3"/>
    <x v="0"/>
    <s v="10828"/>
    <s v="GLNANDA"/>
    <n v="-2808.87"/>
    <n v="-17480"/>
    <s v="Billed Revenues"/>
    <s v="EXV"/>
    <s v="NONBU"/>
    <s v="G0000110"/>
    <s v="N"/>
    <s v="MACSS Dist Billed Revenue-03"/>
    <s v=""/>
    <x v="0"/>
    <s v="CAD0331031"/>
    <s v="S"/>
    <s v="KY"/>
    <s v="REV"/>
    <s v="974"/>
    <s v="GLBATCH"/>
    <n v="10"/>
    <n v="2016"/>
  </r>
  <r>
    <s v="110"/>
    <d v="2016-10-15T00:00:00"/>
    <x v="3"/>
    <x v="0"/>
    <s v="10828"/>
    <s v="GLNANDA"/>
    <n v="0"/>
    <n v="3"/>
    <s v="Billed Revenues"/>
    <s v="EXV"/>
    <s v="NONBU"/>
    <s v="G0000110"/>
    <s v="N"/>
    <s v="MACSS Dist Billed Revenue-03"/>
    <s v=""/>
    <x v="0"/>
    <s v="CAD0331031"/>
    <s v="S"/>
    <s v="KY"/>
    <s v="REV"/>
    <s v="974"/>
    <s v="GLBATCH"/>
    <n v="10"/>
    <n v="2016"/>
  </r>
  <r>
    <s v="110"/>
    <d v="2016-10-15T00:00:00"/>
    <x v="7"/>
    <x v="0"/>
    <s v="10828"/>
    <s v="GLNANDA"/>
    <n v="-601.14"/>
    <n v="-4536"/>
    <s v="Billed Revenues"/>
    <s v="EXV"/>
    <s v="NONBU"/>
    <s v="G0000110"/>
    <s v="N"/>
    <s v="MACSS Dist Billed Revenue-03"/>
    <s v=""/>
    <x v="0"/>
    <s v="CAD0331031"/>
    <s v="S"/>
    <s v="KY"/>
    <s v="REV"/>
    <s v="974"/>
    <s v="GLBATCH"/>
    <n v="10"/>
    <n v="2016"/>
  </r>
  <r>
    <s v="110"/>
    <d v="2016-10-15T00:00:00"/>
    <x v="7"/>
    <x v="0"/>
    <s v="10828"/>
    <s v="GLNANDA"/>
    <n v="0"/>
    <n v="1"/>
    <s v="Billed Revenues"/>
    <s v="EXV"/>
    <s v="NONBU"/>
    <s v="G0000110"/>
    <s v="N"/>
    <s v="MACSS Dist Billed Revenue-03"/>
    <s v=""/>
    <x v="0"/>
    <s v="CAD0331031"/>
    <s v="S"/>
    <s v="KY"/>
    <s v="REV"/>
    <s v="974"/>
    <s v="GLBATCH"/>
    <n v="10"/>
    <n v="2016"/>
  </r>
  <r>
    <s v="110"/>
    <d v="2016-10-15T00:00:00"/>
    <x v="6"/>
    <x v="0"/>
    <s v="10828"/>
    <s v="GLNANDA"/>
    <n v="-130555.88"/>
    <n v="-774615"/>
    <s v="Billed Revenues"/>
    <s v="EXV"/>
    <s v="NONBU"/>
    <s v="G0000110"/>
    <s v="N"/>
    <s v="MACSS Dist Billed Revenue-03"/>
    <s v=""/>
    <x v="0"/>
    <s v="CAD0331031"/>
    <s v="S"/>
    <s v="KY"/>
    <s v="REV"/>
    <s v="974"/>
    <s v="GLBATCH"/>
    <n v="10"/>
    <n v="2016"/>
  </r>
  <r>
    <s v="110"/>
    <d v="2016-10-15T00:00:00"/>
    <x v="2"/>
    <x v="0"/>
    <s v="10828"/>
    <s v="GLNANDA"/>
    <n v="0"/>
    <n v="8"/>
    <s v="Billed Revenues"/>
    <s v="EXV"/>
    <s v="NONBU"/>
    <s v="G0000110"/>
    <s v="N"/>
    <s v="MACSS Dist Billed Revenue-03"/>
    <s v=""/>
    <x v="0"/>
    <s v="CAD0331031"/>
    <s v="S"/>
    <s v="KY"/>
    <s v="REV"/>
    <s v="974"/>
    <s v="GLBATCH"/>
    <n v="10"/>
    <n v="2016"/>
  </r>
  <r>
    <s v="110"/>
    <d v="2016-10-15T00:00:00"/>
    <x v="1"/>
    <x v="0"/>
    <s v="10828"/>
    <s v="GLNANDA"/>
    <n v="-946.57"/>
    <n v="-7431"/>
    <s v="Billed Revenues"/>
    <s v="EXV"/>
    <s v="NONBU"/>
    <s v="G0000110"/>
    <s v="N"/>
    <s v="MACSS Dist Billed Revenue-03"/>
    <s v=""/>
    <x v="0"/>
    <s v="CAD0331031"/>
    <s v="S"/>
    <s v="KY"/>
    <s v="REV"/>
    <s v="974"/>
    <s v="GLBATCH"/>
    <n v="10"/>
    <n v="2016"/>
  </r>
  <r>
    <s v="110"/>
    <d v="2016-10-15T00:00:00"/>
    <x v="1"/>
    <x v="0"/>
    <s v="10828"/>
    <s v="GLNANDA"/>
    <n v="0"/>
    <n v="2"/>
    <s v="Billed Revenues"/>
    <s v="EXV"/>
    <s v="NONBU"/>
    <s v="G0000110"/>
    <s v="N"/>
    <s v="MACSS Dist Billed Revenue-03"/>
    <s v=""/>
    <x v="0"/>
    <s v="CAD0331031"/>
    <s v="S"/>
    <s v="KY"/>
    <s v="REV"/>
    <s v="974"/>
    <s v="GLBATCH"/>
    <n v="10"/>
    <n v="2016"/>
  </r>
  <r>
    <s v="110"/>
    <d v="2016-10-15T00:00:00"/>
    <x v="4"/>
    <x v="0"/>
    <s v="10828"/>
    <s v="GLNANDA"/>
    <n v="-3446.01"/>
    <n v="-31632"/>
    <s v="Billed Revenues"/>
    <s v="EXV"/>
    <s v="NONBU"/>
    <s v="G0000110"/>
    <s v="N"/>
    <s v="MACSS Dist Billed Revenue-03"/>
    <s v=""/>
    <x v="0"/>
    <s v="CAD0331031"/>
    <s v="S"/>
    <s v="KY"/>
    <s v="REV"/>
    <s v="974"/>
    <s v="GLBATCH"/>
    <n v="10"/>
    <n v="2016"/>
  </r>
  <r>
    <s v="110"/>
    <d v="2016-10-15T00:00:00"/>
    <x v="4"/>
    <x v="0"/>
    <s v="10828"/>
    <s v="GLNANDA"/>
    <n v="0"/>
    <n v="14"/>
    <s v="Billed Revenues"/>
    <s v="EXV"/>
    <s v="NONBU"/>
    <s v="G0000110"/>
    <s v="N"/>
    <s v="MACSS Dist Billed Revenue-03"/>
    <s v=""/>
    <x v="0"/>
    <s v="CAD0331031"/>
    <s v="S"/>
    <s v="KY"/>
    <s v="REV"/>
    <s v="974"/>
    <s v="GLBATCH"/>
    <n v="10"/>
    <n v="2016"/>
  </r>
  <r>
    <s v="110"/>
    <d v="2016-10-15T00:00:00"/>
    <x v="2"/>
    <x v="0"/>
    <s v="10828"/>
    <s v="GLNANDA"/>
    <n v="-2960.83"/>
    <n v="-19238"/>
    <s v="Billed Revenues"/>
    <s v="EXV"/>
    <s v="NONBU"/>
    <s v="G0000110"/>
    <s v="N"/>
    <s v="MACSS Dist Billed Revenue-03"/>
    <s v=""/>
    <x v="0"/>
    <s v="CAD0331031"/>
    <s v="S"/>
    <s v="KY"/>
    <s v="REV"/>
    <s v="974"/>
    <s v="GLBATCH"/>
    <n v="10"/>
    <n v="2016"/>
  </r>
  <r>
    <s v="110"/>
    <d v="2016-11-15T00:00:00"/>
    <x v="1"/>
    <x v="0"/>
    <s v="10828"/>
    <s v="GLNANDA"/>
    <n v="0"/>
    <n v="3346"/>
    <s v="Billed Revenues"/>
    <s v="EXV"/>
    <s v="NONBU"/>
    <s v="G0000110"/>
    <s v="N"/>
    <s v="MACSS Dist Billed Revenue-03"/>
    <s v=""/>
    <x v="0"/>
    <s v="CAD0331101"/>
    <s v="S"/>
    <s v="KY"/>
    <s v="REV"/>
    <s v="974"/>
    <s v="GLBATCH"/>
    <n v="11"/>
    <n v="2016"/>
  </r>
  <r>
    <s v="110"/>
    <d v="2016-11-15T00:00:00"/>
    <x v="1"/>
    <x v="0"/>
    <s v="10828"/>
    <s v="GLNANDA"/>
    <n v="-325490.96000000002"/>
    <n v="-2443895"/>
    <s v="Billed Revenues"/>
    <s v="EXV"/>
    <s v="NONBU"/>
    <s v="G0000110"/>
    <s v="N"/>
    <s v="MACSS Dist Billed Revenue-03"/>
    <s v=""/>
    <x v="0"/>
    <s v="CAD0331101"/>
    <s v="S"/>
    <s v="KY"/>
    <s v="REV"/>
    <s v="974"/>
    <s v="GLBATCH"/>
    <n v="11"/>
    <n v="2016"/>
  </r>
  <r>
    <s v="110"/>
    <d v="2016-11-15T00:00:00"/>
    <x v="2"/>
    <x v="0"/>
    <s v="10828"/>
    <s v="GLNANDA"/>
    <n v="-593169.96"/>
    <n v="-4828575"/>
    <s v="Billed Revenues"/>
    <s v="EXV"/>
    <s v="NONBU"/>
    <s v="G0000110"/>
    <s v="N"/>
    <s v="MACSS Dist Billed Revenue-03"/>
    <s v=""/>
    <x v="0"/>
    <s v="CAD0331101"/>
    <s v="S"/>
    <s v="KY"/>
    <s v="REV"/>
    <s v="974"/>
    <s v="GLBATCH"/>
    <n v="11"/>
    <n v="2016"/>
  </r>
  <r>
    <s v="110"/>
    <d v="2016-11-15T00:00:00"/>
    <x v="2"/>
    <x v="0"/>
    <s v="10828"/>
    <s v="GLNANDA"/>
    <n v="0"/>
    <n v="1353"/>
    <s v="Billed Revenues"/>
    <s v="EXV"/>
    <s v="NONBU"/>
    <s v="G0000110"/>
    <s v="N"/>
    <s v="MACSS Dist Billed Revenue-03"/>
    <s v=""/>
    <x v="0"/>
    <s v="CAD0331101"/>
    <s v="S"/>
    <s v="KY"/>
    <s v="REV"/>
    <s v="974"/>
    <s v="GLBATCH"/>
    <n v="11"/>
    <n v="2016"/>
  </r>
  <r>
    <s v="110"/>
    <d v="2016-11-15T00:00:00"/>
    <x v="0"/>
    <x v="0"/>
    <s v="10828"/>
    <s v="GLNANDA"/>
    <n v="-42727.62"/>
    <n v="-301986"/>
    <s v="Billed Revenues"/>
    <s v="EXV"/>
    <s v="NONBU"/>
    <s v="G0000110"/>
    <s v="N"/>
    <s v="MACSS Dist Billed Revenue-03"/>
    <s v=""/>
    <x v="0"/>
    <s v="CAD0331101"/>
    <s v="S"/>
    <s v="KY"/>
    <s v="REV"/>
    <s v="974"/>
    <s v="GLBATCH"/>
    <n v="11"/>
    <n v="2016"/>
  </r>
  <r>
    <s v="110"/>
    <d v="2016-11-15T00:00:00"/>
    <x v="0"/>
    <x v="0"/>
    <s v="10828"/>
    <s v="GLNANDA"/>
    <n v="0"/>
    <n v="31"/>
    <s v="Billed Revenues"/>
    <s v="EXV"/>
    <s v="NONBU"/>
    <s v="G0000110"/>
    <s v="N"/>
    <s v="MACSS Dist Billed Revenue-03"/>
    <s v=""/>
    <x v="0"/>
    <s v="CAD0331101"/>
    <s v="S"/>
    <s v="KY"/>
    <s v="REV"/>
    <s v="974"/>
    <s v="GLBATCH"/>
    <n v="11"/>
    <n v="2016"/>
  </r>
  <r>
    <s v="110"/>
    <d v="2016-11-15T00:00:00"/>
    <x v="3"/>
    <x v="0"/>
    <s v="10828"/>
    <s v="GLNANDA"/>
    <n v="-9067.1"/>
    <n v="-41466"/>
    <s v="Billed Revenues"/>
    <s v="EXV"/>
    <s v="NONBU"/>
    <s v="G0000110"/>
    <s v="N"/>
    <s v="MACSS Dist Billed Revenue-03"/>
    <s v=""/>
    <x v="0"/>
    <s v="CAD0331101"/>
    <s v="S"/>
    <s v="KY"/>
    <s v="REV"/>
    <s v="974"/>
    <s v="GLBATCH"/>
    <n v="11"/>
    <n v="2016"/>
  </r>
  <r>
    <s v="110"/>
    <d v="2016-11-15T00:00:00"/>
    <x v="3"/>
    <x v="0"/>
    <s v="10828"/>
    <s v="GLNANDA"/>
    <n v="0"/>
    <n v="10"/>
    <s v="Billed Revenues"/>
    <s v="EXV"/>
    <s v="NONBU"/>
    <s v="G0000110"/>
    <s v="N"/>
    <s v="MACSS Dist Billed Revenue-03"/>
    <s v=""/>
    <x v="0"/>
    <s v="CAD0331101"/>
    <s v="S"/>
    <s v="KY"/>
    <s v="REV"/>
    <s v="974"/>
    <s v="GLBATCH"/>
    <n v="11"/>
    <n v="2016"/>
  </r>
  <r>
    <s v="110"/>
    <d v="2016-11-15T00:00:00"/>
    <x v="7"/>
    <x v="0"/>
    <s v="10828"/>
    <s v="GLNANDA"/>
    <n v="-68970.179999999993"/>
    <n v="-517511"/>
    <s v="Billed Revenues"/>
    <s v="EXV"/>
    <s v="NONBU"/>
    <s v="G0000110"/>
    <s v="N"/>
    <s v="MACSS Dist Billed Revenue-03"/>
    <s v=""/>
    <x v="0"/>
    <s v="CAD0331101"/>
    <s v="S"/>
    <s v="KY"/>
    <s v="REV"/>
    <s v="974"/>
    <s v="GLBATCH"/>
    <n v="11"/>
    <n v="2016"/>
  </r>
  <r>
    <s v="110"/>
    <d v="2016-11-15T00:00:00"/>
    <x v="7"/>
    <x v="0"/>
    <s v="10828"/>
    <s v="GLNANDA"/>
    <n v="0"/>
    <n v="42"/>
    <s v="Billed Revenues"/>
    <s v="EXV"/>
    <s v="NONBU"/>
    <s v="G0000110"/>
    <s v="N"/>
    <s v="MACSS Dist Billed Revenue-03"/>
    <s v=""/>
    <x v="0"/>
    <s v="CAD0331101"/>
    <s v="S"/>
    <s v="KY"/>
    <s v="REV"/>
    <s v="974"/>
    <s v="GLBATCH"/>
    <n v="11"/>
    <n v="2016"/>
  </r>
  <r>
    <s v="110"/>
    <d v="2016-11-15T00:00:00"/>
    <x v="5"/>
    <x v="0"/>
    <s v="10828"/>
    <s v="GLNANDA"/>
    <n v="0"/>
    <n v="155"/>
    <s v="Billed Revenues"/>
    <s v="EXV"/>
    <s v="NONBU"/>
    <s v="G0000110"/>
    <s v="N"/>
    <s v="MACSS Dist Billed Revenue-03"/>
    <s v=""/>
    <x v="0"/>
    <s v="CAD0331101"/>
    <s v="S"/>
    <s v="KY"/>
    <s v="REV"/>
    <s v="974"/>
    <s v="GLBATCH"/>
    <n v="11"/>
    <n v="2016"/>
  </r>
  <r>
    <s v="110"/>
    <d v="2016-11-15T00:00:00"/>
    <x v="5"/>
    <x v="0"/>
    <s v="10828"/>
    <s v="GLNANDA"/>
    <n v="-197245.56"/>
    <n v="-1884914"/>
    <s v="Billed Revenues"/>
    <s v="EXV"/>
    <s v="NONBU"/>
    <s v="G0000110"/>
    <s v="N"/>
    <s v="MACSS Dist Billed Revenue-03"/>
    <s v=""/>
    <x v="0"/>
    <s v="CAD0331101"/>
    <s v="S"/>
    <s v="KY"/>
    <s v="REV"/>
    <s v="974"/>
    <s v="GLBATCH"/>
    <n v="11"/>
    <n v="2016"/>
  </r>
  <r>
    <s v="110"/>
    <d v="2016-11-15T00:00:00"/>
    <x v="6"/>
    <x v="0"/>
    <s v="10828"/>
    <s v="GLNANDA"/>
    <n v="-800.14"/>
    <n v="-2047"/>
    <s v="Billed Revenues"/>
    <s v="EXV"/>
    <s v="NONBU"/>
    <s v="G0000110"/>
    <s v="N"/>
    <s v="MACSS Dist Billed Revenue-03"/>
    <s v=""/>
    <x v="0"/>
    <s v="CAD0331101"/>
    <s v="S"/>
    <s v="KY"/>
    <s v="REV"/>
    <s v="974"/>
    <s v="GLBATCH"/>
    <n v="11"/>
    <n v="2016"/>
  </r>
  <r>
    <s v="110"/>
    <d v="2016-11-15T00:00:00"/>
    <x v="6"/>
    <x v="0"/>
    <s v="10828"/>
    <s v="GLNANDA"/>
    <n v="0"/>
    <n v="20"/>
    <s v="Billed Revenues"/>
    <s v="EXV"/>
    <s v="NONBU"/>
    <s v="G0000110"/>
    <s v="N"/>
    <s v="MACSS Dist Billed Revenue-03"/>
    <s v=""/>
    <x v="0"/>
    <s v="CAD0331101"/>
    <s v="S"/>
    <s v="KY"/>
    <s v="REV"/>
    <s v="974"/>
    <s v="GLBATCH"/>
    <n v="11"/>
    <n v="2016"/>
  </r>
  <r>
    <s v="110"/>
    <d v="2016-11-15T00:00:00"/>
    <x v="4"/>
    <x v="0"/>
    <s v="10828"/>
    <s v="GLNANDA"/>
    <n v="-412753.31"/>
    <n v="-3167266"/>
    <s v="Billed Revenues"/>
    <s v="EXV"/>
    <s v="NONBU"/>
    <s v="G0000110"/>
    <s v="N"/>
    <s v="MACSS Dist Billed Revenue-03"/>
    <s v=""/>
    <x v="0"/>
    <s v="CAD0331101"/>
    <s v="S"/>
    <s v="KY"/>
    <s v="REV"/>
    <s v="974"/>
    <s v="GLBATCH"/>
    <n v="11"/>
    <n v="2016"/>
  </r>
  <r>
    <s v="110"/>
    <d v="2016-11-15T00:00:00"/>
    <x v="4"/>
    <x v="0"/>
    <s v="10828"/>
    <s v="GLNANDA"/>
    <n v="0"/>
    <n v="3630"/>
    <s v="Billed Revenues"/>
    <s v="EXV"/>
    <s v="NONBU"/>
    <s v="G0000110"/>
    <s v="N"/>
    <s v="MACSS Dist Billed Revenue-03"/>
    <s v=""/>
    <x v="0"/>
    <s v="CAD0331101"/>
    <s v="S"/>
    <s v="KY"/>
    <s v="REV"/>
    <s v="974"/>
    <s v="GLBATCH"/>
    <n v="11"/>
    <n v="2016"/>
  </r>
  <r>
    <s v="110"/>
    <d v="2016-10-15T00:00:00"/>
    <x v="2"/>
    <x v="0"/>
    <s v="10828"/>
    <s v="GLNANDA"/>
    <n v="0"/>
    <n v="7"/>
    <s v="Billed Revenues"/>
    <s v="EXV"/>
    <s v="NONBU"/>
    <s v="G0000110"/>
    <s v="N"/>
    <s v="MACSS Dist Billed Revenue-03"/>
    <s v=""/>
    <x v="0"/>
    <s v="CAD0331101"/>
    <s v="S"/>
    <s v="KY"/>
    <s v="REV"/>
    <s v="974"/>
    <s v="GLBATCH"/>
    <n v="10"/>
    <n v="2016"/>
  </r>
  <r>
    <s v="110"/>
    <d v="2016-10-15T00:00:00"/>
    <x v="1"/>
    <x v="0"/>
    <s v="10828"/>
    <s v="GLNANDA"/>
    <n v="0"/>
    <n v="1"/>
    <s v="Billed Revenues"/>
    <s v="EXV"/>
    <s v="NONBU"/>
    <s v="G0000110"/>
    <s v="N"/>
    <s v="MACSS Dist Billed Revenue-03"/>
    <s v=""/>
    <x v="0"/>
    <s v="CAD0331101"/>
    <s v="S"/>
    <s v="KY"/>
    <s v="REV"/>
    <s v="974"/>
    <s v="GLBATCH"/>
    <n v="10"/>
    <n v="2016"/>
  </r>
  <r>
    <s v="110"/>
    <d v="2016-10-15T00:00:00"/>
    <x v="1"/>
    <x v="0"/>
    <s v="10828"/>
    <s v="GLNANDA"/>
    <n v="-131.30000000000001"/>
    <n v="-908"/>
    <s v="Billed Revenues"/>
    <s v="EXV"/>
    <s v="NONBU"/>
    <s v="G0000110"/>
    <s v="N"/>
    <s v="MACSS Dist Billed Revenue-03"/>
    <s v=""/>
    <x v="0"/>
    <s v="CAD0331101"/>
    <s v="S"/>
    <s v="KY"/>
    <s v="REV"/>
    <s v="974"/>
    <s v="GLBATCH"/>
    <n v="10"/>
    <n v="2016"/>
  </r>
  <r>
    <s v="110"/>
    <d v="2016-10-15T00:00:00"/>
    <x v="0"/>
    <x v="0"/>
    <s v="10828"/>
    <s v="GLNANDA"/>
    <n v="0"/>
    <n v="5"/>
    <s v="Billed Revenues"/>
    <s v="EXV"/>
    <s v="NONBU"/>
    <s v="G0000110"/>
    <s v="N"/>
    <s v="MACSS Dist Billed Revenue-03"/>
    <s v=""/>
    <x v="0"/>
    <s v="CAD0331101"/>
    <s v="S"/>
    <s v="KY"/>
    <s v="REV"/>
    <s v="974"/>
    <s v="GLBATCH"/>
    <n v="10"/>
    <n v="2016"/>
  </r>
  <r>
    <s v="110"/>
    <d v="2016-10-15T00:00:00"/>
    <x v="4"/>
    <x v="0"/>
    <s v="10828"/>
    <s v="GLNANDA"/>
    <n v="0"/>
    <n v="4"/>
    <s v="Billed Revenues"/>
    <s v="EXV"/>
    <s v="NONBU"/>
    <s v="G0000110"/>
    <s v="N"/>
    <s v="MACSS Dist Billed Revenue-03"/>
    <s v=""/>
    <x v="0"/>
    <s v="CAD0331101"/>
    <s v="S"/>
    <s v="KY"/>
    <s v="REV"/>
    <s v="974"/>
    <s v="GLBATCH"/>
    <n v="10"/>
    <n v="2016"/>
  </r>
  <r>
    <s v="110"/>
    <d v="2016-10-15T00:00:00"/>
    <x v="4"/>
    <x v="0"/>
    <s v="10828"/>
    <s v="GLNANDA"/>
    <n v="-581.20000000000005"/>
    <n v="-4374"/>
    <s v="Billed Revenues"/>
    <s v="EXV"/>
    <s v="NONBU"/>
    <s v="G0000110"/>
    <s v="N"/>
    <s v="MACSS Dist Billed Revenue-03"/>
    <s v=""/>
    <x v="0"/>
    <s v="CAD0331101"/>
    <s v="S"/>
    <s v="KY"/>
    <s v="REV"/>
    <s v="974"/>
    <s v="GLBATCH"/>
    <n v="10"/>
    <n v="2016"/>
  </r>
  <r>
    <s v="110"/>
    <d v="2016-10-15T00:00:00"/>
    <x v="2"/>
    <x v="0"/>
    <s v="10828"/>
    <s v="GLNANDA"/>
    <n v="-2915.44"/>
    <n v="-19703"/>
    <s v="Billed Revenues"/>
    <s v="EXV"/>
    <s v="NONBU"/>
    <s v="G0000110"/>
    <s v="N"/>
    <s v="MACSS Dist Billed Revenue-03"/>
    <s v=""/>
    <x v="0"/>
    <s v="CAD0331101"/>
    <s v="S"/>
    <s v="KY"/>
    <s v="REV"/>
    <s v="974"/>
    <s v="GLBATCH"/>
    <n v="10"/>
    <n v="2016"/>
  </r>
  <r>
    <s v="110"/>
    <d v="2016-10-15T00:00:00"/>
    <x v="0"/>
    <x v="0"/>
    <s v="10828"/>
    <s v="GLNANDA"/>
    <n v="-6676148.6699999999"/>
    <n v="-114438000"/>
    <s v="Billed Revenues"/>
    <s v="EXV"/>
    <s v="NONBU"/>
    <s v="G0000110"/>
    <s v="N"/>
    <s v="MACSS Dist Billed Revenue-03"/>
    <s v=""/>
    <x v="0"/>
    <s v="CAD0331101"/>
    <s v="S"/>
    <s v="KY"/>
    <s v="REV"/>
    <s v="974"/>
    <s v="GLBATCH"/>
    <n v="10"/>
    <n v="2016"/>
  </r>
  <r>
    <s v="110"/>
    <d v="2016-11-15T00:00:00"/>
    <x v="6"/>
    <x v="0"/>
    <s v="10828"/>
    <s v="GLNANDA"/>
    <n v="-2563.64"/>
    <n v="-18031"/>
    <s v="Billed Revenues"/>
    <s v="EXV"/>
    <s v="NONBU"/>
    <s v="G0000110"/>
    <s v="N"/>
    <s v="MACSS Dist Billed Revenue-03"/>
    <s v=""/>
    <x v="0"/>
    <s v="CAD0331102"/>
    <s v="S"/>
    <s v="KY"/>
    <s v="REV"/>
    <s v="974"/>
    <s v="GLBATCH"/>
    <n v="11"/>
    <n v="2016"/>
  </r>
  <r>
    <s v="110"/>
    <d v="2016-11-15T00:00:00"/>
    <x v="6"/>
    <x v="0"/>
    <s v="10828"/>
    <s v="GLNANDA"/>
    <n v="0"/>
    <n v="18"/>
    <s v="Billed Revenues"/>
    <s v="EXV"/>
    <s v="NONBU"/>
    <s v="G0000110"/>
    <s v="N"/>
    <s v="MACSS Dist Billed Revenue-03"/>
    <s v=""/>
    <x v="0"/>
    <s v="CAD0331102"/>
    <s v="S"/>
    <s v="KY"/>
    <s v="REV"/>
    <s v="974"/>
    <s v="GLBATCH"/>
    <n v="11"/>
    <n v="2016"/>
  </r>
  <r>
    <s v="110"/>
    <d v="2016-11-15T00:00:00"/>
    <x v="3"/>
    <x v="0"/>
    <s v="10828"/>
    <s v="GLNANDA"/>
    <n v="-929.35"/>
    <n v="-6041"/>
    <s v="Billed Revenues"/>
    <s v="EXV"/>
    <s v="NONBU"/>
    <s v="G0000110"/>
    <s v="N"/>
    <s v="MACSS Dist Billed Revenue-03"/>
    <s v=""/>
    <x v="0"/>
    <s v="CAD0331102"/>
    <s v="S"/>
    <s v="KY"/>
    <s v="REV"/>
    <s v="974"/>
    <s v="GLBATCH"/>
    <n v="11"/>
    <n v="2016"/>
  </r>
  <r>
    <s v="110"/>
    <d v="2016-11-15T00:00:00"/>
    <x v="2"/>
    <x v="0"/>
    <s v="10828"/>
    <s v="GLNANDA"/>
    <n v="0"/>
    <n v="1235"/>
    <s v="Billed Revenues"/>
    <s v="EXV"/>
    <s v="NONBU"/>
    <s v="G0000110"/>
    <s v="N"/>
    <s v="MACSS Dist Billed Revenue-03"/>
    <s v=""/>
    <x v="0"/>
    <s v="CAD0331102"/>
    <s v="S"/>
    <s v="KY"/>
    <s v="REV"/>
    <s v="974"/>
    <s v="GLBATCH"/>
    <n v="11"/>
    <n v="2016"/>
  </r>
  <r>
    <s v="110"/>
    <d v="2016-11-15T00:00:00"/>
    <x v="0"/>
    <x v="0"/>
    <s v="10828"/>
    <s v="GLNANDA"/>
    <n v="0"/>
    <n v="25"/>
    <s v="Billed Revenues"/>
    <s v="EXV"/>
    <s v="NONBU"/>
    <s v="G0000110"/>
    <s v="N"/>
    <s v="MACSS Dist Billed Revenue-03"/>
    <s v=""/>
    <x v="0"/>
    <s v="CAD0331102"/>
    <s v="S"/>
    <s v="KY"/>
    <s v="REV"/>
    <s v="974"/>
    <s v="GLBATCH"/>
    <n v="11"/>
    <n v="2016"/>
  </r>
  <r>
    <s v="110"/>
    <d v="2016-11-15T00:00:00"/>
    <x v="0"/>
    <x v="0"/>
    <s v="10828"/>
    <s v="GLNANDA"/>
    <n v="-485064.22"/>
    <n v="-7978677"/>
    <s v="Billed Revenues"/>
    <s v="EXV"/>
    <s v="NONBU"/>
    <s v="G0000110"/>
    <s v="N"/>
    <s v="MACSS Dist Billed Revenue-03"/>
    <s v=""/>
    <x v="0"/>
    <s v="CAD0331102"/>
    <s v="S"/>
    <s v="KY"/>
    <s v="REV"/>
    <s v="974"/>
    <s v="GLBATCH"/>
    <n v="11"/>
    <n v="2016"/>
  </r>
  <r>
    <s v="110"/>
    <d v="2016-11-15T00:00:00"/>
    <x v="5"/>
    <x v="0"/>
    <s v="10828"/>
    <s v="GLNANDA"/>
    <n v="0"/>
    <n v="229"/>
    <s v="Billed Revenues"/>
    <s v="EXV"/>
    <s v="NONBU"/>
    <s v="G0000110"/>
    <s v="N"/>
    <s v="MACSS Dist Billed Revenue-03"/>
    <s v=""/>
    <x v="0"/>
    <s v="CAD0331102"/>
    <s v="S"/>
    <s v="KY"/>
    <s v="REV"/>
    <s v="974"/>
    <s v="GLBATCH"/>
    <n v="11"/>
    <n v="2016"/>
  </r>
  <r>
    <s v="110"/>
    <d v="2016-11-15T00:00:00"/>
    <x v="1"/>
    <x v="0"/>
    <s v="10828"/>
    <s v="GLNANDA"/>
    <n v="0"/>
    <n v="3331"/>
    <s v="Billed Revenues"/>
    <s v="EXV"/>
    <s v="NONBU"/>
    <s v="G0000110"/>
    <s v="N"/>
    <s v="MACSS Dist Billed Revenue-03"/>
    <s v=""/>
    <x v="0"/>
    <s v="CAD0331102"/>
    <s v="S"/>
    <s v="KY"/>
    <s v="REV"/>
    <s v="974"/>
    <s v="GLBATCH"/>
    <n v="11"/>
    <n v="2016"/>
  </r>
  <r>
    <s v="110"/>
    <d v="2016-11-15T00:00:00"/>
    <x v="1"/>
    <x v="0"/>
    <s v="10828"/>
    <s v="GLNANDA"/>
    <n v="-309278.38"/>
    <n v="-2303282"/>
    <s v="Billed Revenues"/>
    <s v="EXV"/>
    <s v="NONBU"/>
    <s v="G0000110"/>
    <s v="N"/>
    <s v="MACSS Dist Billed Revenue-03"/>
    <s v=""/>
    <x v="0"/>
    <s v="CAD0331102"/>
    <s v="S"/>
    <s v="KY"/>
    <s v="REV"/>
    <s v="974"/>
    <s v="GLBATCH"/>
    <n v="11"/>
    <n v="2016"/>
  </r>
  <r>
    <s v="110"/>
    <d v="2016-11-15T00:00:00"/>
    <x v="3"/>
    <x v="0"/>
    <s v="10828"/>
    <s v="GLNANDA"/>
    <n v="0"/>
    <n v="5"/>
    <s v="Billed Revenues"/>
    <s v="EXV"/>
    <s v="NONBU"/>
    <s v="G0000110"/>
    <s v="N"/>
    <s v="MACSS Dist Billed Revenue-03"/>
    <s v=""/>
    <x v="0"/>
    <s v="CAD0331102"/>
    <s v="S"/>
    <s v="KY"/>
    <s v="REV"/>
    <s v="974"/>
    <s v="GLBATCH"/>
    <n v="11"/>
    <n v="2016"/>
  </r>
  <r>
    <s v="110"/>
    <d v="2016-11-15T00:00:00"/>
    <x v="4"/>
    <x v="0"/>
    <s v="10828"/>
    <s v="GLNANDA"/>
    <n v="0"/>
    <n v="4004"/>
    <s v="Billed Revenues"/>
    <s v="EXV"/>
    <s v="NONBU"/>
    <s v="G0000110"/>
    <s v="N"/>
    <s v="MACSS Dist Billed Revenue-03"/>
    <s v=""/>
    <x v="0"/>
    <s v="CAD0331102"/>
    <s v="S"/>
    <s v="KY"/>
    <s v="REV"/>
    <s v="974"/>
    <s v="GLBATCH"/>
    <n v="11"/>
    <n v="2016"/>
  </r>
  <r>
    <s v="110"/>
    <d v="2016-11-15T00:00:00"/>
    <x v="4"/>
    <x v="0"/>
    <s v="10828"/>
    <s v="GLNANDA"/>
    <n v="-452328.58"/>
    <n v="-3463011"/>
    <s v="Billed Revenues"/>
    <s v="EXV"/>
    <s v="NONBU"/>
    <s v="G0000110"/>
    <s v="N"/>
    <s v="MACSS Dist Billed Revenue-03"/>
    <s v=""/>
    <x v="0"/>
    <s v="CAD0331102"/>
    <s v="S"/>
    <s v="KY"/>
    <s v="REV"/>
    <s v="974"/>
    <s v="GLBATCH"/>
    <n v="11"/>
    <n v="2016"/>
  </r>
  <r>
    <s v="110"/>
    <d v="2016-11-15T00:00:00"/>
    <x v="7"/>
    <x v="0"/>
    <s v="10828"/>
    <s v="GLNANDA"/>
    <n v="0"/>
    <n v="48"/>
    <s v="Billed Revenues"/>
    <s v="EXV"/>
    <s v="NONBU"/>
    <s v="G0000110"/>
    <s v="N"/>
    <s v="MACSS Dist Billed Revenue-03"/>
    <s v=""/>
    <x v="0"/>
    <s v="CAD0331102"/>
    <s v="S"/>
    <s v="KY"/>
    <s v="REV"/>
    <s v="974"/>
    <s v="GLBATCH"/>
    <n v="11"/>
    <n v="2016"/>
  </r>
  <r>
    <s v="110"/>
    <d v="2016-11-15T00:00:00"/>
    <x v="2"/>
    <x v="0"/>
    <s v="10828"/>
    <s v="GLNANDA"/>
    <n v="-350092.36"/>
    <n v="-2581395"/>
    <s v="Billed Revenues"/>
    <s v="EXV"/>
    <s v="NONBU"/>
    <s v="G0000110"/>
    <s v="N"/>
    <s v="MACSS Dist Billed Revenue-03"/>
    <s v=""/>
    <x v="0"/>
    <s v="CAD0331102"/>
    <s v="S"/>
    <s v="KY"/>
    <s v="REV"/>
    <s v="974"/>
    <s v="GLBATCH"/>
    <n v="11"/>
    <n v="2016"/>
  </r>
  <r>
    <s v="110"/>
    <d v="2016-11-15T00:00:00"/>
    <x v="5"/>
    <x v="0"/>
    <s v="10828"/>
    <s v="GLNANDA"/>
    <n v="-93334.35"/>
    <n v="-697837"/>
    <s v="Billed Revenues"/>
    <s v="EXV"/>
    <s v="NONBU"/>
    <s v="G0000110"/>
    <s v="N"/>
    <s v="MACSS Dist Billed Revenue-03"/>
    <s v=""/>
    <x v="0"/>
    <s v="CAD0331102"/>
    <s v="S"/>
    <s v="KY"/>
    <s v="REV"/>
    <s v="974"/>
    <s v="GLBATCH"/>
    <n v="11"/>
    <n v="2016"/>
  </r>
  <r>
    <s v="110"/>
    <d v="2016-11-15T00:00:00"/>
    <x v="7"/>
    <x v="0"/>
    <s v="10828"/>
    <s v="GLNANDA"/>
    <n v="-118402.28"/>
    <n v="-938789"/>
    <s v="Billed Revenues"/>
    <s v="EXV"/>
    <s v="NONBU"/>
    <s v="G0000110"/>
    <s v="N"/>
    <s v="MACSS Dist Billed Revenue-03"/>
    <s v=""/>
    <x v="0"/>
    <s v="CAD0331102"/>
    <s v="S"/>
    <s v="KY"/>
    <s v="REV"/>
    <s v="974"/>
    <s v="GLBATCH"/>
    <n v="11"/>
    <n v="2016"/>
  </r>
  <r>
    <s v="110"/>
    <d v="2016-11-15T00:00:00"/>
    <x v="6"/>
    <x v="0"/>
    <s v="10828"/>
    <s v="GLNANDA"/>
    <n v="0"/>
    <n v="24"/>
    <s v="Billed Revenues"/>
    <s v="EXV"/>
    <s v="NONBU"/>
    <s v="G0000110"/>
    <s v="N"/>
    <s v="MACSS Dist Billed Revenue-03"/>
    <s v=""/>
    <x v="0"/>
    <s v="CAD0331103"/>
    <s v="S"/>
    <s v="KY"/>
    <s v="REV"/>
    <s v="974"/>
    <s v="GLBATCH"/>
    <n v="11"/>
    <n v="2016"/>
  </r>
  <r>
    <s v="110"/>
    <d v="2016-11-15T00:00:00"/>
    <x v="6"/>
    <x v="0"/>
    <s v="10828"/>
    <s v="GLNANDA"/>
    <n v="-1123.02"/>
    <n v="-4104"/>
    <s v="Billed Revenues"/>
    <s v="EXV"/>
    <s v="NONBU"/>
    <s v="G0000110"/>
    <s v="N"/>
    <s v="MACSS Dist Billed Revenue-03"/>
    <s v=""/>
    <x v="0"/>
    <s v="CAD0331103"/>
    <s v="S"/>
    <s v="KY"/>
    <s v="REV"/>
    <s v="974"/>
    <s v="GLBATCH"/>
    <n v="11"/>
    <n v="2016"/>
  </r>
  <r>
    <s v="110"/>
    <d v="2016-11-15T00:00:00"/>
    <x v="1"/>
    <x v="0"/>
    <s v="10828"/>
    <s v="GLNANDA"/>
    <n v="0"/>
    <n v="2925"/>
    <s v="Billed Revenues"/>
    <s v="EXV"/>
    <s v="NONBU"/>
    <s v="G0000110"/>
    <s v="N"/>
    <s v="MACSS Dist Billed Revenue-03"/>
    <s v=""/>
    <x v="0"/>
    <s v="CAD0331103"/>
    <s v="S"/>
    <s v="KY"/>
    <s v="REV"/>
    <s v="974"/>
    <s v="GLBATCH"/>
    <n v="11"/>
    <n v="2016"/>
  </r>
  <r>
    <s v="110"/>
    <d v="2016-11-15T00:00:00"/>
    <x v="4"/>
    <x v="0"/>
    <s v="10828"/>
    <s v="GLNANDA"/>
    <n v="0"/>
    <n v="3907"/>
    <s v="Billed Revenues"/>
    <s v="EXV"/>
    <s v="NONBU"/>
    <s v="G0000110"/>
    <s v="N"/>
    <s v="MACSS Dist Billed Revenue-03"/>
    <s v=""/>
    <x v="0"/>
    <s v="CAD0331103"/>
    <s v="S"/>
    <s v="KY"/>
    <s v="REV"/>
    <s v="974"/>
    <s v="GLBATCH"/>
    <n v="11"/>
    <n v="2016"/>
  </r>
  <r>
    <s v="110"/>
    <d v="2016-11-15T00:00:00"/>
    <x v="4"/>
    <x v="0"/>
    <s v="10828"/>
    <s v="GLNANDA"/>
    <n v="-441570.26"/>
    <n v="-3373628"/>
    <s v="Billed Revenues"/>
    <s v="EXV"/>
    <s v="NONBU"/>
    <s v="G0000110"/>
    <s v="N"/>
    <s v="MACSS Dist Billed Revenue-03"/>
    <s v=""/>
    <x v="0"/>
    <s v="CAD0331103"/>
    <s v="S"/>
    <s v="KY"/>
    <s v="REV"/>
    <s v="974"/>
    <s v="GLBATCH"/>
    <n v="11"/>
    <n v="2016"/>
  </r>
  <r>
    <s v="110"/>
    <d v="2016-11-15T00:00:00"/>
    <x v="1"/>
    <x v="0"/>
    <s v="10828"/>
    <s v="GLNANDA"/>
    <n v="-269682.2"/>
    <n v="-1992000"/>
    <s v="Billed Revenues"/>
    <s v="EXV"/>
    <s v="NONBU"/>
    <s v="G0000110"/>
    <s v="N"/>
    <s v="MACSS Dist Billed Revenue-03"/>
    <s v=""/>
    <x v="0"/>
    <s v="CAD0331103"/>
    <s v="S"/>
    <s v="KY"/>
    <s v="REV"/>
    <s v="974"/>
    <s v="GLBATCH"/>
    <n v="11"/>
    <n v="2016"/>
  </r>
  <r>
    <s v="110"/>
    <d v="2016-11-15T00:00:00"/>
    <x v="3"/>
    <x v="0"/>
    <s v="10828"/>
    <s v="GLNANDA"/>
    <n v="-13514.98"/>
    <n v="-95320"/>
    <s v="Billed Revenues"/>
    <s v="EXV"/>
    <s v="NONBU"/>
    <s v="G0000110"/>
    <s v="N"/>
    <s v="MACSS Dist Billed Revenue-03"/>
    <s v=""/>
    <x v="0"/>
    <s v="CAD0331103"/>
    <s v="S"/>
    <s v="KY"/>
    <s v="REV"/>
    <s v="974"/>
    <s v="GLBATCH"/>
    <n v="11"/>
    <n v="2016"/>
  </r>
  <r>
    <s v="110"/>
    <d v="2016-11-15T00:00:00"/>
    <x v="3"/>
    <x v="0"/>
    <s v="10828"/>
    <s v="GLNANDA"/>
    <n v="0"/>
    <n v="3"/>
    <s v="Billed Revenues"/>
    <s v="EXV"/>
    <s v="NONBU"/>
    <s v="G0000110"/>
    <s v="N"/>
    <s v="MACSS Dist Billed Revenue-03"/>
    <s v=""/>
    <x v="0"/>
    <s v="CAD0331103"/>
    <s v="S"/>
    <s v="KY"/>
    <s v="REV"/>
    <s v="974"/>
    <s v="GLBATCH"/>
    <n v="11"/>
    <n v="2016"/>
  </r>
  <r>
    <s v="110"/>
    <d v="2016-11-15T00:00:00"/>
    <x v="2"/>
    <x v="0"/>
    <s v="10828"/>
    <s v="GLNANDA"/>
    <n v="-408716.42"/>
    <n v="-3031454"/>
    <s v="Billed Revenues"/>
    <s v="EXV"/>
    <s v="NONBU"/>
    <s v="G0000110"/>
    <s v="N"/>
    <s v="MACSS Dist Billed Revenue-03"/>
    <s v=""/>
    <x v="0"/>
    <s v="CAD0331103"/>
    <s v="S"/>
    <s v="KY"/>
    <s v="REV"/>
    <s v="974"/>
    <s v="GLBATCH"/>
    <n v="11"/>
    <n v="2016"/>
  </r>
  <r>
    <s v="110"/>
    <d v="2016-11-15T00:00:00"/>
    <x v="2"/>
    <x v="0"/>
    <s v="10828"/>
    <s v="GLNANDA"/>
    <n v="0"/>
    <n v="1211"/>
    <s v="Billed Revenues"/>
    <s v="EXV"/>
    <s v="NONBU"/>
    <s v="G0000110"/>
    <s v="N"/>
    <s v="MACSS Dist Billed Revenue-03"/>
    <s v=""/>
    <x v="0"/>
    <s v="CAD0331103"/>
    <s v="S"/>
    <s v="KY"/>
    <s v="REV"/>
    <s v="974"/>
    <s v="GLBATCH"/>
    <n v="11"/>
    <n v="2016"/>
  </r>
  <r>
    <s v="110"/>
    <d v="2016-11-15T00:00:00"/>
    <x v="7"/>
    <x v="0"/>
    <s v="10828"/>
    <s v="GLNANDA"/>
    <n v="-90310.62"/>
    <n v="-720432"/>
    <s v="Billed Revenues"/>
    <s v="EXV"/>
    <s v="NONBU"/>
    <s v="G0000110"/>
    <s v="N"/>
    <s v="MACSS Dist Billed Revenue-03"/>
    <s v=""/>
    <x v="0"/>
    <s v="CAD0331103"/>
    <s v="S"/>
    <s v="KY"/>
    <s v="REV"/>
    <s v="974"/>
    <s v="GLBATCH"/>
    <n v="11"/>
    <n v="2016"/>
  </r>
  <r>
    <s v="110"/>
    <d v="2016-11-15T00:00:00"/>
    <x v="7"/>
    <x v="0"/>
    <s v="10828"/>
    <s v="GLNANDA"/>
    <n v="0"/>
    <n v="38"/>
    <s v="Billed Revenues"/>
    <s v="EXV"/>
    <s v="NONBU"/>
    <s v="G0000110"/>
    <s v="N"/>
    <s v="MACSS Dist Billed Revenue-03"/>
    <s v=""/>
    <x v="0"/>
    <s v="CAD0331103"/>
    <s v="S"/>
    <s v="KY"/>
    <s v="REV"/>
    <s v="974"/>
    <s v="GLBATCH"/>
    <n v="11"/>
    <n v="2016"/>
  </r>
  <r>
    <s v="110"/>
    <d v="2016-11-15T00:00:00"/>
    <x v="0"/>
    <x v="0"/>
    <s v="10828"/>
    <s v="GLNANDA"/>
    <n v="-5673.71"/>
    <n v="-208751"/>
    <s v="Billed Revenues"/>
    <s v="EXV"/>
    <s v="NONBU"/>
    <s v="G0000110"/>
    <s v="N"/>
    <s v="MACSS Dist Billed Revenue-03"/>
    <s v=""/>
    <x v="0"/>
    <s v="CAD0331103"/>
    <s v="S"/>
    <s v="KY"/>
    <s v="REV"/>
    <s v="974"/>
    <s v="GLBATCH"/>
    <n v="11"/>
    <n v="2016"/>
  </r>
  <r>
    <s v="110"/>
    <d v="2016-11-15T00:00:00"/>
    <x v="0"/>
    <x v="0"/>
    <s v="10828"/>
    <s v="GLNANDA"/>
    <n v="0"/>
    <n v="39"/>
    <s v="Billed Revenues"/>
    <s v="EXV"/>
    <s v="NONBU"/>
    <s v="G0000110"/>
    <s v="N"/>
    <s v="MACSS Dist Billed Revenue-03"/>
    <s v=""/>
    <x v="0"/>
    <s v="CAD0331103"/>
    <s v="S"/>
    <s v="KY"/>
    <s v="REV"/>
    <s v="974"/>
    <s v="GLBATCH"/>
    <n v="11"/>
    <n v="2016"/>
  </r>
  <r>
    <s v="110"/>
    <d v="2016-11-15T00:00:00"/>
    <x v="5"/>
    <x v="0"/>
    <s v="10828"/>
    <s v="GLNANDA"/>
    <n v="-69149.259999999995"/>
    <n v="-522999"/>
    <s v="Billed Revenues"/>
    <s v="EXV"/>
    <s v="NONBU"/>
    <s v="G0000110"/>
    <s v="N"/>
    <s v="MACSS Dist Billed Revenue-03"/>
    <s v=""/>
    <x v="0"/>
    <s v="CAD0331103"/>
    <s v="S"/>
    <s v="KY"/>
    <s v="REV"/>
    <s v="974"/>
    <s v="GLBATCH"/>
    <n v="11"/>
    <n v="2016"/>
  </r>
  <r>
    <s v="110"/>
    <d v="2016-11-15T00:00:00"/>
    <x v="5"/>
    <x v="0"/>
    <s v="10828"/>
    <s v="GLNANDA"/>
    <n v="0"/>
    <n v="118"/>
    <s v="Billed Revenues"/>
    <s v="EXV"/>
    <s v="NONBU"/>
    <s v="G0000110"/>
    <s v="N"/>
    <s v="MACSS Dist Billed Revenue-03"/>
    <s v=""/>
    <x v="0"/>
    <s v="CAD0331103"/>
    <s v="S"/>
    <s v="KY"/>
    <s v="REV"/>
    <s v="974"/>
    <s v="GLBATCH"/>
    <n v="11"/>
    <n v="2016"/>
  </r>
  <r>
    <s v="110"/>
    <d v="2016-11-15T00:00:00"/>
    <x v="1"/>
    <x v="0"/>
    <s v="10828"/>
    <s v="GLNANDA"/>
    <n v="0"/>
    <n v="2568"/>
    <s v="Billed Revenues"/>
    <s v="EXV"/>
    <s v="NONBU"/>
    <s v="G0000110"/>
    <s v="N"/>
    <s v="MACSS Dist Billed Revenue-03"/>
    <s v=""/>
    <x v="0"/>
    <s v="CAD0331104"/>
    <s v="S"/>
    <s v="KY"/>
    <s v="REV"/>
    <s v="974"/>
    <s v="GLBATCH"/>
    <n v="11"/>
    <n v="2016"/>
  </r>
  <r>
    <s v="110"/>
    <d v="2016-11-15T00:00:00"/>
    <x v="1"/>
    <x v="0"/>
    <s v="10828"/>
    <s v="GLNANDA"/>
    <n v="-220475.24"/>
    <n v="-1600555"/>
    <s v="Billed Revenues"/>
    <s v="EXV"/>
    <s v="NONBU"/>
    <s v="G0000110"/>
    <s v="N"/>
    <s v="MACSS Dist Billed Revenue-03"/>
    <s v=""/>
    <x v="0"/>
    <s v="CAD0331104"/>
    <s v="S"/>
    <s v="KY"/>
    <s v="REV"/>
    <s v="974"/>
    <s v="GLBATCH"/>
    <n v="11"/>
    <n v="2016"/>
  </r>
  <r>
    <s v="110"/>
    <d v="2016-11-15T00:00:00"/>
    <x v="4"/>
    <x v="0"/>
    <s v="10828"/>
    <s v="GLNANDA"/>
    <n v="0"/>
    <n v="3747"/>
    <s v="Billed Revenues"/>
    <s v="EXV"/>
    <s v="NONBU"/>
    <s v="G0000110"/>
    <s v="N"/>
    <s v="MACSS Dist Billed Revenue-03"/>
    <s v=""/>
    <x v="0"/>
    <s v="CAD0331104"/>
    <s v="S"/>
    <s v="KY"/>
    <s v="REV"/>
    <s v="974"/>
    <s v="GLBATCH"/>
    <n v="11"/>
    <n v="2016"/>
  </r>
  <r>
    <s v="110"/>
    <d v="2016-11-15T00:00:00"/>
    <x v="4"/>
    <x v="0"/>
    <s v="10828"/>
    <s v="GLNANDA"/>
    <n v="-422004"/>
    <n v="-3216239"/>
    <s v="Billed Revenues"/>
    <s v="EXV"/>
    <s v="NONBU"/>
    <s v="G0000110"/>
    <s v="N"/>
    <s v="MACSS Dist Billed Revenue-03"/>
    <s v=""/>
    <x v="0"/>
    <s v="CAD0331104"/>
    <s v="S"/>
    <s v="KY"/>
    <s v="REV"/>
    <s v="974"/>
    <s v="GLBATCH"/>
    <n v="11"/>
    <n v="2016"/>
  </r>
  <r>
    <s v="110"/>
    <d v="2016-11-15T00:00:00"/>
    <x v="6"/>
    <x v="0"/>
    <s v="10828"/>
    <s v="GLNANDA"/>
    <n v="0"/>
    <n v="16"/>
    <s v="Billed Revenues"/>
    <s v="EXV"/>
    <s v="NONBU"/>
    <s v="G0000110"/>
    <s v="N"/>
    <s v="MACSS Dist Billed Revenue-03"/>
    <s v=""/>
    <x v="0"/>
    <s v="CAD0331104"/>
    <s v="S"/>
    <s v="KY"/>
    <s v="REV"/>
    <s v="974"/>
    <s v="GLBATCH"/>
    <n v="11"/>
    <n v="2016"/>
  </r>
  <r>
    <s v="110"/>
    <d v="2016-11-15T00:00:00"/>
    <x v="6"/>
    <x v="0"/>
    <s v="10828"/>
    <s v="GLNANDA"/>
    <n v="-1158.99"/>
    <n v="-6133"/>
    <s v="Billed Revenues"/>
    <s v="EXV"/>
    <s v="NONBU"/>
    <s v="G0000110"/>
    <s v="N"/>
    <s v="MACSS Dist Billed Revenue-03"/>
    <s v=""/>
    <x v="0"/>
    <s v="CAD0331104"/>
    <s v="S"/>
    <s v="KY"/>
    <s v="REV"/>
    <s v="974"/>
    <s v="GLBATCH"/>
    <n v="11"/>
    <n v="2016"/>
  </r>
  <r>
    <s v="110"/>
    <d v="2016-11-15T00:00:00"/>
    <x v="5"/>
    <x v="0"/>
    <s v="10828"/>
    <s v="GLNANDA"/>
    <n v="0"/>
    <n v="108"/>
    <s v="Billed Revenues"/>
    <s v="EXV"/>
    <s v="NONBU"/>
    <s v="G0000110"/>
    <s v="N"/>
    <s v="MACSS Dist Billed Revenue-03"/>
    <s v=""/>
    <x v="0"/>
    <s v="CAD0331104"/>
    <s v="S"/>
    <s v="KY"/>
    <s v="REV"/>
    <s v="974"/>
    <s v="GLBATCH"/>
    <n v="11"/>
    <n v="2016"/>
  </r>
  <r>
    <s v="110"/>
    <d v="2016-11-15T00:00:00"/>
    <x v="5"/>
    <x v="0"/>
    <s v="10828"/>
    <s v="GLNANDA"/>
    <n v="-76093.89"/>
    <n v="-696176"/>
    <s v="Billed Revenues"/>
    <s v="EXV"/>
    <s v="NONBU"/>
    <s v="G0000110"/>
    <s v="N"/>
    <s v="MACSS Dist Billed Revenue-03"/>
    <s v=""/>
    <x v="0"/>
    <s v="CAD0331104"/>
    <s v="S"/>
    <s v="KY"/>
    <s v="REV"/>
    <s v="974"/>
    <s v="GLBATCH"/>
    <n v="11"/>
    <n v="2016"/>
  </r>
  <r>
    <s v="110"/>
    <d v="2016-11-15T00:00:00"/>
    <x v="7"/>
    <x v="0"/>
    <s v="10828"/>
    <s v="GLNANDA"/>
    <n v="0"/>
    <n v="30"/>
    <s v="Billed Revenues"/>
    <s v="EXV"/>
    <s v="NONBU"/>
    <s v="G0000110"/>
    <s v="N"/>
    <s v="MACSS Dist Billed Revenue-03"/>
    <s v=""/>
    <x v="0"/>
    <s v="CAD0331104"/>
    <s v="S"/>
    <s v="KY"/>
    <s v="REV"/>
    <s v="974"/>
    <s v="GLBATCH"/>
    <n v="11"/>
    <n v="2016"/>
  </r>
  <r>
    <s v="110"/>
    <d v="2016-11-15T00:00:00"/>
    <x v="7"/>
    <x v="0"/>
    <s v="10828"/>
    <s v="GLNANDA"/>
    <n v="-99697.3"/>
    <n v="-784038"/>
    <s v="Billed Revenues"/>
    <s v="EXV"/>
    <s v="NONBU"/>
    <s v="G0000110"/>
    <s v="N"/>
    <s v="MACSS Dist Billed Revenue-03"/>
    <s v=""/>
    <x v="0"/>
    <s v="CAD0331104"/>
    <s v="S"/>
    <s v="KY"/>
    <s v="REV"/>
    <s v="974"/>
    <s v="GLBATCH"/>
    <n v="11"/>
    <n v="2016"/>
  </r>
  <r>
    <s v="110"/>
    <d v="2016-11-15T00:00:00"/>
    <x v="3"/>
    <x v="0"/>
    <s v="10828"/>
    <s v="GLNANDA"/>
    <n v="0"/>
    <n v="6"/>
    <s v="Billed Revenues"/>
    <s v="EXV"/>
    <s v="NONBU"/>
    <s v="G0000110"/>
    <s v="N"/>
    <s v="MACSS Dist Billed Revenue-03"/>
    <s v=""/>
    <x v="0"/>
    <s v="CAD0331104"/>
    <s v="S"/>
    <s v="KY"/>
    <s v="REV"/>
    <s v="974"/>
    <s v="GLBATCH"/>
    <n v="11"/>
    <n v="2016"/>
  </r>
  <r>
    <s v="110"/>
    <d v="2016-11-15T00:00:00"/>
    <x v="3"/>
    <x v="0"/>
    <s v="10828"/>
    <s v="GLNANDA"/>
    <n v="-101799.08"/>
    <n v="-1042367"/>
    <s v="Billed Revenues"/>
    <s v="EXV"/>
    <s v="NONBU"/>
    <s v="G0000110"/>
    <s v="N"/>
    <s v="MACSS Dist Billed Revenue-03"/>
    <s v=""/>
    <x v="0"/>
    <s v="CAD0331104"/>
    <s v="S"/>
    <s v="KY"/>
    <s v="REV"/>
    <s v="974"/>
    <s v="GLBATCH"/>
    <n v="11"/>
    <n v="2016"/>
  </r>
  <r>
    <s v="110"/>
    <d v="2016-11-15T00:00:00"/>
    <x v="0"/>
    <x v="0"/>
    <s v="10828"/>
    <s v="GLNANDA"/>
    <n v="0"/>
    <n v="29"/>
    <s v="Billed Revenues"/>
    <s v="EXV"/>
    <s v="NONBU"/>
    <s v="G0000110"/>
    <s v="N"/>
    <s v="MACSS Dist Billed Revenue-03"/>
    <s v=""/>
    <x v="0"/>
    <s v="CAD0331104"/>
    <s v="S"/>
    <s v="KY"/>
    <s v="REV"/>
    <s v="974"/>
    <s v="GLBATCH"/>
    <n v="11"/>
    <n v="2016"/>
  </r>
  <r>
    <s v="110"/>
    <d v="2016-11-15T00:00:00"/>
    <x v="0"/>
    <x v="0"/>
    <s v="10828"/>
    <s v="GLNANDA"/>
    <n v="-93177.68"/>
    <n v="-1066119"/>
    <s v="Billed Revenues"/>
    <s v="EXV"/>
    <s v="NONBU"/>
    <s v="G0000110"/>
    <s v="N"/>
    <s v="MACSS Dist Billed Revenue-03"/>
    <s v=""/>
    <x v="0"/>
    <s v="CAD0331104"/>
    <s v="S"/>
    <s v="KY"/>
    <s v="REV"/>
    <s v="974"/>
    <s v="GLBATCH"/>
    <n v="11"/>
    <n v="2016"/>
  </r>
  <r>
    <s v="110"/>
    <d v="2016-11-15T00:00:00"/>
    <x v="2"/>
    <x v="0"/>
    <s v="10828"/>
    <s v="GLNANDA"/>
    <n v="0"/>
    <n v="1057"/>
    <s v="Billed Revenues"/>
    <s v="EXV"/>
    <s v="NONBU"/>
    <s v="G0000110"/>
    <s v="N"/>
    <s v="MACSS Dist Billed Revenue-03"/>
    <s v=""/>
    <x v="0"/>
    <s v="CAD0331104"/>
    <s v="S"/>
    <s v="KY"/>
    <s v="REV"/>
    <s v="974"/>
    <s v="GLBATCH"/>
    <n v="11"/>
    <n v="2016"/>
  </r>
  <r>
    <s v="110"/>
    <d v="2016-11-15T00:00:00"/>
    <x v="2"/>
    <x v="0"/>
    <s v="10828"/>
    <s v="GLNANDA"/>
    <n v="-308646.33"/>
    <n v="-2242282"/>
    <s v="Billed Revenues"/>
    <s v="EXV"/>
    <s v="NONBU"/>
    <s v="G0000110"/>
    <s v="N"/>
    <s v="MACSS Dist Billed Revenue-03"/>
    <s v=""/>
    <x v="0"/>
    <s v="CAD0331104"/>
    <s v="S"/>
    <s v="KY"/>
    <s v="REV"/>
    <s v="974"/>
    <s v="GLBATCH"/>
    <n v="11"/>
    <n v="2016"/>
  </r>
  <r>
    <s v="110"/>
    <d v="2016-11-15T00:00:00"/>
    <x v="1"/>
    <x v="0"/>
    <s v="10828"/>
    <s v="GLNANDA"/>
    <n v="0"/>
    <n v="2409"/>
    <s v="Billed Revenues"/>
    <s v="EXV"/>
    <s v="NONBU"/>
    <s v="G0000110"/>
    <s v="N"/>
    <s v="MACSS Dist Billed Revenue-03"/>
    <s v=""/>
    <x v="0"/>
    <s v="CAD0331107"/>
    <s v="S"/>
    <s v="KY"/>
    <s v="REV"/>
    <s v="974"/>
    <s v="GLBATCH"/>
    <n v="11"/>
    <n v="2016"/>
  </r>
  <r>
    <s v="110"/>
    <d v="2016-11-15T00:00:00"/>
    <x v="2"/>
    <x v="0"/>
    <s v="10828"/>
    <s v="GLNANDA"/>
    <n v="-635362.18000000005"/>
    <n v="-5051507"/>
    <s v="Billed Revenues"/>
    <s v="EXV"/>
    <s v="NONBU"/>
    <s v="G0000110"/>
    <s v="N"/>
    <s v="MACSS Dist Billed Revenue-03"/>
    <s v=""/>
    <x v="0"/>
    <s v="CAD0331107"/>
    <s v="S"/>
    <s v="KY"/>
    <s v="REV"/>
    <s v="974"/>
    <s v="GLBATCH"/>
    <n v="11"/>
    <n v="2016"/>
  </r>
  <r>
    <s v="110"/>
    <d v="2016-11-15T00:00:00"/>
    <x v="4"/>
    <x v="0"/>
    <s v="10828"/>
    <s v="GLNANDA"/>
    <n v="0"/>
    <n v="4728"/>
    <s v="Billed Revenues"/>
    <s v="EXV"/>
    <s v="NONBU"/>
    <s v="G0000110"/>
    <s v="N"/>
    <s v="MACSS Dist Billed Revenue-03"/>
    <s v=""/>
    <x v="0"/>
    <s v="CAD0331107"/>
    <s v="S"/>
    <s v="KY"/>
    <s v="REV"/>
    <s v="974"/>
    <s v="GLBATCH"/>
    <n v="11"/>
    <n v="2016"/>
  </r>
  <r>
    <s v="110"/>
    <d v="2016-11-15T00:00:00"/>
    <x v="4"/>
    <x v="0"/>
    <s v="10828"/>
    <s v="GLNANDA"/>
    <n v="-548411.54"/>
    <n v="-4215013"/>
    <s v="Billed Revenues"/>
    <s v="EXV"/>
    <s v="NONBU"/>
    <s v="G0000110"/>
    <s v="N"/>
    <s v="MACSS Dist Billed Revenue-03"/>
    <s v=""/>
    <x v="0"/>
    <s v="CAD0331107"/>
    <s v="S"/>
    <s v="KY"/>
    <s v="REV"/>
    <s v="974"/>
    <s v="GLBATCH"/>
    <n v="11"/>
    <n v="2016"/>
  </r>
  <r>
    <s v="110"/>
    <d v="2016-11-15T00:00:00"/>
    <x v="6"/>
    <x v="0"/>
    <s v="10828"/>
    <s v="GLNANDA"/>
    <n v="0"/>
    <n v="15"/>
    <s v="Billed Revenues"/>
    <s v="EXV"/>
    <s v="NONBU"/>
    <s v="G0000110"/>
    <s v="N"/>
    <s v="MACSS Dist Billed Revenue-03"/>
    <s v=""/>
    <x v="0"/>
    <s v="CAD0331107"/>
    <s v="S"/>
    <s v="KY"/>
    <s v="REV"/>
    <s v="974"/>
    <s v="GLBATCH"/>
    <n v="11"/>
    <n v="2016"/>
  </r>
  <r>
    <s v="110"/>
    <d v="2016-11-15T00:00:00"/>
    <x v="6"/>
    <x v="0"/>
    <s v="10828"/>
    <s v="GLNANDA"/>
    <n v="-700.46"/>
    <n v="-2634"/>
    <s v="Billed Revenues"/>
    <s v="EXV"/>
    <s v="NONBU"/>
    <s v="G0000110"/>
    <s v="N"/>
    <s v="MACSS Dist Billed Revenue-03"/>
    <s v=""/>
    <x v="0"/>
    <s v="CAD0331107"/>
    <s v="S"/>
    <s v="KY"/>
    <s v="REV"/>
    <s v="974"/>
    <s v="GLBATCH"/>
    <n v="11"/>
    <n v="2016"/>
  </r>
  <r>
    <s v="110"/>
    <d v="2016-11-15T00:00:00"/>
    <x v="5"/>
    <x v="0"/>
    <s v="10828"/>
    <s v="GLNANDA"/>
    <n v="0"/>
    <n v="139"/>
    <s v="Billed Revenues"/>
    <s v="EXV"/>
    <s v="NONBU"/>
    <s v="G0000110"/>
    <s v="N"/>
    <s v="MACSS Dist Billed Revenue-03"/>
    <s v=""/>
    <x v="0"/>
    <s v="CAD0331107"/>
    <s v="S"/>
    <s v="KY"/>
    <s v="REV"/>
    <s v="974"/>
    <s v="GLBATCH"/>
    <n v="11"/>
    <n v="2016"/>
  </r>
  <r>
    <s v="110"/>
    <d v="2016-11-15T00:00:00"/>
    <x v="5"/>
    <x v="0"/>
    <s v="10828"/>
    <s v="GLNANDA"/>
    <n v="-91370.7"/>
    <n v="-729375"/>
    <s v="Billed Revenues"/>
    <s v="EXV"/>
    <s v="NONBU"/>
    <s v="G0000110"/>
    <s v="N"/>
    <s v="MACSS Dist Billed Revenue-03"/>
    <s v=""/>
    <x v="0"/>
    <s v="CAD0331107"/>
    <s v="S"/>
    <s v="KY"/>
    <s v="REV"/>
    <s v="974"/>
    <s v="GLBATCH"/>
    <n v="11"/>
    <n v="2016"/>
  </r>
  <r>
    <s v="110"/>
    <d v="2016-11-15T00:00:00"/>
    <x v="7"/>
    <x v="0"/>
    <s v="10828"/>
    <s v="GLNANDA"/>
    <n v="0"/>
    <n v="48"/>
    <s v="Billed Revenues"/>
    <s v="EXV"/>
    <s v="NONBU"/>
    <s v="G0000110"/>
    <s v="N"/>
    <s v="MACSS Dist Billed Revenue-03"/>
    <s v=""/>
    <x v="0"/>
    <s v="CAD0331107"/>
    <s v="S"/>
    <s v="KY"/>
    <s v="REV"/>
    <s v="974"/>
    <s v="GLBATCH"/>
    <n v="11"/>
    <n v="2016"/>
  </r>
  <r>
    <s v="110"/>
    <d v="2016-11-15T00:00:00"/>
    <x v="7"/>
    <x v="0"/>
    <s v="10828"/>
    <s v="GLNANDA"/>
    <n v="-61223.23"/>
    <n v="-451961"/>
    <s v="Billed Revenues"/>
    <s v="EXV"/>
    <s v="NONBU"/>
    <s v="G0000110"/>
    <s v="N"/>
    <s v="MACSS Dist Billed Revenue-03"/>
    <s v=""/>
    <x v="0"/>
    <s v="CAD0331107"/>
    <s v="S"/>
    <s v="KY"/>
    <s v="REV"/>
    <s v="974"/>
    <s v="GLBATCH"/>
    <n v="11"/>
    <n v="2016"/>
  </r>
  <r>
    <s v="110"/>
    <d v="2016-11-15T00:00:00"/>
    <x v="3"/>
    <x v="0"/>
    <s v="10828"/>
    <s v="GLNANDA"/>
    <n v="0"/>
    <n v="21"/>
    <s v="Billed Revenues"/>
    <s v="EXV"/>
    <s v="NONBU"/>
    <s v="G0000110"/>
    <s v="N"/>
    <s v="MACSS Dist Billed Revenue-03"/>
    <s v=""/>
    <x v="0"/>
    <s v="CAD0331107"/>
    <s v="S"/>
    <s v="KY"/>
    <s v="REV"/>
    <s v="974"/>
    <s v="GLBATCH"/>
    <n v="11"/>
    <n v="2016"/>
  </r>
  <r>
    <s v="110"/>
    <d v="2016-11-15T00:00:00"/>
    <x v="3"/>
    <x v="0"/>
    <s v="10828"/>
    <s v="GLNANDA"/>
    <n v="-20288.62"/>
    <n v="-119584"/>
    <s v="Billed Revenues"/>
    <s v="EXV"/>
    <s v="NONBU"/>
    <s v="G0000110"/>
    <s v="N"/>
    <s v="MACSS Dist Billed Revenue-03"/>
    <s v=""/>
    <x v="0"/>
    <s v="CAD0331107"/>
    <s v="S"/>
    <s v="KY"/>
    <s v="REV"/>
    <s v="974"/>
    <s v="GLBATCH"/>
    <n v="11"/>
    <n v="2016"/>
  </r>
  <r>
    <s v="110"/>
    <d v="2016-11-15T00:00:00"/>
    <x v="0"/>
    <x v="0"/>
    <s v="10828"/>
    <s v="GLNANDA"/>
    <n v="0"/>
    <n v="27"/>
    <s v="Billed Revenues"/>
    <s v="EXV"/>
    <s v="NONBU"/>
    <s v="G0000110"/>
    <s v="N"/>
    <s v="MACSS Dist Billed Revenue-03"/>
    <s v=""/>
    <x v="0"/>
    <s v="CAD0331107"/>
    <s v="S"/>
    <s v="KY"/>
    <s v="REV"/>
    <s v="974"/>
    <s v="GLBATCH"/>
    <n v="11"/>
    <n v="2016"/>
  </r>
  <r>
    <s v="110"/>
    <d v="2016-11-15T00:00:00"/>
    <x v="0"/>
    <x v="0"/>
    <s v="10828"/>
    <s v="GLNANDA"/>
    <n v="-255794.67"/>
    <n v="-807556"/>
    <s v="Billed Revenues"/>
    <s v="EXV"/>
    <s v="NONBU"/>
    <s v="G0000110"/>
    <s v="N"/>
    <s v="MACSS Dist Billed Revenue-03"/>
    <s v=""/>
    <x v="0"/>
    <s v="CAD0331107"/>
    <s v="S"/>
    <s v="KY"/>
    <s v="REV"/>
    <s v="974"/>
    <s v="GLBATCH"/>
    <n v="11"/>
    <n v="2016"/>
  </r>
  <r>
    <s v="110"/>
    <d v="2016-11-15T00:00:00"/>
    <x v="2"/>
    <x v="0"/>
    <s v="10828"/>
    <s v="GLNANDA"/>
    <n v="0"/>
    <n v="1544"/>
    <s v="Billed Revenues"/>
    <s v="EXV"/>
    <s v="NONBU"/>
    <s v="G0000110"/>
    <s v="N"/>
    <s v="MACSS Dist Billed Revenue-03"/>
    <s v=""/>
    <x v="0"/>
    <s v="CAD0331107"/>
    <s v="S"/>
    <s v="KY"/>
    <s v="REV"/>
    <s v="974"/>
    <s v="GLBATCH"/>
    <n v="11"/>
    <n v="2016"/>
  </r>
  <r>
    <s v="110"/>
    <d v="2016-11-15T00:00:00"/>
    <x v="1"/>
    <x v="0"/>
    <s v="10828"/>
    <s v="GLNANDA"/>
    <n v="-218598.43"/>
    <n v="-1605773"/>
    <s v="Billed Revenues"/>
    <s v="EXV"/>
    <s v="NONBU"/>
    <s v="G0000110"/>
    <s v="N"/>
    <s v="MACSS Dist Billed Revenue-03"/>
    <s v=""/>
    <x v="0"/>
    <s v="CAD0331107"/>
    <s v="S"/>
    <s v="KY"/>
    <s v="REV"/>
    <s v="974"/>
    <s v="GLBATCH"/>
    <n v="11"/>
    <n v="2016"/>
  </r>
  <r>
    <s v="110"/>
    <d v="2016-11-15T00:00:00"/>
    <x v="6"/>
    <x v="0"/>
    <s v="10828"/>
    <s v="GLNANDA"/>
    <n v="0"/>
    <n v="14"/>
    <s v="Billed Revenues"/>
    <s v="EXV"/>
    <s v="NONBU"/>
    <s v="G0000110"/>
    <s v="N"/>
    <s v="MACSS Dist Billed Revenue-03"/>
    <s v=""/>
    <x v="0"/>
    <s v="CAD0331108"/>
    <s v="S"/>
    <s v="KY"/>
    <s v="REV"/>
    <s v="974"/>
    <s v="GLBATCH"/>
    <n v="11"/>
    <n v="2016"/>
  </r>
  <r>
    <s v="110"/>
    <d v="2016-11-15T00:00:00"/>
    <x v="6"/>
    <x v="0"/>
    <s v="10828"/>
    <s v="GLNANDA"/>
    <n v="-5178.0200000000004"/>
    <n v="-38641"/>
    <s v="Billed Revenues"/>
    <s v="EXV"/>
    <s v="NONBU"/>
    <s v="G0000110"/>
    <s v="N"/>
    <s v="MACSS Dist Billed Revenue-03"/>
    <s v=""/>
    <x v="0"/>
    <s v="CAD0331108"/>
    <s v="S"/>
    <s v="KY"/>
    <s v="REV"/>
    <s v="974"/>
    <s v="GLBATCH"/>
    <n v="11"/>
    <n v="2016"/>
  </r>
  <r>
    <s v="110"/>
    <d v="2016-11-15T00:00:00"/>
    <x v="5"/>
    <x v="0"/>
    <s v="10828"/>
    <s v="GLNANDA"/>
    <n v="0"/>
    <n v="171"/>
    <s v="Billed Revenues"/>
    <s v="EXV"/>
    <s v="NONBU"/>
    <s v="G0000110"/>
    <s v="N"/>
    <s v="MACSS Dist Billed Revenue-03"/>
    <s v=""/>
    <x v="0"/>
    <s v="CAD0331108"/>
    <s v="S"/>
    <s v="KY"/>
    <s v="REV"/>
    <s v="974"/>
    <s v="GLBATCH"/>
    <n v="11"/>
    <n v="2016"/>
  </r>
  <r>
    <s v="110"/>
    <d v="2016-11-15T00:00:00"/>
    <x v="5"/>
    <x v="0"/>
    <s v="10828"/>
    <s v="GLNANDA"/>
    <n v="-114944.61"/>
    <n v="-971987"/>
    <s v="Billed Revenues"/>
    <s v="EXV"/>
    <s v="NONBU"/>
    <s v="G0000110"/>
    <s v="N"/>
    <s v="MACSS Dist Billed Revenue-03"/>
    <s v=""/>
    <x v="0"/>
    <s v="CAD0331108"/>
    <s v="S"/>
    <s v="KY"/>
    <s v="REV"/>
    <s v="974"/>
    <s v="GLBATCH"/>
    <n v="11"/>
    <n v="2016"/>
  </r>
  <r>
    <s v="110"/>
    <d v="2016-11-15T00:00:00"/>
    <x v="7"/>
    <x v="0"/>
    <s v="10828"/>
    <s v="GLNANDA"/>
    <n v="-78200.53"/>
    <n v="-678152"/>
    <s v="Billed Revenues"/>
    <s v="EXV"/>
    <s v="NONBU"/>
    <s v="G0000110"/>
    <s v="N"/>
    <s v="MACSS Dist Billed Revenue-03"/>
    <s v=""/>
    <x v="0"/>
    <s v="CAD0331108"/>
    <s v="S"/>
    <s v="KY"/>
    <s v="REV"/>
    <s v="974"/>
    <s v="GLBATCH"/>
    <n v="11"/>
    <n v="2016"/>
  </r>
  <r>
    <s v="110"/>
    <d v="2016-11-15T00:00:00"/>
    <x v="7"/>
    <x v="0"/>
    <s v="10828"/>
    <s v="GLNANDA"/>
    <n v="0"/>
    <n v="34"/>
    <s v="Billed Revenues"/>
    <s v="EXV"/>
    <s v="NONBU"/>
    <s v="G0000110"/>
    <s v="N"/>
    <s v="MACSS Dist Billed Revenue-03"/>
    <s v=""/>
    <x v="0"/>
    <s v="CAD0331108"/>
    <s v="S"/>
    <s v="KY"/>
    <s v="REV"/>
    <s v="974"/>
    <s v="GLBATCH"/>
    <n v="11"/>
    <n v="2016"/>
  </r>
  <r>
    <s v="110"/>
    <d v="2016-11-15T00:00:00"/>
    <x v="3"/>
    <x v="0"/>
    <s v="10828"/>
    <s v="GLNANDA"/>
    <n v="0"/>
    <n v="20"/>
    <s v="Billed Revenues"/>
    <s v="EXV"/>
    <s v="NONBU"/>
    <s v="G0000110"/>
    <s v="N"/>
    <s v="MACSS Dist Billed Revenue-03"/>
    <s v=""/>
    <x v="0"/>
    <s v="CAD0331108"/>
    <s v="S"/>
    <s v="KY"/>
    <s v="REV"/>
    <s v="974"/>
    <s v="GLBATCH"/>
    <n v="11"/>
    <n v="2016"/>
  </r>
  <r>
    <s v="110"/>
    <d v="2016-11-15T00:00:00"/>
    <x v="3"/>
    <x v="0"/>
    <s v="10828"/>
    <s v="GLNANDA"/>
    <n v="-145284.93"/>
    <n v="-1315173"/>
    <s v="Billed Revenues"/>
    <s v="EXV"/>
    <s v="NONBU"/>
    <s v="G0000110"/>
    <s v="N"/>
    <s v="MACSS Dist Billed Revenue-03"/>
    <s v=""/>
    <x v="0"/>
    <s v="CAD0331108"/>
    <s v="S"/>
    <s v="KY"/>
    <s v="REV"/>
    <s v="974"/>
    <s v="GLBATCH"/>
    <n v="11"/>
    <n v="2016"/>
  </r>
  <r>
    <s v="110"/>
    <d v="2016-11-15T00:00:00"/>
    <x v="0"/>
    <x v="0"/>
    <s v="10828"/>
    <s v="GLNANDA"/>
    <n v="0"/>
    <n v="45"/>
    <s v="Billed Revenues"/>
    <s v="EXV"/>
    <s v="NONBU"/>
    <s v="G0000110"/>
    <s v="N"/>
    <s v="MACSS Dist Billed Revenue-03"/>
    <s v=""/>
    <x v="0"/>
    <s v="CAD0331108"/>
    <s v="S"/>
    <s v="KY"/>
    <s v="REV"/>
    <s v="974"/>
    <s v="GLBATCH"/>
    <n v="11"/>
    <n v="2016"/>
  </r>
  <r>
    <s v="110"/>
    <d v="2016-11-15T00:00:00"/>
    <x v="0"/>
    <x v="0"/>
    <s v="10828"/>
    <s v="GLNANDA"/>
    <n v="-1283375.92"/>
    <n v="-18269516"/>
    <s v="Billed Revenues"/>
    <s v="EXV"/>
    <s v="NONBU"/>
    <s v="G0000110"/>
    <s v="N"/>
    <s v="MACSS Dist Billed Revenue-03"/>
    <s v=""/>
    <x v="0"/>
    <s v="CAD0331108"/>
    <s v="S"/>
    <s v="KY"/>
    <s v="REV"/>
    <s v="974"/>
    <s v="GLBATCH"/>
    <n v="11"/>
    <n v="2016"/>
  </r>
  <r>
    <s v="110"/>
    <d v="2016-11-15T00:00:00"/>
    <x v="2"/>
    <x v="0"/>
    <s v="10828"/>
    <s v="GLNANDA"/>
    <n v="0"/>
    <n v="1463"/>
    <s v="Billed Revenues"/>
    <s v="EXV"/>
    <s v="NONBU"/>
    <s v="G0000110"/>
    <s v="N"/>
    <s v="MACSS Dist Billed Revenue-03"/>
    <s v=""/>
    <x v="0"/>
    <s v="CAD0331108"/>
    <s v="S"/>
    <s v="KY"/>
    <s v="REV"/>
    <s v="974"/>
    <s v="GLBATCH"/>
    <n v="11"/>
    <n v="2016"/>
  </r>
  <r>
    <s v="110"/>
    <d v="2016-11-15T00:00:00"/>
    <x v="2"/>
    <x v="0"/>
    <s v="10828"/>
    <s v="GLNANDA"/>
    <n v="-551433.6"/>
    <n v="-4624021"/>
    <s v="Billed Revenues"/>
    <s v="EXV"/>
    <s v="NONBU"/>
    <s v="G0000110"/>
    <s v="N"/>
    <s v="MACSS Dist Billed Revenue-03"/>
    <s v=""/>
    <x v="0"/>
    <s v="CAD0331108"/>
    <s v="S"/>
    <s v="KY"/>
    <s v="REV"/>
    <s v="974"/>
    <s v="GLBATCH"/>
    <n v="11"/>
    <n v="2016"/>
  </r>
  <r>
    <s v="110"/>
    <d v="2016-11-15T00:00:00"/>
    <x v="1"/>
    <x v="0"/>
    <s v="10828"/>
    <s v="GLNANDA"/>
    <n v="0"/>
    <n v="1868"/>
    <s v="Billed Revenues"/>
    <s v="EXV"/>
    <s v="NONBU"/>
    <s v="G0000110"/>
    <s v="N"/>
    <s v="MACSS Dist Billed Revenue-03"/>
    <s v=""/>
    <x v="0"/>
    <s v="CAD0331108"/>
    <s v="S"/>
    <s v="KY"/>
    <s v="REV"/>
    <s v="974"/>
    <s v="GLBATCH"/>
    <n v="11"/>
    <n v="2016"/>
  </r>
  <r>
    <s v="110"/>
    <d v="2016-11-15T00:00:00"/>
    <x v="1"/>
    <x v="0"/>
    <s v="10828"/>
    <s v="GLNANDA"/>
    <n v="-184154.34"/>
    <n v="-1363041"/>
    <s v="Billed Revenues"/>
    <s v="EXV"/>
    <s v="NONBU"/>
    <s v="G0000110"/>
    <s v="N"/>
    <s v="MACSS Dist Billed Revenue-03"/>
    <s v=""/>
    <x v="0"/>
    <s v="CAD0331108"/>
    <s v="S"/>
    <s v="KY"/>
    <s v="REV"/>
    <s v="974"/>
    <s v="GLBATCH"/>
    <n v="11"/>
    <n v="2016"/>
  </r>
  <r>
    <s v="110"/>
    <d v="2016-11-15T00:00:00"/>
    <x v="4"/>
    <x v="0"/>
    <s v="10828"/>
    <s v="GLNANDA"/>
    <n v="0"/>
    <n v="3682"/>
    <s v="Billed Revenues"/>
    <s v="EXV"/>
    <s v="NONBU"/>
    <s v="G0000110"/>
    <s v="N"/>
    <s v="MACSS Dist Billed Revenue-03"/>
    <s v=""/>
    <x v="0"/>
    <s v="CAD0331108"/>
    <s v="S"/>
    <s v="KY"/>
    <s v="REV"/>
    <s v="974"/>
    <s v="GLBATCH"/>
    <n v="11"/>
    <n v="2016"/>
  </r>
  <r>
    <s v="110"/>
    <d v="2016-11-15T00:00:00"/>
    <x v="4"/>
    <x v="0"/>
    <s v="10828"/>
    <s v="GLNANDA"/>
    <n v="-460813.01"/>
    <n v="-3563398"/>
    <s v="Billed Revenues"/>
    <s v="EXV"/>
    <s v="NONBU"/>
    <s v="G0000110"/>
    <s v="N"/>
    <s v="MACSS Dist Billed Revenue-03"/>
    <s v=""/>
    <x v="0"/>
    <s v="CAD0331108"/>
    <s v="S"/>
    <s v="KY"/>
    <s v="REV"/>
    <s v="974"/>
    <s v="GLBATCH"/>
    <n v="11"/>
    <n v="2016"/>
  </r>
  <r>
    <s v="110"/>
    <d v="2016-11-15T00:00:00"/>
    <x v="1"/>
    <x v="0"/>
    <s v="10828"/>
    <s v="GLNANDA"/>
    <n v="0"/>
    <n v="2592"/>
    <s v="Billed Revenues"/>
    <s v="EXV"/>
    <s v="NONBU"/>
    <s v="G0000110"/>
    <s v="N"/>
    <s v="MACSS Dist Billed Revenue-03"/>
    <s v=""/>
    <x v="0"/>
    <s v="CAD0331109"/>
    <s v="S"/>
    <s v="KY"/>
    <s v="REV"/>
    <s v="974"/>
    <s v="GLBATCH"/>
    <n v="11"/>
    <n v="2016"/>
  </r>
  <r>
    <s v="110"/>
    <d v="2016-11-15T00:00:00"/>
    <x v="5"/>
    <x v="0"/>
    <s v="10828"/>
    <s v="GLNANDA"/>
    <n v="-132233.98000000001"/>
    <n v="-1005021"/>
    <s v="Billed Revenues"/>
    <s v="EXV"/>
    <s v="NONBU"/>
    <s v="G0000110"/>
    <s v="N"/>
    <s v="MACSS Dist Billed Revenue-03"/>
    <s v=""/>
    <x v="0"/>
    <s v="CAD0331109"/>
    <s v="S"/>
    <s v="KY"/>
    <s v="REV"/>
    <s v="974"/>
    <s v="GLBATCH"/>
    <n v="11"/>
    <n v="2016"/>
  </r>
  <r>
    <s v="110"/>
    <d v="2016-11-15T00:00:00"/>
    <x v="1"/>
    <x v="0"/>
    <s v="10828"/>
    <s v="GLNANDA"/>
    <n v="-239040.84"/>
    <n v="-1763711"/>
    <s v="Billed Revenues"/>
    <s v="EXV"/>
    <s v="NONBU"/>
    <s v="G0000110"/>
    <s v="N"/>
    <s v="MACSS Dist Billed Revenue-03"/>
    <s v=""/>
    <x v="0"/>
    <s v="CAD0331109"/>
    <s v="S"/>
    <s v="KY"/>
    <s v="REV"/>
    <s v="974"/>
    <s v="GLBATCH"/>
    <n v="11"/>
    <n v="2016"/>
  </r>
  <r>
    <s v="110"/>
    <d v="2016-11-15T00:00:00"/>
    <x v="5"/>
    <x v="0"/>
    <s v="10828"/>
    <s v="GLNANDA"/>
    <n v="0"/>
    <n v="187"/>
    <s v="Billed Revenues"/>
    <s v="EXV"/>
    <s v="NONBU"/>
    <s v="G0000110"/>
    <s v="N"/>
    <s v="MACSS Dist Billed Revenue-03"/>
    <s v=""/>
    <x v="0"/>
    <s v="CAD0331109"/>
    <s v="S"/>
    <s v="KY"/>
    <s v="REV"/>
    <s v="974"/>
    <s v="GLBATCH"/>
    <n v="11"/>
    <n v="2016"/>
  </r>
  <r>
    <s v="110"/>
    <d v="2016-11-15T00:00:00"/>
    <x v="6"/>
    <x v="0"/>
    <s v="10828"/>
    <s v="GLNANDA"/>
    <n v="-1448.96"/>
    <n v="-7594"/>
    <s v="Billed Revenues"/>
    <s v="EXV"/>
    <s v="NONBU"/>
    <s v="G0000110"/>
    <s v="N"/>
    <s v="MACSS Dist Billed Revenue-03"/>
    <s v=""/>
    <x v="0"/>
    <s v="CAD0331109"/>
    <s v="S"/>
    <s v="KY"/>
    <s v="REV"/>
    <s v="974"/>
    <s v="GLBATCH"/>
    <n v="11"/>
    <n v="2016"/>
  </r>
  <r>
    <s v="110"/>
    <d v="2016-11-15T00:00:00"/>
    <x v="6"/>
    <x v="0"/>
    <s v="10828"/>
    <s v="GLNANDA"/>
    <n v="0"/>
    <n v="20"/>
    <s v="Billed Revenues"/>
    <s v="EXV"/>
    <s v="NONBU"/>
    <s v="G0000110"/>
    <s v="N"/>
    <s v="MACSS Dist Billed Revenue-03"/>
    <s v=""/>
    <x v="0"/>
    <s v="CAD0331109"/>
    <s v="S"/>
    <s v="KY"/>
    <s v="REV"/>
    <s v="974"/>
    <s v="GLBATCH"/>
    <n v="11"/>
    <n v="2016"/>
  </r>
  <r>
    <s v="110"/>
    <d v="2016-11-15T00:00:00"/>
    <x v="3"/>
    <x v="0"/>
    <s v="10828"/>
    <s v="GLNANDA"/>
    <n v="-43898.93"/>
    <n v="-340200"/>
    <s v="Billed Revenues"/>
    <s v="EXV"/>
    <s v="NONBU"/>
    <s v="G0000110"/>
    <s v="N"/>
    <s v="MACSS Dist Billed Revenue-03"/>
    <s v=""/>
    <x v="0"/>
    <s v="CAD0331109"/>
    <s v="S"/>
    <s v="KY"/>
    <s v="REV"/>
    <s v="974"/>
    <s v="GLBATCH"/>
    <n v="11"/>
    <n v="2016"/>
  </r>
  <r>
    <s v="110"/>
    <d v="2016-11-15T00:00:00"/>
    <x v="3"/>
    <x v="0"/>
    <s v="10828"/>
    <s v="GLNANDA"/>
    <n v="0"/>
    <n v="3"/>
    <s v="Billed Revenues"/>
    <s v="EXV"/>
    <s v="NONBU"/>
    <s v="G0000110"/>
    <s v="N"/>
    <s v="MACSS Dist Billed Revenue-03"/>
    <s v=""/>
    <x v="0"/>
    <s v="CAD0331109"/>
    <s v="S"/>
    <s v="KY"/>
    <s v="REV"/>
    <s v="974"/>
    <s v="GLBATCH"/>
    <n v="11"/>
    <n v="2016"/>
  </r>
  <r>
    <s v="110"/>
    <d v="2016-11-15T00:00:00"/>
    <x v="7"/>
    <x v="0"/>
    <s v="10828"/>
    <s v="GLNANDA"/>
    <n v="-75863.53"/>
    <n v="-583399"/>
    <s v="Billed Revenues"/>
    <s v="EXV"/>
    <s v="NONBU"/>
    <s v="G0000110"/>
    <s v="N"/>
    <s v="MACSS Dist Billed Revenue-03"/>
    <s v=""/>
    <x v="0"/>
    <s v="CAD0331109"/>
    <s v="S"/>
    <s v="KY"/>
    <s v="REV"/>
    <s v="974"/>
    <s v="GLBATCH"/>
    <n v="11"/>
    <n v="2016"/>
  </r>
  <r>
    <s v="110"/>
    <d v="2016-11-15T00:00:00"/>
    <x v="7"/>
    <x v="0"/>
    <s v="10828"/>
    <s v="GLNANDA"/>
    <n v="0"/>
    <n v="40"/>
    <s v="Billed Revenues"/>
    <s v="EXV"/>
    <s v="NONBU"/>
    <s v="G0000110"/>
    <s v="N"/>
    <s v="MACSS Dist Billed Revenue-03"/>
    <s v=""/>
    <x v="0"/>
    <s v="CAD0331109"/>
    <s v="S"/>
    <s v="KY"/>
    <s v="REV"/>
    <s v="974"/>
    <s v="GLBATCH"/>
    <n v="11"/>
    <n v="2016"/>
  </r>
  <r>
    <s v="110"/>
    <d v="2016-11-15T00:00:00"/>
    <x v="2"/>
    <x v="0"/>
    <s v="10828"/>
    <s v="GLNANDA"/>
    <n v="-519212.86"/>
    <n v="-3924977"/>
    <s v="Billed Revenues"/>
    <s v="EXV"/>
    <s v="NONBU"/>
    <s v="G0000110"/>
    <s v="N"/>
    <s v="MACSS Dist Billed Revenue-03"/>
    <s v=""/>
    <x v="0"/>
    <s v="CAD0331109"/>
    <s v="S"/>
    <s v="KY"/>
    <s v="REV"/>
    <s v="974"/>
    <s v="GLBATCH"/>
    <n v="11"/>
    <n v="2016"/>
  </r>
  <r>
    <s v="110"/>
    <d v="2016-11-15T00:00:00"/>
    <x v="2"/>
    <x v="0"/>
    <s v="10828"/>
    <s v="GLNANDA"/>
    <n v="0"/>
    <n v="1371"/>
    <s v="Billed Revenues"/>
    <s v="EXV"/>
    <s v="NONBU"/>
    <s v="G0000110"/>
    <s v="N"/>
    <s v="MACSS Dist Billed Revenue-03"/>
    <s v=""/>
    <x v="0"/>
    <s v="CAD0331109"/>
    <s v="S"/>
    <s v="KY"/>
    <s v="REV"/>
    <s v="974"/>
    <s v="GLBATCH"/>
    <n v="11"/>
    <n v="2016"/>
  </r>
  <r>
    <s v="110"/>
    <d v="2016-11-15T00:00:00"/>
    <x v="0"/>
    <x v="0"/>
    <s v="10828"/>
    <s v="GLNANDA"/>
    <n v="-29595.97"/>
    <n v="-294418"/>
    <s v="Billed Revenues"/>
    <s v="EXV"/>
    <s v="NONBU"/>
    <s v="G0000110"/>
    <s v="N"/>
    <s v="MACSS Dist Billed Revenue-03"/>
    <s v=""/>
    <x v="0"/>
    <s v="CAD0331109"/>
    <s v="S"/>
    <s v="KY"/>
    <s v="REV"/>
    <s v="974"/>
    <s v="GLBATCH"/>
    <n v="11"/>
    <n v="2016"/>
  </r>
  <r>
    <s v="110"/>
    <d v="2016-11-15T00:00:00"/>
    <x v="0"/>
    <x v="0"/>
    <s v="10828"/>
    <s v="GLNANDA"/>
    <n v="0"/>
    <n v="28"/>
    <s v="Billed Revenues"/>
    <s v="EXV"/>
    <s v="NONBU"/>
    <s v="G0000110"/>
    <s v="N"/>
    <s v="MACSS Dist Billed Revenue-03"/>
    <s v=""/>
    <x v="0"/>
    <s v="CAD0331109"/>
    <s v="S"/>
    <s v="KY"/>
    <s v="REV"/>
    <s v="974"/>
    <s v="GLBATCH"/>
    <n v="11"/>
    <n v="2016"/>
  </r>
  <r>
    <s v="110"/>
    <d v="2016-11-15T00:00:00"/>
    <x v="4"/>
    <x v="0"/>
    <s v="10828"/>
    <s v="GLNANDA"/>
    <n v="-512267.18"/>
    <n v="-3912825"/>
    <s v="Billed Revenues"/>
    <s v="EXV"/>
    <s v="NONBU"/>
    <s v="G0000110"/>
    <s v="N"/>
    <s v="MACSS Dist Billed Revenue-03"/>
    <s v=""/>
    <x v="0"/>
    <s v="CAD0331109"/>
    <s v="S"/>
    <s v="KY"/>
    <s v="REV"/>
    <s v="974"/>
    <s v="GLBATCH"/>
    <n v="11"/>
    <n v="2016"/>
  </r>
  <r>
    <s v="110"/>
    <d v="2016-11-15T00:00:00"/>
    <x v="4"/>
    <x v="0"/>
    <s v="10828"/>
    <s v="GLNANDA"/>
    <n v="0"/>
    <n v="4615"/>
    <s v="Billed Revenues"/>
    <s v="EXV"/>
    <s v="NONBU"/>
    <s v="G0000110"/>
    <s v="N"/>
    <s v="MACSS Dist Billed Revenue-03"/>
    <s v=""/>
    <x v="0"/>
    <s v="CAD0331109"/>
    <s v="S"/>
    <s v="KY"/>
    <s v="REV"/>
    <s v="974"/>
    <s v="GLBATCH"/>
    <n v="11"/>
    <n v="2016"/>
  </r>
  <r>
    <s v="110"/>
    <d v="2016-11-15T00:00:00"/>
    <x v="5"/>
    <x v="0"/>
    <s v="10828"/>
    <s v="GLNANDA"/>
    <n v="-86290.76"/>
    <n v="-664914"/>
    <s v="Billed Revenues"/>
    <s v="EXV"/>
    <s v="NONBU"/>
    <s v="G0000110"/>
    <s v="N"/>
    <s v="MACSS Dist Billed Revenue-03"/>
    <s v=""/>
    <x v="0"/>
    <s v="CAD0331110"/>
    <s v="S"/>
    <s v="KY"/>
    <s v="REV"/>
    <s v="974"/>
    <s v="GLBATCH"/>
    <n v="11"/>
    <n v="2016"/>
  </r>
  <r>
    <s v="110"/>
    <d v="2016-11-15T00:00:00"/>
    <x v="1"/>
    <x v="0"/>
    <s v="10828"/>
    <s v="GLNANDA"/>
    <n v="-165628.47"/>
    <n v="-1214704"/>
    <s v="Billed Revenues"/>
    <s v="EXV"/>
    <s v="NONBU"/>
    <s v="G0000110"/>
    <s v="N"/>
    <s v="MACSS Dist Billed Revenue-03"/>
    <s v=""/>
    <x v="0"/>
    <s v="CAD0331110"/>
    <s v="S"/>
    <s v="KY"/>
    <s v="REV"/>
    <s v="974"/>
    <s v="GLBATCH"/>
    <n v="11"/>
    <n v="2016"/>
  </r>
  <r>
    <s v="110"/>
    <d v="2016-11-15T00:00:00"/>
    <x v="4"/>
    <x v="0"/>
    <s v="10828"/>
    <s v="GLNANDA"/>
    <n v="0"/>
    <n v="3273"/>
    <s v="Billed Revenues"/>
    <s v="EXV"/>
    <s v="NONBU"/>
    <s v="G0000110"/>
    <s v="N"/>
    <s v="MACSS Dist Billed Revenue-03"/>
    <s v=""/>
    <x v="0"/>
    <s v="CAD0331110"/>
    <s v="S"/>
    <s v="KY"/>
    <s v="REV"/>
    <s v="974"/>
    <s v="GLBATCH"/>
    <n v="11"/>
    <n v="2016"/>
  </r>
  <r>
    <s v="110"/>
    <d v="2016-11-15T00:00:00"/>
    <x v="4"/>
    <x v="0"/>
    <s v="10828"/>
    <s v="GLNANDA"/>
    <n v="-366506.57"/>
    <n v="-2790301"/>
    <s v="Billed Revenues"/>
    <s v="EXV"/>
    <s v="NONBU"/>
    <s v="G0000110"/>
    <s v="N"/>
    <s v="MACSS Dist Billed Revenue-03"/>
    <s v=""/>
    <x v="0"/>
    <s v="CAD0331110"/>
    <s v="S"/>
    <s v="KY"/>
    <s v="REV"/>
    <s v="974"/>
    <s v="GLBATCH"/>
    <n v="11"/>
    <n v="2016"/>
  </r>
  <r>
    <s v="110"/>
    <d v="2016-11-15T00:00:00"/>
    <x v="3"/>
    <x v="0"/>
    <s v="10828"/>
    <s v="GLNANDA"/>
    <n v="-326236.46000000002"/>
    <n v="-3996023"/>
    <s v="Billed Revenues"/>
    <s v="EXV"/>
    <s v="NONBU"/>
    <s v="G0000110"/>
    <s v="N"/>
    <s v="MACSS Dist Billed Revenue-03"/>
    <s v=""/>
    <x v="0"/>
    <s v="CAD0331110"/>
    <s v="S"/>
    <s v="KY"/>
    <s v="REV"/>
    <s v="974"/>
    <s v="GLBATCH"/>
    <n v="11"/>
    <n v="2016"/>
  </r>
  <r>
    <s v="110"/>
    <d v="2016-11-15T00:00:00"/>
    <x v="3"/>
    <x v="0"/>
    <s v="10828"/>
    <s v="GLNANDA"/>
    <n v="0"/>
    <n v="5"/>
    <s v="Billed Revenues"/>
    <s v="EXV"/>
    <s v="NONBU"/>
    <s v="G0000110"/>
    <s v="N"/>
    <s v="MACSS Dist Billed Revenue-03"/>
    <s v=""/>
    <x v="0"/>
    <s v="CAD0331110"/>
    <s v="S"/>
    <s v="KY"/>
    <s v="REV"/>
    <s v="974"/>
    <s v="GLBATCH"/>
    <n v="11"/>
    <n v="2016"/>
  </r>
  <r>
    <s v="110"/>
    <d v="2016-11-15T00:00:00"/>
    <x v="1"/>
    <x v="0"/>
    <s v="10828"/>
    <s v="GLNANDA"/>
    <n v="0"/>
    <n v="1757"/>
    <s v="Billed Revenues"/>
    <s v="EXV"/>
    <s v="NONBU"/>
    <s v="G0000110"/>
    <s v="N"/>
    <s v="MACSS Dist Billed Revenue-03"/>
    <s v=""/>
    <x v="0"/>
    <s v="CAD0331110"/>
    <s v="S"/>
    <s v="KY"/>
    <s v="REV"/>
    <s v="974"/>
    <s v="GLBATCH"/>
    <n v="11"/>
    <n v="2016"/>
  </r>
  <r>
    <s v="110"/>
    <d v="2016-11-15T00:00:00"/>
    <x v="5"/>
    <x v="0"/>
    <s v="10828"/>
    <s v="GLNANDA"/>
    <n v="0"/>
    <n v="172"/>
    <s v="Billed Revenues"/>
    <s v="EXV"/>
    <s v="NONBU"/>
    <s v="G0000110"/>
    <s v="N"/>
    <s v="MACSS Dist Billed Revenue-03"/>
    <s v=""/>
    <x v="0"/>
    <s v="CAD0331110"/>
    <s v="S"/>
    <s v="KY"/>
    <s v="REV"/>
    <s v="974"/>
    <s v="GLBATCH"/>
    <n v="11"/>
    <n v="2016"/>
  </r>
  <r>
    <s v="110"/>
    <d v="2016-11-15T00:00:00"/>
    <x v="7"/>
    <x v="0"/>
    <s v="10828"/>
    <s v="GLNANDA"/>
    <n v="-78894.899999999994"/>
    <n v="-619754"/>
    <s v="Billed Revenues"/>
    <s v="EXV"/>
    <s v="NONBU"/>
    <s v="G0000110"/>
    <s v="N"/>
    <s v="MACSS Dist Billed Revenue-03"/>
    <s v=""/>
    <x v="0"/>
    <s v="CAD0331110"/>
    <s v="S"/>
    <s v="KY"/>
    <s v="REV"/>
    <s v="974"/>
    <s v="GLBATCH"/>
    <n v="11"/>
    <n v="2016"/>
  </r>
  <r>
    <s v="110"/>
    <d v="2016-11-15T00:00:00"/>
    <x v="7"/>
    <x v="0"/>
    <s v="10828"/>
    <s v="GLNANDA"/>
    <n v="0"/>
    <n v="41"/>
    <s v="Billed Revenues"/>
    <s v="EXV"/>
    <s v="NONBU"/>
    <s v="G0000110"/>
    <s v="N"/>
    <s v="MACSS Dist Billed Revenue-03"/>
    <s v=""/>
    <x v="0"/>
    <s v="CAD0331110"/>
    <s v="S"/>
    <s v="KY"/>
    <s v="REV"/>
    <s v="974"/>
    <s v="GLBATCH"/>
    <n v="11"/>
    <n v="2016"/>
  </r>
  <r>
    <s v="110"/>
    <d v="2016-11-15T00:00:00"/>
    <x v="2"/>
    <x v="0"/>
    <s v="10828"/>
    <s v="GLNANDA"/>
    <n v="-500103.7"/>
    <n v="-3760574"/>
    <s v="Billed Revenues"/>
    <s v="EXV"/>
    <s v="NONBU"/>
    <s v="G0000110"/>
    <s v="N"/>
    <s v="MACSS Dist Billed Revenue-03"/>
    <s v=""/>
    <x v="0"/>
    <s v="CAD0331110"/>
    <s v="S"/>
    <s v="KY"/>
    <s v="REV"/>
    <s v="974"/>
    <s v="GLBATCH"/>
    <n v="11"/>
    <n v="2016"/>
  </r>
  <r>
    <s v="110"/>
    <d v="2016-11-15T00:00:00"/>
    <x v="2"/>
    <x v="0"/>
    <s v="10828"/>
    <s v="GLNANDA"/>
    <n v="0"/>
    <n v="1384"/>
    <s v="Billed Revenues"/>
    <s v="EXV"/>
    <s v="NONBU"/>
    <s v="G0000110"/>
    <s v="N"/>
    <s v="MACSS Dist Billed Revenue-03"/>
    <s v=""/>
    <x v="0"/>
    <s v="CAD0331110"/>
    <s v="S"/>
    <s v="KY"/>
    <s v="REV"/>
    <s v="974"/>
    <s v="GLBATCH"/>
    <n v="11"/>
    <n v="2016"/>
  </r>
  <r>
    <s v="110"/>
    <d v="2016-11-15T00:00:00"/>
    <x v="6"/>
    <x v="0"/>
    <s v="10828"/>
    <s v="GLNANDA"/>
    <n v="-2856.77"/>
    <n v="-17122"/>
    <s v="Billed Revenues"/>
    <s v="EXV"/>
    <s v="NONBU"/>
    <s v="G0000110"/>
    <s v="N"/>
    <s v="MACSS Dist Billed Revenue-03"/>
    <s v=""/>
    <x v="0"/>
    <s v="CAD0331110"/>
    <s v="S"/>
    <s v="KY"/>
    <s v="REV"/>
    <s v="974"/>
    <s v="GLBATCH"/>
    <n v="11"/>
    <n v="2016"/>
  </r>
  <r>
    <s v="110"/>
    <d v="2016-11-15T00:00:00"/>
    <x v="6"/>
    <x v="0"/>
    <s v="10828"/>
    <s v="GLNANDA"/>
    <n v="0"/>
    <n v="10"/>
    <s v="Billed Revenues"/>
    <s v="EXV"/>
    <s v="NONBU"/>
    <s v="G0000110"/>
    <s v="N"/>
    <s v="MACSS Dist Billed Revenue-03"/>
    <s v=""/>
    <x v="0"/>
    <s v="CAD0331110"/>
    <s v="S"/>
    <s v="KY"/>
    <s v="REV"/>
    <s v="974"/>
    <s v="GLBATCH"/>
    <n v="11"/>
    <n v="2016"/>
  </r>
  <r>
    <s v="110"/>
    <d v="2016-11-15T00:00:00"/>
    <x v="0"/>
    <x v="0"/>
    <s v="10828"/>
    <s v="GLNANDA"/>
    <n v="-38917.279999999999"/>
    <n v="-481449"/>
    <s v="Billed Revenues"/>
    <s v="EXV"/>
    <s v="NONBU"/>
    <s v="G0000110"/>
    <s v="N"/>
    <s v="MACSS Dist Billed Revenue-03"/>
    <s v=""/>
    <x v="0"/>
    <s v="CAD0331110"/>
    <s v="S"/>
    <s v="KY"/>
    <s v="REV"/>
    <s v="974"/>
    <s v="GLBATCH"/>
    <n v="11"/>
    <n v="2016"/>
  </r>
  <r>
    <s v="110"/>
    <d v="2016-11-15T00:00:00"/>
    <x v="0"/>
    <x v="0"/>
    <s v="10828"/>
    <s v="GLNANDA"/>
    <n v="0"/>
    <n v="14"/>
    <s v="Billed Revenues"/>
    <s v="EXV"/>
    <s v="NONBU"/>
    <s v="G0000110"/>
    <s v="N"/>
    <s v="MACSS Dist Billed Revenue-03"/>
    <s v=""/>
    <x v="0"/>
    <s v="CAD0331110"/>
    <s v="S"/>
    <s v="KY"/>
    <s v="REV"/>
    <s v="974"/>
    <s v="GLBATCH"/>
    <n v="11"/>
    <n v="2016"/>
  </r>
  <r>
    <s v="110"/>
    <d v="2016-11-15T00:00:00"/>
    <x v="3"/>
    <x v="0"/>
    <s v="10828"/>
    <s v="GLNANDA"/>
    <n v="-2190.89"/>
    <n v="-12448"/>
    <s v="Billed Revenues"/>
    <s v="EXV"/>
    <s v="NONBU"/>
    <s v="G0000110"/>
    <s v="N"/>
    <s v="MACSS Dist Billed Revenue-03"/>
    <s v=""/>
    <x v="0"/>
    <s v="CAD0331111"/>
    <s v="S"/>
    <s v="KY"/>
    <s v="REV"/>
    <s v="974"/>
    <s v="GLBATCH"/>
    <n v="11"/>
    <n v="2016"/>
  </r>
  <r>
    <s v="110"/>
    <d v="2016-11-15T00:00:00"/>
    <x v="5"/>
    <x v="0"/>
    <s v="10828"/>
    <s v="GLNANDA"/>
    <n v="-46314.85"/>
    <n v="-343892"/>
    <s v="Billed Revenues"/>
    <s v="EXV"/>
    <s v="NONBU"/>
    <s v="G0000110"/>
    <s v="N"/>
    <s v="MACSS Dist Billed Revenue-03"/>
    <s v=""/>
    <x v="0"/>
    <s v="CAD0331111"/>
    <s v="S"/>
    <s v="KY"/>
    <s v="REV"/>
    <s v="974"/>
    <s v="GLBATCH"/>
    <n v="11"/>
    <n v="2016"/>
  </r>
  <r>
    <s v="110"/>
    <d v="2016-11-15T00:00:00"/>
    <x v="0"/>
    <x v="0"/>
    <s v="10828"/>
    <s v="GLNANDA"/>
    <n v="0"/>
    <n v="28"/>
    <s v="Billed Revenues"/>
    <s v="EXV"/>
    <s v="NONBU"/>
    <s v="G0000110"/>
    <s v="N"/>
    <s v="MACSS Dist Billed Revenue-03"/>
    <s v=""/>
    <x v="0"/>
    <s v="CAD0331111"/>
    <s v="S"/>
    <s v="KY"/>
    <s v="REV"/>
    <s v="974"/>
    <s v="GLBATCH"/>
    <n v="11"/>
    <n v="2016"/>
  </r>
  <r>
    <s v="110"/>
    <d v="2016-11-15T00:00:00"/>
    <x v="0"/>
    <x v="0"/>
    <s v="10828"/>
    <s v="GLNANDA"/>
    <n v="-28937.1"/>
    <n v="-193436"/>
    <s v="Billed Revenues"/>
    <s v="EXV"/>
    <s v="NONBU"/>
    <s v="G0000110"/>
    <s v="N"/>
    <s v="MACSS Dist Billed Revenue-03"/>
    <s v=""/>
    <x v="0"/>
    <s v="CAD0331111"/>
    <s v="S"/>
    <s v="KY"/>
    <s v="REV"/>
    <s v="974"/>
    <s v="GLBATCH"/>
    <n v="11"/>
    <n v="2016"/>
  </r>
  <r>
    <s v="110"/>
    <d v="2016-11-15T00:00:00"/>
    <x v="4"/>
    <x v="0"/>
    <s v="10828"/>
    <s v="GLNANDA"/>
    <n v="-520567.26"/>
    <n v="-4002774"/>
    <s v="Billed Revenues"/>
    <s v="EXV"/>
    <s v="NONBU"/>
    <s v="G0000110"/>
    <s v="N"/>
    <s v="MACSS Dist Billed Revenue-03"/>
    <s v=""/>
    <x v="0"/>
    <s v="CAD0331111"/>
    <s v="S"/>
    <s v="KY"/>
    <s v="REV"/>
    <s v="974"/>
    <s v="GLBATCH"/>
    <n v="11"/>
    <n v="2016"/>
  </r>
  <r>
    <s v="110"/>
    <d v="2016-11-15T00:00:00"/>
    <x v="4"/>
    <x v="0"/>
    <s v="10828"/>
    <s v="GLNANDA"/>
    <n v="0"/>
    <n v="4414"/>
    <s v="Billed Revenues"/>
    <s v="EXV"/>
    <s v="NONBU"/>
    <s v="G0000110"/>
    <s v="N"/>
    <s v="MACSS Dist Billed Revenue-03"/>
    <s v=""/>
    <x v="0"/>
    <s v="CAD0331111"/>
    <s v="S"/>
    <s v="KY"/>
    <s v="REV"/>
    <s v="974"/>
    <s v="GLBATCH"/>
    <n v="11"/>
    <n v="2016"/>
  </r>
  <r>
    <s v="110"/>
    <d v="2016-11-15T00:00:00"/>
    <x v="2"/>
    <x v="0"/>
    <s v="10828"/>
    <s v="GLNANDA"/>
    <n v="0"/>
    <n v="1289"/>
    <s v="Billed Revenues"/>
    <s v="EXV"/>
    <s v="NONBU"/>
    <s v="G0000110"/>
    <s v="N"/>
    <s v="MACSS Dist Billed Revenue-03"/>
    <s v=""/>
    <x v="0"/>
    <s v="CAD0331111"/>
    <s v="S"/>
    <s v="KY"/>
    <s v="REV"/>
    <s v="974"/>
    <s v="GLBATCH"/>
    <n v="11"/>
    <n v="2016"/>
  </r>
  <r>
    <s v="110"/>
    <d v="2016-11-15T00:00:00"/>
    <x v="2"/>
    <x v="0"/>
    <s v="10828"/>
    <s v="GLNANDA"/>
    <n v="-361570.45"/>
    <n v="-2608645"/>
    <s v="Billed Revenues"/>
    <s v="EXV"/>
    <s v="NONBU"/>
    <s v="G0000110"/>
    <s v="N"/>
    <s v="MACSS Dist Billed Revenue-03"/>
    <s v=""/>
    <x v="0"/>
    <s v="CAD0331111"/>
    <s v="S"/>
    <s v="KY"/>
    <s v="REV"/>
    <s v="974"/>
    <s v="GLBATCH"/>
    <n v="11"/>
    <n v="2016"/>
  </r>
  <r>
    <s v="110"/>
    <d v="2016-11-15T00:00:00"/>
    <x v="5"/>
    <x v="0"/>
    <s v="10828"/>
    <s v="GLNANDA"/>
    <n v="0"/>
    <n v="93"/>
    <s v="Billed Revenues"/>
    <s v="EXV"/>
    <s v="NONBU"/>
    <s v="G0000110"/>
    <s v="N"/>
    <s v="MACSS Dist Billed Revenue-03"/>
    <s v=""/>
    <x v="0"/>
    <s v="CAD0331111"/>
    <s v="S"/>
    <s v="KY"/>
    <s v="REV"/>
    <s v="974"/>
    <s v="GLBATCH"/>
    <n v="11"/>
    <n v="2016"/>
  </r>
  <r>
    <s v="110"/>
    <d v="2016-11-15T00:00:00"/>
    <x v="3"/>
    <x v="0"/>
    <s v="10828"/>
    <s v="GLNANDA"/>
    <n v="0"/>
    <n v="10"/>
    <s v="Billed Revenues"/>
    <s v="EXV"/>
    <s v="NONBU"/>
    <s v="G0000110"/>
    <s v="N"/>
    <s v="MACSS Dist Billed Revenue-03"/>
    <s v=""/>
    <x v="0"/>
    <s v="CAD0331111"/>
    <s v="S"/>
    <s v="KY"/>
    <s v="REV"/>
    <s v="974"/>
    <s v="GLBATCH"/>
    <n v="11"/>
    <n v="2016"/>
  </r>
  <r>
    <s v="110"/>
    <d v="2016-11-15T00:00:00"/>
    <x v="1"/>
    <x v="0"/>
    <s v="10828"/>
    <s v="GLNANDA"/>
    <n v="0"/>
    <n v="2078"/>
    <s v="Billed Revenues"/>
    <s v="EXV"/>
    <s v="NONBU"/>
    <s v="G0000110"/>
    <s v="N"/>
    <s v="MACSS Dist Billed Revenue-03"/>
    <s v=""/>
    <x v="0"/>
    <s v="CAD0331111"/>
    <s v="S"/>
    <s v="KY"/>
    <s v="REV"/>
    <s v="974"/>
    <s v="GLBATCH"/>
    <n v="11"/>
    <n v="2016"/>
  </r>
  <r>
    <s v="110"/>
    <d v="2016-11-15T00:00:00"/>
    <x v="1"/>
    <x v="0"/>
    <s v="10828"/>
    <s v="GLNANDA"/>
    <n v="-204886.04"/>
    <n v="-1518643"/>
    <s v="Billed Revenues"/>
    <s v="EXV"/>
    <s v="NONBU"/>
    <s v="G0000110"/>
    <s v="N"/>
    <s v="MACSS Dist Billed Revenue-03"/>
    <s v=""/>
    <x v="0"/>
    <s v="CAD0331111"/>
    <s v="S"/>
    <s v="KY"/>
    <s v="REV"/>
    <s v="974"/>
    <s v="GLBATCH"/>
    <n v="11"/>
    <n v="2016"/>
  </r>
  <r>
    <s v="110"/>
    <d v="2016-11-15T00:00:00"/>
    <x v="6"/>
    <x v="0"/>
    <s v="10828"/>
    <s v="GLNANDA"/>
    <n v="0"/>
    <n v="17"/>
    <s v="Billed Revenues"/>
    <s v="EXV"/>
    <s v="NONBU"/>
    <s v="G0000110"/>
    <s v="N"/>
    <s v="MACSS Dist Billed Revenue-03"/>
    <s v=""/>
    <x v="0"/>
    <s v="CAD0331111"/>
    <s v="S"/>
    <s v="KY"/>
    <s v="REV"/>
    <s v="974"/>
    <s v="GLBATCH"/>
    <n v="11"/>
    <n v="2016"/>
  </r>
  <r>
    <s v="110"/>
    <d v="2016-11-15T00:00:00"/>
    <x v="6"/>
    <x v="0"/>
    <s v="10828"/>
    <s v="GLNANDA"/>
    <n v="-800.24"/>
    <n v="-3411"/>
    <s v="Billed Revenues"/>
    <s v="EXV"/>
    <s v="NONBU"/>
    <s v="G0000110"/>
    <s v="N"/>
    <s v="MACSS Dist Billed Revenue-03"/>
    <s v=""/>
    <x v="0"/>
    <s v="CAD0331111"/>
    <s v="S"/>
    <s v="KY"/>
    <s v="REV"/>
    <s v="974"/>
    <s v="GLBATCH"/>
    <n v="11"/>
    <n v="2016"/>
  </r>
  <r>
    <s v="110"/>
    <d v="2016-11-15T00:00:00"/>
    <x v="7"/>
    <x v="0"/>
    <s v="10828"/>
    <s v="GLNANDA"/>
    <n v="-113679.85"/>
    <n v="-1003059"/>
    <s v="Billed Revenues"/>
    <s v="EXV"/>
    <s v="NONBU"/>
    <s v="G0000110"/>
    <s v="N"/>
    <s v="MACSS Dist Billed Revenue-03"/>
    <s v=""/>
    <x v="0"/>
    <s v="CAD0331111"/>
    <s v="S"/>
    <s v="KY"/>
    <s v="REV"/>
    <s v="974"/>
    <s v="GLBATCH"/>
    <n v="11"/>
    <n v="2016"/>
  </r>
  <r>
    <s v="110"/>
    <d v="2016-11-15T00:00:00"/>
    <x v="7"/>
    <x v="0"/>
    <s v="10828"/>
    <s v="GLNANDA"/>
    <n v="0"/>
    <n v="36"/>
    <s v="Billed Revenues"/>
    <s v="EXV"/>
    <s v="NONBU"/>
    <s v="G0000110"/>
    <s v="N"/>
    <s v="MACSS Dist Billed Revenue-03"/>
    <s v=""/>
    <x v="0"/>
    <s v="CAD0331111"/>
    <s v="S"/>
    <s v="KY"/>
    <s v="REV"/>
    <s v="974"/>
    <s v="GLBATCH"/>
    <n v="11"/>
    <n v="2016"/>
  </r>
  <r>
    <s v="110"/>
    <d v="2016-11-15T00:00:00"/>
    <x v="0"/>
    <x v="0"/>
    <s v="10828"/>
    <s v="GLNANDA"/>
    <n v="0"/>
    <n v="37"/>
    <s v="Billed Revenues"/>
    <s v="EXV"/>
    <s v="NONBU"/>
    <s v="G0000110"/>
    <s v="N"/>
    <s v="MACSS Dist Billed Revenue-03"/>
    <s v=""/>
    <x v="0"/>
    <s v="CAD0331114"/>
    <s v="S"/>
    <s v="KY"/>
    <s v="REV"/>
    <s v="974"/>
    <s v="GLBATCH"/>
    <n v="11"/>
    <n v="2016"/>
  </r>
  <r>
    <s v="110"/>
    <d v="2016-11-15T00:00:00"/>
    <x v="1"/>
    <x v="0"/>
    <s v="10828"/>
    <s v="GLNANDA"/>
    <n v="-277113.07"/>
    <n v="-2064539"/>
    <s v="Billed Revenues"/>
    <s v="EXV"/>
    <s v="NONBU"/>
    <s v="G0000110"/>
    <s v="N"/>
    <s v="MACSS Dist Billed Revenue-03"/>
    <s v=""/>
    <x v="0"/>
    <s v="CAD0331114"/>
    <s v="S"/>
    <s v="KY"/>
    <s v="REV"/>
    <s v="974"/>
    <s v="GLBATCH"/>
    <n v="11"/>
    <n v="2016"/>
  </r>
  <r>
    <s v="110"/>
    <d v="2016-11-15T00:00:00"/>
    <x v="3"/>
    <x v="0"/>
    <s v="10828"/>
    <s v="GLNANDA"/>
    <n v="-61165.9"/>
    <n v="-732712"/>
    <s v="Billed Revenues"/>
    <s v="EXV"/>
    <s v="NONBU"/>
    <s v="G0000110"/>
    <s v="N"/>
    <s v="MACSS Dist Billed Revenue-03"/>
    <s v=""/>
    <x v="0"/>
    <s v="CAD0331114"/>
    <s v="S"/>
    <s v="KY"/>
    <s v="REV"/>
    <s v="974"/>
    <s v="GLBATCH"/>
    <n v="11"/>
    <n v="2016"/>
  </r>
  <r>
    <s v="110"/>
    <d v="2016-11-15T00:00:00"/>
    <x v="3"/>
    <x v="0"/>
    <s v="10828"/>
    <s v="GLNANDA"/>
    <n v="0"/>
    <n v="8"/>
    <s v="Billed Revenues"/>
    <s v="EXV"/>
    <s v="NONBU"/>
    <s v="G0000110"/>
    <s v="N"/>
    <s v="MACSS Dist Billed Revenue-03"/>
    <s v=""/>
    <x v="0"/>
    <s v="CAD0331114"/>
    <s v="S"/>
    <s v="KY"/>
    <s v="REV"/>
    <s v="974"/>
    <s v="GLBATCH"/>
    <n v="11"/>
    <n v="2016"/>
  </r>
  <r>
    <s v="110"/>
    <d v="2016-11-15T00:00:00"/>
    <x v="4"/>
    <x v="0"/>
    <s v="10828"/>
    <s v="GLNANDA"/>
    <n v="-722931.09"/>
    <n v="-5628506"/>
    <s v="Billed Revenues"/>
    <s v="EXV"/>
    <s v="NONBU"/>
    <s v="G0000110"/>
    <s v="N"/>
    <s v="MACSS Dist Billed Revenue-03"/>
    <s v=""/>
    <x v="0"/>
    <s v="CAD0331114"/>
    <s v="S"/>
    <s v="KY"/>
    <s v="REV"/>
    <s v="974"/>
    <s v="GLBATCH"/>
    <n v="11"/>
    <n v="2016"/>
  </r>
  <r>
    <s v="110"/>
    <d v="2016-11-15T00:00:00"/>
    <x v="4"/>
    <x v="0"/>
    <s v="10828"/>
    <s v="GLNANDA"/>
    <n v="0"/>
    <n v="5692"/>
    <s v="Billed Revenues"/>
    <s v="EXV"/>
    <s v="NONBU"/>
    <s v="G0000110"/>
    <s v="N"/>
    <s v="MACSS Dist Billed Revenue-03"/>
    <s v=""/>
    <x v="0"/>
    <s v="CAD0331114"/>
    <s v="S"/>
    <s v="KY"/>
    <s v="REV"/>
    <s v="974"/>
    <s v="GLBATCH"/>
    <n v="11"/>
    <n v="2016"/>
  </r>
  <r>
    <s v="110"/>
    <d v="2016-11-15T00:00:00"/>
    <x v="5"/>
    <x v="0"/>
    <s v="10828"/>
    <s v="GLNANDA"/>
    <n v="-85626"/>
    <n v="-649886"/>
    <s v="Billed Revenues"/>
    <s v="EXV"/>
    <s v="NONBU"/>
    <s v="G0000110"/>
    <s v="N"/>
    <s v="MACSS Dist Billed Revenue-03"/>
    <s v=""/>
    <x v="0"/>
    <s v="CAD0331114"/>
    <s v="S"/>
    <s v="KY"/>
    <s v="REV"/>
    <s v="974"/>
    <s v="GLBATCH"/>
    <n v="11"/>
    <n v="2016"/>
  </r>
  <r>
    <s v="110"/>
    <d v="2016-11-15T00:00:00"/>
    <x v="5"/>
    <x v="0"/>
    <s v="10828"/>
    <s v="GLNANDA"/>
    <n v="0"/>
    <n v="151"/>
    <s v="Billed Revenues"/>
    <s v="EXV"/>
    <s v="NONBU"/>
    <s v="G0000110"/>
    <s v="N"/>
    <s v="MACSS Dist Billed Revenue-03"/>
    <s v=""/>
    <x v="0"/>
    <s v="CAD0331114"/>
    <s v="S"/>
    <s v="KY"/>
    <s v="REV"/>
    <s v="974"/>
    <s v="GLBATCH"/>
    <n v="11"/>
    <n v="2016"/>
  </r>
  <r>
    <s v="110"/>
    <d v="2016-11-15T00:00:00"/>
    <x v="2"/>
    <x v="0"/>
    <s v="10828"/>
    <s v="GLNANDA"/>
    <n v="0"/>
    <n v="1479"/>
    <s v="Billed Revenues"/>
    <s v="EXV"/>
    <s v="NONBU"/>
    <s v="G0000110"/>
    <s v="N"/>
    <s v="MACSS Dist Billed Revenue-03"/>
    <s v=""/>
    <x v="0"/>
    <s v="CAD0331114"/>
    <s v="S"/>
    <s v="KY"/>
    <s v="REV"/>
    <s v="974"/>
    <s v="GLBATCH"/>
    <n v="11"/>
    <n v="2016"/>
  </r>
  <r>
    <s v="110"/>
    <d v="2016-11-15T00:00:00"/>
    <x v="2"/>
    <x v="0"/>
    <s v="10828"/>
    <s v="GLNANDA"/>
    <n v="-539309.05000000005"/>
    <n v="-4789989"/>
    <s v="Billed Revenues"/>
    <s v="EXV"/>
    <s v="NONBU"/>
    <s v="G0000110"/>
    <s v="N"/>
    <s v="MACSS Dist Billed Revenue-03"/>
    <s v=""/>
    <x v="0"/>
    <s v="CAD0331114"/>
    <s v="S"/>
    <s v="KY"/>
    <s v="REV"/>
    <s v="974"/>
    <s v="GLBATCH"/>
    <n v="11"/>
    <n v="2016"/>
  </r>
  <r>
    <s v="110"/>
    <d v="2016-11-15T00:00:00"/>
    <x v="6"/>
    <x v="0"/>
    <s v="10828"/>
    <s v="GLNANDA"/>
    <n v="0"/>
    <n v="3"/>
    <s v="Billed Revenues"/>
    <s v="EXV"/>
    <s v="NONBU"/>
    <s v="G0000110"/>
    <s v="N"/>
    <s v="MACSS Dist Billed Revenue-03"/>
    <s v=""/>
    <x v="0"/>
    <s v="CAD0331114"/>
    <s v="S"/>
    <s v="KY"/>
    <s v="REV"/>
    <s v="974"/>
    <s v="GLBATCH"/>
    <n v="11"/>
    <n v="2016"/>
  </r>
  <r>
    <s v="110"/>
    <d v="2016-11-15T00:00:00"/>
    <x v="6"/>
    <x v="0"/>
    <s v="10828"/>
    <s v="GLNANDA"/>
    <n v="-937.4"/>
    <n v="-6865"/>
    <s v="Billed Revenues"/>
    <s v="EXV"/>
    <s v="NONBU"/>
    <s v="G0000110"/>
    <s v="N"/>
    <s v="MACSS Dist Billed Revenue-03"/>
    <s v=""/>
    <x v="0"/>
    <s v="CAD0331114"/>
    <s v="S"/>
    <s v="KY"/>
    <s v="REV"/>
    <s v="974"/>
    <s v="GLBATCH"/>
    <n v="11"/>
    <n v="2016"/>
  </r>
  <r>
    <s v="110"/>
    <d v="2016-11-15T00:00:00"/>
    <x v="7"/>
    <x v="0"/>
    <s v="10828"/>
    <s v="GLNANDA"/>
    <n v="-59243.85"/>
    <n v="-463808"/>
    <s v="Billed Revenues"/>
    <s v="EXV"/>
    <s v="NONBU"/>
    <s v="G0000110"/>
    <s v="N"/>
    <s v="MACSS Dist Billed Revenue-03"/>
    <s v=""/>
    <x v="0"/>
    <s v="CAD0331114"/>
    <s v="S"/>
    <s v="KY"/>
    <s v="REV"/>
    <s v="974"/>
    <s v="GLBATCH"/>
    <n v="11"/>
    <n v="2016"/>
  </r>
  <r>
    <s v="110"/>
    <d v="2016-11-15T00:00:00"/>
    <x v="7"/>
    <x v="0"/>
    <s v="10828"/>
    <s v="GLNANDA"/>
    <n v="0"/>
    <n v="26"/>
    <s v="Billed Revenues"/>
    <s v="EXV"/>
    <s v="NONBU"/>
    <s v="G0000110"/>
    <s v="N"/>
    <s v="MACSS Dist Billed Revenue-03"/>
    <s v=""/>
    <x v="0"/>
    <s v="CAD0331114"/>
    <s v="S"/>
    <s v="KY"/>
    <s v="REV"/>
    <s v="974"/>
    <s v="GLBATCH"/>
    <n v="11"/>
    <n v="2016"/>
  </r>
  <r>
    <s v="110"/>
    <d v="2016-11-15T00:00:00"/>
    <x v="1"/>
    <x v="0"/>
    <s v="10828"/>
    <s v="GLNANDA"/>
    <n v="0"/>
    <n v="2872"/>
    <s v="Billed Revenues"/>
    <s v="EXV"/>
    <s v="NONBU"/>
    <s v="G0000110"/>
    <s v="N"/>
    <s v="MACSS Dist Billed Revenue-03"/>
    <s v=""/>
    <x v="0"/>
    <s v="CAD0331114"/>
    <s v="S"/>
    <s v="KY"/>
    <s v="REV"/>
    <s v="974"/>
    <s v="GLBATCH"/>
    <n v="11"/>
    <n v="2016"/>
  </r>
  <r>
    <s v="110"/>
    <d v="2016-11-15T00:00:00"/>
    <x v="0"/>
    <x v="0"/>
    <s v="10828"/>
    <s v="GLNANDA"/>
    <n v="-18507.7"/>
    <n v="-130211"/>
    <s v="Billed Revenues"/>
    <s v="EXV"/>
    <s v="NONBU"/>
    <s v="G0000110"/>
    <s v="N"/>
    <s v="MACSS Dist Billed Revenue-03"/>
    <s v=""/>
    <x v="0"/>
    <s v="CAD0331114"/>
    <s v="S"/>
    <s v="KY"/>
    <s v="REV"/>
    <s v="974"/>
    <s v="GLBATCH"/>
    <n v="11"/>
    <n v="2016"/>
  </r>
  <r>
    <s v="110"/>
    <d v="2016-11-15T00:00:00"/>
    <x v="1"/>
    <x v="0"/>
    <s v="10828"/>
    <s v="GLNANDA"/>
    <n v="0"/>
    <n v="2160"/>
    <s v="Billed Revenues"/>
    <s v="EXV"/>
    <s v="NONBU"/>
    <s v="G0000110"/>
    <s v="N"/>
    <s v="MACSS Dist Billed Revenue-03"/>
    <s v=""/>
    <x v="0"/>
    <s v="CAD0331115"/>
    <s v="S"/>
    <s v="KY"/>
    <s v="REV"/>
    <s v="974"/>
    <s v="GLBATCH"/>
    <n v="11"/>
    <n v="2016"/>
  </r>
  <r>
    <s v="110"/>
    <d v="2016-11-15T00:00:00"/>
    <x v="1"/>
    <x v="0"/>
    <s v="10828"/>
    <s v="GLNANDA"/>
    <n v="-224718.03"/>
    <n v="-1686878"/>
    <s v="Billed Revenues"/>
    <s v="EXV"/>
    <s v="NONBU"/>
    <s v="G0000110"/>
    <s v="N"/>
    <s v="MACSS Dist Billed Revenue-03"/>
    <s v=""/>
    <x v="0"/>
    <s v="CAD0331115"/>
    <s v="S"/>
    <s v="KY"/>
    <s v="REV"/>
    <s v="974"/>
    <s v="GLBATCH"/>
    <n v="11"/>
    <n v="2016"/>
  </r>
  <r>
    <s v="110"/>
    <d v="2016-11-15T00:00:00"/>
    <x v="4"/>
    <x v="0"/>
    <s v="10828"/>
    <s v="GLNANDA"/>
    <n v="0"/>
    <n v="3162"/>
    <s v="Billed Revenues"/>
    <s v="EXV"/>
    <s v="NONBU"/>
    <s v="G0000110"/>
    <s v="N"/>
    <s v="MACSS Dist Billed Revenue-03"/>
    <s v=""/>
    <x v="0"/>
    <s v="CAD0331115"/>
    <s v="S"/>
    <s v="KY"/>
    <s v="REV"/>
    <s v="974"/>
    <s v="GLBATCH"/>
    <n v="11"/>
    <n v="2016"/>
  </r>
  <r>
    <s v="110"/>
    <d v="2016-11-15T00:00:00"/>
    <x v="4"/>
    <x v="0"/>
    <s v="10828"/>
    <s v="GLNANDA"/>
    <n v="-437097.99"/>
    <n v="-3417770"/>
    <s v="Billed Revenues"/>
    <s v="EXV"/>
    <s v="NONBU"/>
    <s v="G0000110"/>
    <s v="N"/>
    <s v="MACSS Dist Billed Revenue-03"/>
    <s v=""/>
    <x v="0"/>
    <s v="CAD0331115"/>
    <s v="S"/>
    <s v="KY"/>
    <s v="REV"/>
    <s v="974"/>
    <s v="GLBATCH"/>
    <n v="11"/>
    <n v="2016"/>
  </r>
  <r>
    <s v="110"/>
    <d v="2016-11-15T00:00:00"/>
    <x v="0"/>
    <x v="0"/>
    <s v="10828"/>
    <s v="GLNANDA"/>
    <n v="0"/>
    <n v="34"/>
    <s v="Billed Revenues"/>
    <s v="EXV"/>
    <s v="NONBU"/>
    <s v="G0000110"/>
    <s v="N"/>
    <s v="MACSS Dist Billed Revenue-03"/>
    <s v=""/>
    <x v="0"/>
    <s v="CAD0331115"/>
    <s v="S"/>
    <s v="KY"/>
    <s v="REV"/>
    <s v="974"/>
    <s v="GLBATCH"/>
    <n v="11"/>
    <n v="2016"/>
  </r>
  <r>
    <s v="110"/>
    <d v="2016-11-15T00:00:00"/>
    <x v="2"/>
    <x v="0"/>
    <s v="10828"/>
    <s v="GLNANDA"/>
    <n v="0"/>
    <n v="897"/>
    <s v="Billed Revenues"/>
    <s v="EXV"/>
    <s v="NONBU"/>
    <s v="G0000110"/>
    <s v="N"/>
    <s v="MACSS Dist Billed Revenue-03"/>
    <s v=""/>
    <x v="0"/>
    <s v="CAD0331115"/>
    <s v="S"/>
    <s v="KY"/>
    <s v="REV"/>
    <s v="974"/>
    <s v="GLBATCH"/>
    <n v="11"/>
    <n v="2016"/>
  </r>
  <r>
    <s v="110"/>
    <d v="2016-11-15T00:00:00"/>
    <x v="2"/>
    <x v="0"/>
    <s v="10828"/>
    <s v="GLNANDA"/>
    <n v="-120509.21"/>
    <n v="-750350"/>
    <s v="Billed Revenues"/>
    <s v="EXV"/>
    <s v="NONBU"/>
    <s v="G0000110"/>
    <s v="N"/>
    <s v="MACSS Dist Billed Revenue-03"/>
    <s v=""/>
    <x v="0"/>
    <s v="CAD0331115"/>
    <s v="S"/>
    <s v="KY"/>
    <s v="REV"/>
    <s v="974"/>
    <s v="GLBATCH"/>
    <n v="11"/>
    <n v="2016"/>
  </r>
  <r>
    <s v="110"/>
    <d v="2016-11-15T00:00:00"/>
    <x v="7"/>
    <x v="0"/>
    <s v="10828"/>
    <s v="GLNANDA"/>
    <n v="0"/>
    <n v="14"/>
    <s v="Billed Revenues"/>
    <s v="EXV"/>
    <s v="NONBU"/>
    <s v="G0000110"/>
    <s v="N"/>
    <s v="MACSS Dist Billed Revenue-03"/>
    <s v=""/>
    <x v="0"/>
    <s v="CAD0331115"/>
    <s v="S"/>
    <s v="KY"/>
    <s v="REV"/>
    <s v="974"/>
    <s v="GLBATCH"/>
    <n v="11"/>
    <n v="2016"/>
  </r>
  <r>
    <s v="110"/>
    <d v="2016-11-15T00:00:00"/>
    <x v="7"/>
    <x v="0"/>
    <s v="10828"/>
    <s v="GLNANDA"/>
    <n v="-43775.67"/>
    <n v="-337951"/>
    <s v="Billed Revenues"/>
    <s v="EXV"/>
    <s v="NONBU"/>
    <s v="G0000110"/>
    <s v="N"/>
    <s v="MACSS Dist Billed Revenue-03"/>
    <s v=""/>
    <x v="0"/>
    <s v="CAD0331115"/>
    <s v="S"/>
    <s v="KY"/>
    <s v="REV"/>
    <s v="974"/>
    <s v="GLBATCH"/>
    <n v="11"/>
    <n v="2016"/>
  </r>
  <r>
    <s v="110"/>
    <d v="2016-11-15T00:00:00"/>
    <x v="3"/>
    <x v="0"/>
    <s v="10828"/>
    <s v="GLNANDA"/>
    <n v="0"/>
    <n v="9"/>
    <s v="Billed Revenues"/>
    <s v="EXV"/>
    <s v="NONBU"/>
    <s v="G0000110"/>
    <s v="N"/>
    <s v="MACSS Dist Billed Revenue-03"/>
    <s v=""/>
    <x v="0"/>
    <s v="CAD0331115"/>
    <s v="S"/>
    <s v="KY"/>
    <s v="REV"/>
    <s v="974"/>
    <s v="GLBATCH"/>
    <n v="11"/>
    <n v="2016"/>
  </r>
  <r>
    <s v="110"/>
    <d v="2016-11-15T00:00:00"/>
    <x v="3"/>
    <x v="0"/>
    <s v="10828"/>
    <s v="GLNANDA"/>
    <n v="-121448.46"/>
    <n v="-1102282"/>
    <s v="Billed Revenues"/>
    <s v="EXV"/>
    <s v="NONBU"/>
    <s v="G0000110"/>
    <s v="N"/>
    <s v="MACSS Dist Billed Revenue-03"/>
    <s v=""/>
    <x v="0"/>
    <s v="CAD0331115"/>
    <s v="S"/>
    <s v="KY"/>
    <s v="REV"/>
    <s v="974"/>
    <s v="GLBATCH"/>
    <n v="11"/>
    <n v="2016"/>
  </r>
  <r>
    <s v="110"/>
    <d v="2016-11-15T00:00:00"/>
    <x v="0"/>
    <x v="0"/>
    <s v="10828"/>
    <s v="GLNANDA"/>
    <n v="-244239.15"/>
    <n v="-2726718"/>
    <s v="Billed Revenues"/>
    <s v="EXV"/>
    <s v="NONBU"/>
    <s v="G0000110"/>
    <s v="N"/>
    <s v="MACSS Dist Billed Revenue-03"/>
    <s v=""/>
    <x v="0"/>
    <s v="CAD0331115"/>
    <s v="S"/>
    <s v="KY"/>
    <s v="REV"/>
    <s v="974"/>
    <s v="GLBATCH"/>
    <n v="11"/>
    <n v="2016"/>
  </r>
  <r>
    <s v="110"/>
    <d v="2016-11-15T00:00:00"/>
    <x v="6"/>
    <x v="0"/>
    <s v="10828"/>
    <s v="GLNANDA"/>
    <n v="0"/>
    <n v="6"/>
    <s v="Billed Revenues"/>
    <s v="EXV"/>
    <s v="NONBU"/>
    <s v="G0000110"/>
    <s v="N"/>
    <s v="MACSS Dist Billed Revenue-03"/>
    <s v=""/>
    <x v="0"/>
    <s v="CAD0331115"/>
    <s v="S"/>
    <s v="KY"/>
    <s v="REV"/>
    <s v="974"/>
    <s v="GLBATCH"/>
    <n v="11"/>
    <n v="2016"/>
  </r>
  <r>
    <s v="110"/>
    <d v="2016-11-15T00:00:00"/>
    <x v="6"/>
    <x v="0"/>
    <s v="10828"/>
    <s v="GLNANDA"/>
    <n v="-224.15"/>
    <n v="-647"/>
    <s v="Billed Revenues"/>
    <s v="EXV"/>
    <s v="NONBU"/>
    <s v="G0000110"/>
    <s v="N"/>
    <s v="MACSS Dist Billed Revenue-03"/>
    <s v=""/>
    <x v="0"/>
    <s v="CAD0331115"/>
    <s v="S"/>
    <s v="KY"/>
    <s v="REV"/>
    <s v="974"/>
    <s v="GLBATCH"/>
    <n v="11"/>
    <n v="2016"/>
  </r>
  <r>
    <s v="110"/>
    <d v="2016-11-15T00:00:00"/>
    <x v="5"/>
    <x v="0"/>
    <s v="10828"/>
    <s v="GLNANDA"/>
    <n v="0"/>
    <n v="78"/>
    <s v="Billed Revenues"/>
    <s v="EXV"/>
    <s v="NONBU"/>
    <s v="G0000110"/>
    <s v="N"/>
    <s v="MACSS Dist Billed Revenue-03"/>
    <s v=""/>
    <x v="0"/>
    <s v="CAD0331115"/>
    <s v="S"/>
    <s v="KY"/>
    <s v="REV"/>
    <s v="974"/>
    <s v="GLBATCH"/>
    <n v="11"/>
    <n v="2016"/>
  </r>
  <r>
    <s v="110"/>
    <d v="2016-11-15T00:00:00"/>
    <x v="5"/>
    <x v="0"/>
    <s v="10828"/>
    <s v="GLNANDA"/>
    <n v="-36552.89"/>
    <n v="-278955"/>
    <s v="Billed Revenues"/>
    <s v="EXV"/>
    <s v="NONBU"/>
    <s v="G0000110"/>
    <s v="N"/>
    <s v="MACSS Dist Billed Revenue-03"/>
    <s v=""/>
    <x v="0"/>
    <s v="CAD0331115"/>
    <s v="S"/>
    <s v="KY"/>
    <s v="REV"/>
    <s v="974"/>
    <s v="GLBATCH"/>
    <n v="11"/>
    <n v="2016"/>
  </r>
  <r>
    <s v="110"/>
    <d v="2016-11-15T00:00:00"/>
    <x v="7"/>
    <x v="0"/>
    <s v="10828"/>
    <s v="GLNANDA"/>
    <n v="0"/>
    <n v="19"/>
    <s v="Billed Revenues"/>
    <s v="EXV"/>
    <s v="NONBU"/>
    <s v="G0000110"/>
    <s v="N"/>
    <s v="MACSS Dist Billed Revenue-03"/>
    <s v=""/>
    <x v="0"/>
    <s v="CAD0331116"/>
    <s v="S"/>
    <s v="KY"/>
    <s v="REV"/>
    <s v="974"/>
    <s v="GLBATCH"/>
    <n v="11"/>
    <n v="2016"/>
  </r>
  <r>
    <s v="110"/>
    <d v="2016-11-15T00:00:00"/>
    <x v="0"/>
    <x v="0"/>
    <s v="10828"/>
    <s v="GLNANDA"/>
    <n v="0"/>
    <n v="82"/>
    <s v="Billed Revenues"/>
    <s v="EXV"/>
    <s v="NONBU"/>
    <s v="G0000110"/>
    <s v="N"/>
    <s v="MACSS Dist Billed Revenue-03"/>
    <s v=""/>
    <x v="0"/>
    <s v="CAD0331116"/>
    <s v="S"/>
    <s v="KY"/>
    <s v="REV"/>
    <s v="974"/>
    <s v="GLBATCH"/>
    <n v="11"/>
    <n v="2016"/>
  </r>
  <r>
    <s v="110"/>
    <d v="2016-11-15T00:00:00"/>
    <x v="3"/>
    <x v="0"/>
    <s v="10828"/>
    <s v="GLNANDA"/>
    <n v="0"/>
    <n v="17"/>
    <s v="Billed Revenues"/>
    <s v="EXV"/>
    <s v="NONBU"/>
    <s v="G0000110"/>
    <s v="N"/>
    <s v="MACSS Dist Billed Revenue-03"/>
    <s v=""/>
    <x v="0"/>
    <s v="CAD0331116"/>
    <s v="S"/>
    <s v="KY"/>
    <s v="REV"/>
    <s v="974"/>
    <s v="GLBATCH"/>
    <n v="11"/>
    <n v="2016"/>
  </r>
  <r>
    <s v="110"/>
    <d v="2016-11-15T00:00:00"/>
    <x v="4"/>
    <x v="0"/>
    <s v="10828"/>
    <s v="GLNANDA"/>
    <n v="-609923.41"/>
    <n v="-4784298"/>
    <s v="Billed Revenues"/>
    <s v="EXV"/>
    <s v="NONBU"/>
    <s v="G0000110"/>
    <s v="N"/>
    <s v="MACSS Dist Billed Revenue-03"/>
    <s v=""/>
    <x v="0"/>
    <s v="CAD0331116"/>
    <s v="S"/>
    <s v="KY"/>
    <s v="REV"/>
    <s v="974"/>
    <s v="GLBATCH"/>
    <n v="11"/>
    <n v="2016"/>
  </r>
  <r>
    <s v="110"/>
    <d v="2016-11-15T00:00:00"/>
    <x v="4"/>
    <x v="0"/>
    <s v="10828"/>
    <s v="GLNANDA"/>
    <n v="0"/>
    <n v="4432"/>
    <s v="Billed Revenues"/>
    <s v="EXV"/>
    <s v="NONBU"/>
    <s v="G0000110"/>
    <s v="N"/>
    <s v="MACSS Dist Billed Revenue-03"/>
    <s v=""/>
    <x v="0"/>
    <s v="CAD0331116"/>
    <s v="S"/>
    <s v="KY"/>
    <s v="REV"/>
    <s v="974"/>
    <s v="GLBATCH"/>
    <n v="11"/>
    <n v="2016"/>
  </r>
  <r>
    <s v="110"/>
    <d v="2016-11-15T00:00:00"/>
    <x v="2"/>
    <x v="0"/>
    <s v="10828"/>
    <s v="GLNANDA"/>
    <n v="-264851.84000000003"/>
    <n v="-1853393"/>
    <s v="Billed Revenues"/>
    <s v="EXV"/>
    <s v="NONBU"/>
    <s v="G0000110"/>
    <s v="N"/>
    <s v="MACSS Dist Billed Revenue-03"/>
    <s v=""/>
    <x v="0"/>
    <s v="CAD0331116"/>
    <s v="S"/>
    <s v="KY"/>
    <s v="REV"/>
    <s v="974"/>
    <s v="GLBATCH"/>
    <n v="11"/>
    <n v="2016"/>
  </r>
  <r>
    <s v="110"/>
    <d v="2016-11-15T00:00:00"/>
    <x v="2"/>
    <x v="0"/>
    <s v="10828"/>
    <s v="GLNANDA"/>
    <n v="0"/>
    <n v="1296"/>
    <s v="Billed Revenues"/>
    <s v="EXV"/>
    <s v="NONBU"/>
    <s v="G0000110"/>
    <s v="N"/>
    <s v="MACSS Dist Billed Revenue-03"/>
    <s v=""/>
    <x v="0"/>
    <s v="CAD0331116"/>
    <s v="S"/>
    <s v="KY"/>
    <s v="REV"/>
    <s v="974"/>
    <s v="GLBATCH"/>
    <n v="11"/>
    <n v="2016"/>
  </r>
  <r>
    <s v="110"/>
    <d v="2016-11-15T00:00:00"/>
    <x v="3"/>
    <x v="0"/>
    <s v="10828"/>
    <s v="GLNANDA"/>
    <n v="-59879.34"/>
    <n v="-558950"/>
    <s v="Billed Revenues"/>
    <s v="EXV"/>
    <s v="NONBU"/>
    <s v="G0000110"/>
    <s v="N"/>
    <s v="MACSS Dist Billed Revenue-03"/>
    <s v=""/>
    <x v="0"/>
    <s v="CAD0331116"/>
    <s v="S"/>
    <s v="KY"/>
    <s v="REV"/>
    <s v="974"/>
    <s v="GLBATCH"/>
    <n v="11"/>
    <n v="2016"/>
  </r>
  <r>
    <s v="110"/>
    <d v="2016-11-15T00:00:00"/>
    <x v="1"/>
    <x v="0"/>
    <s v="10828"/>
    <s v="GLNANDA"/>
    <n v="0"/>
    <n v="2081"/>
    <s v="Billed Revenues"/>
    <s v="EXV"/>
    <s v="NONBU"/>
    <s v="G0000110"/>
    <s v="N"/>
    <s v="MACSS Dist Billed Revenue-03"/>
    <s v=""/>
    <x v="0"/>
    <s v="CAD0331116"/>
    <s v="S"/>
    <s v="KY"/>
    <s v="REV"/>
    <s v="974"/>
    <s v="GLBATCH"/>
    <n v="11"/>
    <n v="2016"/>
  </r>
  <r>
    <s v="110"/>
    <d v="2016-11-15T00:00:00"/>
    <x v="1"/>
    <x v="0"/>
    <s v="10828"/>
    <s v="GLNANDA"/>
    <n v="-219532.89"/>
    <n v="-1649749"/>
    <s v="Billed Revenues"/>
    <s v="EXV"/>
    <s v="NONBU"/>
    <s v="G0000110"/>
    <s v="N"/>
    <s v="MACSS Dist Billed Revenue-03"/>
    <s v=""/>
    <x v="0"/>
    <s v="CAD0331116"/>
    <s v="S"/>
    <s v="KY"/>
    <s v="REV"/>
    <s v="974"/>
    <s v="GLBATCH"/>
    <n v="11"/>
    <n v="2016"/>
  </r>
  <r>
    <s v="110"/>
    <d v="2016-11-15T00:00:00"/>
    <x v="6"/>
    <x v="0"/>
    <s v="10828"/>
    <s v="GLNANDA"/>
    <n v="-2215.52"/>
    <n v="-15715"/>
    <s v="Billed Revenues"/>
    <s v="EXV"/>
    <s v="NONBU"/>
    <s v="G0000110"/>
    <s v="N"/>
    <s v="MACSS Dist Billed Revenue-03"/>
    <s v=""/>
    <x v="0"/>
    <s v="CAD0331116"/>
    <s v="S"/>
    <s v="KY"/>
    <s v="REV"/>
    <s v="974"/>
    <s v="GLBATCH"/>
    <n v="11"/>
    <n v="2016"/>
  </r>
  <r>
    <s v="110"/>
    <d v="2016-11-15T00:00:00"/>
    <x v="6"/>
    <x v="0"/>
    <s v="10828"/>
    <s v="GLNANDA"/>
    <n v="0"/>
    <n v="10"/>
    <s v="Billed Revenues"/>
    <s v="EXV"/>
    <s v="NONBU"/>
    <s v="G0000110"/>
    <s v="N"/>
    <s v="MACSS Dist Billed Revenue-03"/>
    <s v=""/>
    <x v="0"/>
    <s v="CAD0331116"/>
    <s v="S"/>
    <s v="KY"/>
    <s v="REV"/>
    <s v="974"/>
    <s v="GLBATCH"/>
    <n v="11"/>
    <n v="2016"/>
  </r>
  <r>
    <s v="110"/>
    <d v="2016-11-15T00:00:00"/>
    <x v="0"/>
    <x v="0"/>
    <s v="10828"/>
    <s v="GLNANDA"/>
    <n v="-66457.42"/>
    <n v="-241479"/>
    <s v="Billed Revenues"/>
    <s v="EXV"/>
    <s v="NONBU"/>
    <s v="G0000110"/>
    <s v="N"/>
    <s v="MACSS Dist Billed Revenue-03"/>
    <s v=""/>
    <x v="0"/>
    <s v="CAD0331116"/>
    <s v="S"/>
    <s v="KY"/>
    <s v="REV"/>
    <s v="974"/>
    <s v="GLBATCH"/>
    <n v="11"/>
    <n v="2016"/>
  </r>
  <r>
    <s v="110"/>
    <d v="2016-11-15T00:00:00"/>
    <x v="5"/>
    <x v="0"/>
    <s v="10828"/>
    <s v="GLNANDA"/>
    <n v="-60939.5"/>
    <n v="-467769"/>
    <s v="Billed Revenues"/>
    <s v="EXV"/>
    <s v="NONBU"/>
    <s v="G0000110"/>
    <s v="N"/>
    <s v="MACSS Dist Billed Revenue-03"/>
    <s v=""/>
    <x v="0"/>
    <s v="CAD0331116"/>
    <s v="S"/>
    <s v="KY"/>
    <s v="REV"/>
    <s v="974"/>
    <s v="GLBATCH"/>
    <n v="11"/>
    <n v="2016"/>
  </r>
  <r>
    <s v="110"/>
    <d v="2016-11-15T00:00:00"/>
    <x v="5"/>
    <x v="0"/>
    <s v="10828"/>
    <s v="GLNANDA"/>
    <n v="0"/>
    <n v="105"/>
    <s v="Billed Revenues"/>
    <s v="EXV"/>
    <s v="NONBU"/>
    <s v="G0000110"/>
    <s v="N"/>
    <s v="MACSS Dist Billed Revenue-03"/>
    <s v=""/>
    <x v="0"/>
    <s v="CAD0331116"/>
    <s v="S"/>
    <s v="KY"/>
    <s v="REV"/>
    <s v="974"/>
    <s v="GLBATCH"/>
    <n v="11"/>
    <n v="2016"/>
  </r>
  <r>
    <s v="110"/>
    <d v="2016-11-15T00:00:00"/>
    <x v="7"/>
    <x v="0"/>
    <s v="10828"/>
    <s v="GLNANDA"/>
    <n v="-41726.550000000003"/>
    <n v="-306633"/>
    <s v="Billed Revenues"/>
    <s v="EXV"/>
    <s v="NONBU"/>
    <s v="G0000110"/>
    <s v="N"/>
    <s v="MACSS Dist Billed Revenue-03"/>
    <s v=""/>
    <x v="0"/>
    <s v="CAD0331116"/>
    <s v="S"/>
    <s v="KY"/>
    <s v="REV"/>
    <s v="974"/>
    <s v="GLBATCH"/>
    <n v="11"/>
    <n v="2016"/>
  </r>
  <r>
    <s v="110"/>
    <d v="2016-11-15T00:00:00"/>
    <x v="2"/>
    <x v="0"/>
    <s v="10828"/>
    <s v="GLNANDA"/>
    <n v="-259469.29"/>
    <n v="-1818110"/>
    <s v="Billed Revenues"/>
    <s v="EXV"/>
    <s v="NONBU"/>
    <s v="G0000110"/>
    <s v="N"/>
    <s v="MACSS Dist Billed Revenue-03"/>
    <s v=""/>
    <x v="0"/>
    <s v="CAD0331117"/>
    <s v="S"/>
    <s v="KY"/>
    <s v="REV"/>
    <s v="974"/>
    <s v="GLBATCH"/>
    <n v="11"/>
    <n v="2016"/>
  </r>
  <r>
    <s v="110"/>
    <d v="2016-11-15T00:00:00"/>
    <x v="2"/>
    <x v="0"/>
    <s v="10828"/>
    <s v="GLNANDA"/>
    <n v="0"/>
    <n v="1145"/>
    <s v="Billed Revenues"/>
    <s v="EXV"/>
    <s v="NONBU"/>
    <s v="G0000110"/>
    <s v="N"/>
    <s v="MACSS Dist Billed Revenue-03"/>
    <s v=""/>
    <x v="0"/>
    <s v="CAD0331117"/>
    <s v="S"/>
    <s v="KY"/>
    <s v="REV"/>
    <s v="974"/>
    <s v="GLBATCH"/>
    <n v="11"/>
    <n v="2016"/>
  </r>
  <r>
    <s v="110"/>
    <d v="2016-11-15T00:00:00"/>
    <x v="0"/>
    <x v="0"/>
    <s v="10828"/>
    <s v="GLNANDA"/>
    <n v="-50051.42"/>
    <n v="-407741"/>
    <s v="Billed Revenues"/>
    <s v="EXV"/>
    <s v="NONBU"/>
    <s v="G0000110"/>
    <s v="N"/>
    <s v="MACSS Dist Billed Revenue-03"/>
    <s v=""/>
    <x v="0"/>
    <s v="CAD0331117"/>
    <s v="S"/>
    <s v="KY"/>
    <s v="REV"/>
    <s v="974"/>
    <s v="GLBATCH"/>
    <n v="11"/>
    <n v="2016"/>
  </r>
  <r>
    <s v="110"/>
    <d v="2016-11-15T00:00:00"/>
    <x v="0"/>
    <x v="0"/>
    <s v="10828"/>
    <s v="GLNANDA"/>
    <n v="0"/>
    <n v="63"/>
    <s v="Billed Revenues"/>
    <s v="EXV"/>
    <s v="NONBU"/>
    <s v="G0000110"/>
    <s v="N"/>
    <s v="MACSS Dist Billed Revenue-03"/>
    <s v=""/>
    <x v="0"/>
    <s v="CAD0331117"/>
    <s v="S"/>
    <s v="KY"/>
    <s v="REV"/>
    <s v="974"/>
    <s v="GLBATCH"/>
    <n v="11"/>
    <n v="2016"/>
  </r>
  <r>
    <s v="110"/>
    <d v="2016-11-15T00:00:00"/>
    <x v="4"/>
    <x v="0"/>
    <s v="10828"/>
    <s v="GLNANDA"/>
    <n v="-551082.75"/>
    <n v="-4341351"/>
    <s v="Billed Revenues"/>
    <s v="EXV"/>
    <s v="NONBU"/>
    <s v="G0000110"/>
    <s v="N"/>
    <s v="MACSS Dist Billed Revenue-03"/>
    <s v=""/>
    <x v="0"/>
    <s v="CAD0331117"/>
    <s v="S"/>
    <s v="KY"/>
    <s v="REV"/>
    <s v="974"/>
    <s v="GLBATCH"/>
    <n v="11"/>
    <n v="2016"/>
  </r>
  <r>
    <s v="110"/>
    <d v="2016-11-15T00:00:00"/>
    <x v="4"/>
    <x v="0"/>
    <s v="10828"/>
    <s v="GLNANDA"/>
    <n v="0"/>
    <n v="3836"/>
    <s v="Billed Revenues"/>
    <s v="EXV"/>
    <s v="NONBU"/>
    <s v="G0000110"/>
    <s v="N"/>
    <s v="MACSS Dist Billed Revenue-03"/>
    <s v=""/>
    <x v="0"/>
    <s v="CAD0331117"/>
    <s v="S"/>
    <s v="KY"/>
    <s v="REV"/>
    <s v="974"/>
    <s v="GLBATCH"/>
    <n v="11"/>
    <n v="2016"/>
  </r>
  <r>
    <s v="110"/>
    <d v="2016-11-15T00:00:00"/>
    <x v="1"/>
    <x v="0"/>
    <s v="10828"/>
    <s v="GLNANDA"/>
    <n v="-216396.59"/>
    <n v="-1617891"/>
    <s v="Billed Revenues"/>
    <s v="EXV"/>
    <s v="NONBU"/>
    <s v="G0000110"/>
    <s v="N"/>
    <s v="MACSS Dist Billed Revenue-03"/>
    <s v=""/>
    <x v="0"/>
    <s v="CAD0331117"/>
    <s v="S"/>
    <s v="KY"/>
    <s v="REV"/>
    <s v="974"/>
    <s v="GLBATCH"/>
    <n v="11"/>
    <n v="2016"/>
  </r>
  <r>
    <s v="110"/>
    <d v="2016-11-15T00:00:00"/>
    <x v="1"/>
    <x v="0"/>
    <s v="10828"/>
    <s v="GLNANDA"/>
    <n v="0"/>
    <n v="2121"/>
    <s v="Billed Revenues"/>
    <s v="EXV"/>
    <s v="NONBU"/>
    <s v="G0000110"/>
    <s v="N"/>
    <s v="MACSS Dist Billed Revenue-03"/>
    <s v=""/>
    <x v="0"/>
    <s v="CAD0331117"/>
    <s v="S"/>
    <s v="KY"/>
    <s v="REV"/>
    <s v="974"/>
    <s v="GLBATCH"/>
    <n v="11"/>
    <n v="2016"/>
  </r>
  <r>
    <s v="110"/>
    <d v="2016-11-15T00:00:00"/>
    <x v="5"/>
    <x v="0"/>
    <s v="10828"/>
    <s v="GLNANDA"/>
    <n v="0"/>
    <n v="151"/>
    <s v="Billed Revenues"/>
    <s v="EXV"/>
    <s v="NONBU"/>
    <s v="G0000110"/>
    <s v="N"/>
    <s v="MACSS Dist Billed Revenue-03"/>
    <s v=""/>
    <x v="0"/>
    <s v="CAD0331117"/>
    <s v="S"/>
    <s v="KY"/>
    <s v="REV"/>
    <s v="974"/>
    <s v="GLBATCH"/>
    <n v="11"/>
    <n v="2016"/>
  </r>
  <r>
    <s v="110"/>
    <d v="2016-11-15T00:00:00"/>
    <x v="5"/>
    <x v="0"/>
    <s v="10828"/>
    <s v="GLNANDA"/>
    <n v="-77659.42"/>
    <n v="-597909"/>
    <s v="Billed Revenues"/>
    <s v="EXV"/>
    <s v="NONBU"/>
    <s v="G0000110"/>
    <s v="N"/>
    <s v="MACSS Dist Billed Revenue-03"/>
    <s v=""/>
    <x v="0"/>
    <s v="CAD0331117"/>
    <s v="S"/>
    <s v="KY"/>
    <s v="REV"/>
    <s v="974"/>
    <s v="GLBATCH"/>
    <n v="11"/>
    <n v="2016"/>
  </r>
  <r>
    <s v="110"/>
    <d v="2016-11-15T00:00:00"/>
    <x v="6"/>
    <x v="0"/>
    <s v="10828"/>
    <s v="GLNANDA"/>
    <n v="-703.87"/>
    <n v="-3577"/>
    <s v="Billed Revenues"/>
    <s v="EXV"/>
    <s v="NONBU"/>
    <s v="G0000110"/>
    <s v="N"/>
    <s v="MACSS Dist Billed Revenue-03"/>
    <s v=""/>
    <x v="0"/>
    <s v="CAD0331117"/>
    <s v="S"/>
    <s v="KY"/>
    <s v="REV"/>
    <s v="974"/>
    <s v="GLBATCH"/>
    <n v="11"/>
    <n v="2016"/>
  </r>
  <r>
    <s v="110"/>
    <d v="2016-11-15T00:00:00"/>
    <x v="6"/>
    <x v="0"/>
    <s v="10828"/>
    <s v="GLNANDA"/>
    <n v="0"/>
    <n v="13"/>
    <s v="Billed Revenues"/>
    <s v="EXV"/>
    <s v="NONBU"/>
    <s v="G0000110"/>
    <s v="N"/>
    <s v="MACSS Dist Billed Revenue-03"/>
    <s v=""/>
    <x v="0"/>
    <s v="CAD0331117"/>
    <s v="S"/>
    <s v="KY"/>
    <s v="REV"/>
    <s v="974"/>
    <s v="GLBATCH"/>
    <n v="11"/>
    <n v="2016"/>
  </r>
  <r>
    <s v="110"/>
    <d v="2016-11-15T00:00:00"/>
    <x v="3"/>
    <x v="0"/>
    <s v="10828"/>
    <s v="GLNANDA"/>
    <n v="-16995.55"/>
    <n v="-98565"/>
    <s v="Billed Revenues"/>
    <s v="EXV"/>
    <s v="NONBU"/>
    <s v="G0000110"/>
    <s v="N"/>
    <s v="MACSS Dist Billed Revenue-03"/>
    <s v=""/>
    <x v="0"/>
    <s v="CAD0331117"/>
    <s v="S"/>
    <s v="KY"/>
    <s v="REV"/>
    <s v="974"/>
    <s v="GLBATCH"/>
    <n v="11"/>
    <n v="2016"/>
  </r>
  <r>
    <s v="110"/>
    <d v="2016-11-15T00:00:00"/>
    <x v="3"/>
    <x v="0"/>
    <s v="10828"/>
    <s v="GLNANDA"/>
    <n v="0"/>
    <n v="8"/>
    <s v="Billed Revenues"/>
    <s v="EXV"/>
    <s v="NONBU"/>
    <s v="G0000110"/>
    <s v="N"/>
    <s v="MACSS Dist Billed Revenue-03"/>
    <s v=""/>
    <x v="0"/>
    <s v="CAD0331117"/>
    <s v="S"/>
    <s v="KY"/>
    <s v="REV"/>
    <s v="974"/>
    <s v="GLBATCH"/>
    <n v="11"/>
    <n v="2016"/>
  </r>
  <r>
    <s v="110"/>
    <d v="2016-11-15T00:00:00"/>
    <x v="7"/>
    <x v="0"/>
    <s v="10828"/>
    <s v="GLNANDA"/>
    <n v="-64475.73"/>
    <n v="-469289"/>
    <s v="Billed Revenues"/>
    <s v="EXV"/>
    <s v="NONBU"/>
    <s v="G0000110"/>
    <s v="N"/>
    <s v="MACSS Dist Billed Revenue-03"/>
    <s v=""/>
    <x v="0"/>
    <s v="CAD0331117"/>
    <s v="S"/>
    <s v="KY"/>
    <s v="REV"/>
    <s v="974"/>
    <s v="GLBATCH"/>
    <n v="11"/>
    <n v="2016"/>
  </r>
  <r>
    <s v="110"/>
    <d v="2016-11-15T00:00:00"/>
    <x v="7"/>
    <x v="0"/>
    <s v="10828"/>
    <s v="GLNANDA"/>
    <n v="0"/>
    <n v="35"/>
    <s v="Billed Revenues"/>
    <s v="EXV"/>
    <s v="NONBU"/>
    <s v="G0000110"/>
    <s v="N"/>
    <s v="MACSS Dist Billed Revenue-03"/>
    <s v=""/>
    <x v="0"/>
    <s v="CAD0331117"/>
    <s v="S"/>
    <s v="KY"/>
    <s v="REV"/>
    <s v="974"/>
    <s v="GLBATCH"/>
    <n v="11"/>
    <n v="2016"/>
  </r>
  <r>
    <s v="110"/>
    <d v="2016-11-15T00:00:00"/>
    <x v="3"/>
    <x v="0"/>
    <s v="10828"/>
    <s v="GLNANDA"/>
    <n v="-45080.93"/>
    <n v="-376146"/>
    <s v="Billed Revenues"/>
    <s v="EXV"/>
    <s v="NONBU"/>
    <s v="G0000110"/>
    <s v="N"/>
    <s v="MACSS Dist Billed Revenue-03"/>
    <s v=""/>
    <x v="0"/>
    <s v="CAD0331118"/>
    <s v="S"/>
    <s v="KY"/>
    <s v="REV"/>
    <s v="974"/>
    <s v="GLBATCH"/>
    <n v="11"/>
    <n v="2016"/>
  </r>
  <r>
    <s v="110"/>
    <d v="2016-11-15T00:00:00"/>
    <x v="7"/>
    <x v="0"/>
    <s v="10828"/>
    <s v="GLNANDA"/>
    <n v="-58623.15"/>
    <n v="-439307"/>
    <s v="Billed Revenues"/>
    <s v="EXV"/>
    <s v="NONBU"/>
    <s v="G0000110"/>
    <s v="N"/>
    <s v="MACSS Dist Billed Revenue-03"/>
    <s v=""/>
    <x v="0"/>
    <s v="CAD0331118"/>
    <s v="S"/>
    <s v="KY"/>
    <s v="REV"/>
    <s v="974"/>
    <s v="GLBATCH"/>
    <n v="11"/>
    <n v="2016"/>
  </r>
  <r>
    <s v="110"/>
    <d v="2016-11-15T00:00:00"/>
    <x v="0"/>
    <x v="0"/>
    <s v="10828"/>
    <s v="GLNANDA"/>
    <n v="-17287.59"/>
    <n v="-120674"/>
    <s v="Billed Revenues"/>
    <s v="EXV"/>
    <s v="NONBU"/>
    <s v="G0000110"/>
    <s v="N"/>
    <s v="MACSS Dist Billed Revenue-03"/>
    <s v=""/>
    <x v="0"/>
    <s v="CAD0331118"/>
    <s v="S"/>
    <s v="KY"/>
    <s v="REV"/>
    <s v="974"/>
    <s v="GLBATCH"/>
    <n v="11"/>
    <n v="2016"/>
  </r>
  <r>
    <s v="110"/>
    <d v="2016-11-15T00:00:00"/>
    <x v="0"/>
    <x v="0"/>
    <s v="10828"/>
    <s v="GLNANDA"/>
    <n v="0"/>
    <n v="83"/>
    <s v="Billed Revenues"/>
    <s v="EXV"/>
    <s v="NONBU"/>
    <s v="G0000110"/>
    <s v="N"/>
    <s v="MACSS Dist Billed Revenue-03"/>
    <s v=""/>
    <x v="0"/>
    <s v="CAD0331118"/>
    <s v="S"/>
    <s v="KY"/>
    <s v="REV"/>
    <s v="974"/>
    <s v="GLBATCH"/>
    <n v="11"/>
    <n v="2016"/>
  </r>
  <r>
    <s v="110"/>
    <d v="2016-11-15T00:00:00"/>
    <x v="6"/>
    <x v="0"/>
    <s v="10828"/>
    <s v="GLNANDA"/>
    <n v="0"/>
    <n v="15"/>
    <s v="Billed Revenues"/>
    <s v="EXV"/>
    <s v="NONBU"/>
    <s v="G0000110"/>
    <s v="N"/>
    <s v="MACSS Dist Billed Revenue-03"/>
    <s v=""/>
    <x v="0"/>
    <s v="CAD0331118"/>
    <s v="S"/>
    <s v="KY"/>
    <s v="REV"/>
    <s v="974"/>
    <s v="GLBATCH"/>
    <n v="11"/>
    <n v="2016"/>
  </r>
  <r>
    <s v="110"/>
    <d v="2016-11-15T00:00:00"/>
    <x v="6"/>
    <x v="0"/>
    <s v="10828"/>
    <s v="GLNANDA"/>
    <n v="-985.01"/>
    <n v="-3615"/>
    <s v="Billed Revenues"/>
    <s v="EXV"/>
    <s v="NONBU"/>
    <s v="G0000110"/>
    <s v="N"/>
    <s v="MACSS Dist Billed Revenue-03"/>
    <s v=""/>
    <x v="0"/>
    <s v="CAD0331118"/>
    <s v="S"/>
    <s v="KY"/>
    <s v="REV"/>
    <s v="974"/>
    <s v="GLBATCH"/>
    <n v="11"/>
    <n v="2016"/>
  </r>
  <r>
    <s v="110"/>
    <d v="2016-11-15T00:00:00"/>
    <x v="4"/>
    <x v="0"/>
    <s v="10828"/>
    <s v="GLNANDA"/>
    <n v="-524794.07999999996"/>
    <n v="-4111361"/>
    <s v="Billed Revenues"/>
    <s v="EXV"/>
    <s v="NONBU"/>
    <s v="G0000110"/>
    <s v="N"/>
    <s v="MACSS Dist Billed Revenue-03"/>
    <s v=""/>
    <x v="0"/>
    <s v="CAD0331118"/>
    <s v="S"/>
    <s v="KY"/>
    <s v="REV"/>
    <s v="974"/>
    <s v="GLBATCH"/>
    <n v="11"/>
    <n v="2016"/>
  </r>
  <r>
    <s v="110"/>
    <d v="2016-11-15T00:00:00"/>
    <x v="4"/>
    <x v="0"/>
    <s v="10828"/>
    <s v="GLNANDA"/>
    <n v="0"/>
    <n v="3911"/>
    <s v="Billed Revenues"/>
    <s v="EXV"/>
    <s v="NONBU"/>
    <s v="G0000110"/>
    <s v="N"/>
    <s v="MACSS Dist Billed Revenue-03"/>
    <s v=""/>
    <x v="0"/>
    <s v="CAD0331118"/>
    <s v="S"/>
    <s v="KY"/>
    <s v="REV"/>
    <s v="974"/>
    <s v="GLBATCH"/>
    <n v="11"/>
    <n v="2016"/>
  </r>
  <r>
    <s v="110"/>
    <d v="2016-11-15T00:00:00"/>
    <x v="3"/>
    <x v="0"/>
    <s v="10828"/>
    <s v="GLNANDA"/>
    <n v="0"/>
    <n v="10"/>
    <s v="Billed Revenues"/>
    <s v="EXV"/>
    <s v="NONBU"/>
    <s v="G0000110"/>
    <s v="N"/>
    <s v="MACSS Dist Billed Revenue-03"/>
    <s v=""/>
    <x v="0"/>
    <s v="CAD0331118"/>
    <s v="S"/>
    <s v="KY"/>
    <s v="REV"/>
    <s v="974"/>
    <s v="GLBATCH"/>
    <n v="11"/>
    <n v="2016"/>
  </r>
  <r>
    <s v="110"/>
    <d v="2016-11-15T00:00:00"/>
    <x v="5"/>
    <x v="0"/>
    <s v="10828"/>
    <s v="GLNANDA"/>
    <n v="-81574.69"/>
    <n v="-619290"/>
    <s v="Billed Revenues"/>
    <s v="EXV"/>
    <s v="NONBU"/>
    <s v="G0000110"/>
    <s v="N"/>
    <s v="MACSS Dist Billed Revenue-03"/>
    <s v=""/>
    <x v="0"/>
    <s v="CAD0331118"/>
    <s v="S"/>
    <s v="KY"/>
    <s v="REV"/>
    <s v="974"/>
    <s v="GLBATCH"/>
    <n v="11"/>
    <n v="2016"/>
  </r>
  <r>
    <s v="110"/>
    <d v="2016-11-15T00:00:00"/>
    <x v="5"/>
    <x v="0"/>
    <s v="10828"/>
    <s v="GLNANDA"/>
    <n v="0"/>
    <n v="166"/>
    <s v="Billed Revenues"/>
    <s v="EXV"/>
    <s v="NONBU"/>
    <s v="G0000110"/>
    <s v="N"/>
    <s v="MACSS Dist Billed Revenue-03"/>
    <s v=""/>
    <x v="0"/>
    <s v="CAD0331118"/>
    <s v="S"/>
    <s v="KY"/>
    <s v="REV"/>
    <s v="974"/>
    <s v="GLBATCH"/>
    <n v="11"/>
    <n v="2016"/>
  </r>
  <r>
    <s v="110"/>
    <d v="2016-11-15T00:00:00"/>
    <x v="1"/>
    <x v="0"/>
    <s v="10828"/>
    <s v="GLNANDA"/>
    <n v="0"/>
    <n v="2355"/>
    <s v="Billed Revenues"/>
    <s v="EXV"/>
    <s v="NONBU"/>
    <s v="G0000110"/>
    <s v="N"/>
    <s v="MACSS Dist Billed Revenue-03"/>
    <s v=""/>
    <x v="0"/>
    <s v="CAD0331118"/>
    <s v="S"/>
    <s v="KY"/>
    <s v="REV"/>
    <s v="974"/>
    <s v="GLBATCH"/>
    <n v="11"/>
    <n v="2016"/>
  </r>
  <r>
    <s v="110"/>
    <d v="2016-11-15T00:00:00"/>
    <x v="1"/>
    <x v="0"/>
    <s v="10828"/>
    <s v="GLNANDA"/>
    <n v="-237791.79"/>
    <n v="-1785680"/>
    <s v="Billed Revenues"/>
    <s v="EXV"/>
    <s v="NONBU"/>
    <s v="G0000110"/>
    <s v="N"/>
    <s v="MACSS Dist Billed Revenue-03"/>
    <s v=""/>
    <x v="0"/>
    <s v="CAD0331118"/>
    <s v="S"/>
    <s v="KY"/>
    <s v="REV"/>
    <s v="974"/>
    <s v="GLBATCH"/>
    <n v="11"/>
    <n v="2016"/>
  </r>
  <r>
    <s v="110"/>
    <d v="2016-11-15T00:00:00"/>
    <x v="2"/>
    <x v="0"/>
    <s v="10828"/>
    <s v="GLNANDA"/>
    <n v="-252725.98"/>
    <n v="-1719986"/>
    <s v="Billed Revenues"/>
    <s v="EXV"/>
    <s v="NONBU"/>
    <s v="G0000110"/>
    <s v="N"/>
    <s v="MACSS Dist Billed Revenue-03"/>
    <s v=""/>
    <x v="0"/>
    <s v="CAD0331118"/>
    <s v="S"/>
    <s v="KY"/>
    <s v="REV"/>
    <s v="974"/>
    <s v="GLBATCH"/>
    <n v="11"/>
    <n v="2016"/>
  </r>
  <r>
    <s v="110"/>
    <d v="2016-11-15T00:00:00"/>
    <x v="7"/>
    <x v="0"/>
    <s v="10828"/>
    <s v="GLNANDA"/>
    <n v="0"/>
    <n v="26"/>
    <s v="Billed Revenues"/>
    <s v="EXV"/>
    <s v="NONBU"/>
    <s v="G0000110"/>
    <s v="N"/>
    <s v="MACSS Dist Billed Revenue-03"/>
    <s v=""/>
    <x v="0"/>
    <s v="CAD0331118"/>
    <s v="S"/>
    <s v="KY"/>
    <s v="REV"/>
    <s v="974"/>
    <s v="GLBATCH"/>
    <n v="11"/>
    <n v="2016"/>
  </r>
  <r>
    <s v="110"/>
    <d v="2016-11-15T00:00:00"/>
    <x v="2"/>
    <x v="0"/>
    <s v="10828"/>
    <s v="GLNANDA"/>
    <n v="0"/>
    <n v="1172"/>
    <s v="Billed Revenues"/>
    <s v="EXV"/>
    <s v="NONBU"/>
    <s v="G0000110"/>
    <s v="N"/>
    <s v="MACSS Dist Billed Revenue-03"/>
    <s v=""/>
    <x v="0"/>
    <s v="CAD0331118"/>
    <s v="S"/>
    <s v="KY"/>
    <s v="REV"/>
    <s v="974"/>
    <s v="GLBATCH"/>
    <n v="11"/>
    <n v="2016"/>
  </r>
  <r>
    <s v="110"/>
    <d v="2016-11-15T00:00:00"/>
    <x v="2"/>
    <x v="0"/>
    <s v="10828"/>
    <s v="GLNANDA"/>
    <n v="0"/>
    <n v="983"/>
    <s v="Billed Revenues"/>
    <s v="EXV"/>
    <s v="NONBU"/>
    <s v="G0000110"/>
    <s v="N"/>
    <s v="MACSS Dist Billed Revenue-03"/>
    <s v=""/>
    <x v="0"/>
    <s v="CAD0331121"/>
    <s v="S"/>
    <s v="KY"/>
    <s v="REV"/>
    <s v="974"/>
    <s v="GLBATCH"/>
    <n v="11"/>
    <n v="2016"/>
  </r>
  <r>
    <s v="110"/>
    <d v="2016-11-15T00:00:00"/>
    <x v="5"/>
    <x v="0"/>
    <s v="10828"/>
    <s v="GLNANDA"/>
    <n v="-74076.45"/>
    <n v="-575261"/>
    <s v="Billed Revenues"/>
    <s v="EXV"/>
    <s v="NONBU"/>
    <s v="G0000110"/>
    <s v="N"/>
    <s v="MACSS Dist Billed Revenue-03"/>
    <s v=""/>
    <x v="0"/>
    <s v="CAD0331121"/>
    <s v="S"/>
    <s v="KY"/>
    <s v="REV"/>
    <s v="974"/>
    <s v="GLBATCH"/>
    <n v="11"/>
    <n v="2016"/>
  </r>
  <r>
    <s v="110"/>
    <d v="2016-11-15T00:00:00"/>
    <x v="3"/>
    <x v="0"/>
    <s v="10828"/>
    <s v="GLNANDA"/>
    <n v="0"/>
    <n v="9"/>
    <s v="Billed Revenues"/>
    <s v="EXV"/>
    <s v="NONBU"/>
    <s v="G0000110"/>
    <s v="N"/>
    <s v="MACSS Dist Billed Revenue-03"/>
    <s v=""/>
    <x v="0"/>
    <s v="CAD0331121"/>
    <s v="S"/>
    <s v="KY"/>
    <s v="REV"/>
    <s v="974"/>
    <s v="GLBATCH"/>
    <n v="11"/>
    <n v="2016"/>
  </r>
  <r>
    <s v="110"/>
    <d v="2016-11-15T00:00:00"/>
    <x v="4"/>
    <x v="0"/>
    <s v="10828"/>
    <s v="GLNANDA"/>
    <n v="-507633.33"/>
    <n v="-4001455"/>
    <s v="Billed Revenues"/>
    <s v="EXV"/>
    <s v="NONBU"/>
    <s v="G0000110"/>
    <s v="N"/>
    <s v="MACSS Dist Billed Revenue-03"/>
    <s v=""/>
    <x v="0"/>
    <s v="CAD0331121"/>
    <s v="S"/>
    <s v="KY"/>
    <s v="REV"/>
    <s v="974"/>
    <s v="GLBATCH"/>
    <n v="11"/>
    <n v="2016"/>
  </r>
  <r>
    <s v="110"/>
    <d v="2016-11-15T00:00:00"/>
    <x v="4"/>
    <x v="0"/>
    <s v="10828"/>
    <s v="GLNANDA"/>
    <n v="0"/>
    <n v="3557"/>
    <s v="Billed Revenues"/>
    <s v="EXV"/>
    <s v="NONBU"/>
    <s v="G0000110"/>
    <s v="N"/>
    <s v="MACSS Dist Billed Revenue-03"/>
    <s v=""/>
    <x v="0"/>
    <s v="CAD0331121"/>
    <s v="S"/>
    <s v="KY"/>
    <s v="REV"/>
    <s v="974"/>
    <s v="GLBATCH"/>
    <n v="11"/>
    <n v="2016"/>
  </r>
  <r>
    <s v="110"/>
    <d v="2016-11-15T00:00:00"/>
    <x v="6"/>
    <x v="0"/>
    <s v="10828"/>
    <s v="GLNANDA"/>
    <n v="-464.38"/>
    <n v="-2155"/>
    <s v="Billed Revenues"/>
    <s v="EXV"/>
    <s v="NONBU"/>
    <s v="G0000110"/>
    <s v="N"/>
    <s v="MACSS Dist Billed Revenue-03"/>
    <s v=""/>
    <x v="0"/>
    <s v="CAD0331121"/>
    <s v="S"/>
    <s v="KY"/>
    <s v="REV"/>
    <s v="974"/>
    <s v="GLBATCH"/>
    <n v="11"/>
    <n v="2016"/>
  </r>
  <r>
    <s v="110"/>
    <d v="2016-11-15T00:00:00"/>
    <x v="6"/>
    <x v="0"/>
    <s v="10828"/>
    <s v="GLNANDA"/>
    <n v="0"/>
    <n v="8"/>
    <s v="Billed Revenues"/>
    <s v="EXV"/>
    <s v="NONBU"/>
    <s v="G0000110"/>
    <s v="N"/>
    <s v="MACSS Dist Billed Revenue-03"/>
    <s v=""/>
    <x v="0"/>
    <s v="CAD0331121"/>
    <s v="S"/>
    <s v="KY"/>
    <s v="REV"/>
    <s v="974"/>
    <s v="GLBATCH"/>
    <n v="11"/>
    <n v="2016"/>
  </r>
  <r>
    <s v="110"/>
    <d v="2016-11-15T00:00:00"/>
    <x v="1"/>
    <x v="0"/>
    <s v="10828"/>
    <s v="GLNANDA"/>
    <n v="-237169.16"/>
    <n v="-1777663"/>
    <s v="Billed Revenues"/>
    <s v="EXV"/>
    <s v="NONBU"/>
    <s v="G0000110"/>
    <s v="N"/>
    <s v="MACSS Dist Billed Revenue-03"/>
    <s v=""/>
    <x v="0"/>
    <s v="CAD0331121"/>
    <s v="S"/>
    <s v="KY"/>
    <s v="REV"/>
    <s v="974"/>
    <s v="GLBATCH"/>
    <n v="11"/>
    <n v="2016"/>
  </r>
  <r>
    <s v="110"/>
    <d v="2016-11-15T00:00:00"/>
    <x v="5"/>
    <x v="0"/>
    <s v="10828"/>
    <s v="GLNANDA"/>
    <n v="0"/>
    <n v="115"/>
    <s v="Billed Revenues"/>
    <s v="EXV"/>
    <s v="NONBU"/>
    <s v="G0000110"/>
    <s v="N"/>
    <s v="MACSS Dist Billed Revenue-03"/>
    <s v=""/>
    <x v="0"/>
    <s v="CAD0331121"/>
    <s v="S"/>
    <s v="KY"/>
    <s v="REV"/>
    <s v="974"/>
    <s v="GLBATCH"/>
    <n v="11"/>
    <n v="2016"/>
  </r>
  <r>
    <s v="110"/>
    <d v="2016-11-15T00:00:00"/>
    <x v="7"/>
    <x v="0"/>
    <s v="10828"/>
    <s v="GLNANDA"/>
    <n v="0"/>
    <n v="33"/>
    <s v="Billed Revenues"/>
    <s v="EXV"/>
    <s v="NONBU"/>
    <s v="G0000110"/>
    <s v="N"/>
    <s v="MACSS Dist Billed Revenue-03"/>
    <s v=""/>
    <x v="0"/>
    <s v="CAD0331121"/>
    <s v="S"/>
    <s v="KY"/>
    <s v="REV"/>
    <s v="974"/>
    <s v="GLBATCH"/>
    <n v="11"/>
    <n v="2016"/>
  </r>
  <r>
    <s v="110"/>
    <d v="2016-11-15T00:00:00"/>
    <x v="7"/>
    <x v="0"/>
    <s v="10828"/>
    <s v="GLNANDA"/>
    <n v="-78154.2"/>
    <n v="-620638"/>
    <s v="Billed Revenues"/>
    <s v="EXV"/>
    <s v="NONBU"/>
    <s v="G0000110"/>
    <s v="N"/>
    <s v="MACSS Dist Billed Revenue-03"/>
    <s v=""/>
    <x v="0"/>
    <s v="CAD0331121"/>
    <s v="S"/>
    <s v="KY"/>
    <s v="REV"/>
    <s v="974"/>
    <s v="GLBATCH"/>
    <n v="11"/>
    <n v="2016"/>
  </r>
  <r>
    <s v="110"/>
    <d v="2016-11-15T00:00:00"/>
    <x v="1"/>
    <x v="0"/>
    <s v="10828"/>
    <s v="GLNANDA"/>
    <n v="0"/>
    <n v="2385"/>
    <s v="Billed Revenues"/>
    <s v="EXV"/>
    <s v="NONBU"/>
    <s v="G0000110"/>
    <s v="N"/>
    <s v="MACSS Dist Billed Revenue-03"/>
    <s v=""/>
    <x v="0"/>
    <s v="CAD0331121"/>
    <s v="S"/>
    <s v="KY"/>
    <s v="REV"/>
    <s v="974"/>
    <s v="GLBATCH"/>
    <n v="11"/>
    <n v="2016"/>
  </r>
  <r>
    <s v="110"/>
    <d v="2016-11-15T00:00:00"/>
    <x v="3"/>
    <x v="0"/>
    <s v="10828"/>
    <s v="GLNANDA"/>
    <n v="-299137.3"/>
    <n v="-3326050"/>
    <s v="Billed Revenues"/>
    <s v="EXV"/>
    <s v="NONBU"/>
    <s v="G0000110"/>
    <s v="N"/>
    <s v="MACSS Dist Billed Revenue-03"/>
    <s v=""/>
    <x v="0"/>
    <s v="CAD0331121"/>
    <s v="S"/>
    <s v="KY"/>
    <s v="REV"/>
    <s v="974"/>
    <s v="GLBATCH"/>
    <n v="11"/>
    <n v="2016"/>
  </r>
  <r>
    <s v="110"/>
    <d v="2016-11-15T00:00:00"/>
    <x v="2"/>
    <x v="0"/>
    <s v="10828"/>
    <s v="GLNANDA"/>
    <n v="-232994.34"/>
    <n v="-1649870"/>
    <s v="Billed Revenues"/>
    <s v="EXV"/>
    <s v="NONBU"/>
    <s v="G0000110"/>
    <s v="N"/>
    <s v="MACSS Dist Billed Revenue-03"/>
    <s v=""/>
    <x v="0"/>
    <s v="CAD0331121"/>
    <s v="S"/>
    <s v="KY"/>
    <s v="REV"/>
    <s v="974"/>
    <s v="GLBATCH"/>
    <n v="11"/>
    <n v="2016"/>
  </r>
  <r>
    <s v="110"/>
    <d v="2016-11-15T00:00:00"/>
    <x v="0"/>
    <x v="0"/>
    <s v="10828"/>
    <s v="GLNANDA"/>
    <n v="0"/>
    <n v="35"/>
    <s v="Billed Revenues"/>
    <s v="EXV"/>
    <s v="NONBU"/>
    <s v="G0000110"/>
    <s v="N"/>
    <s v="MACSS Dist Billed Revenue-03"/>
    <s v=""/>
    <x v="0"/>
    <s v="CAD0331121"/>
    <s v="S"/>
    <s v="KY"/>
    <s v="REV"/>
    <s v="974"/>
    <s v="GLBATCH"/>
    <n v="11"/>
    <n v="2016"/>
  </r>
  <r>
    <s v="110"/>
    <d v="2016-11-15T00:00:00"/>
    <x v="0"/>
    <x v="0"/>
    <s v="10828"/>
    <s v="GLNANDA"/>
    <n v="-15073.83"/>
    <n v="-84859"/>
    <s v="Billed Revenues"/>
    <s v="EXV"/>
    <s v="NONBU"/>
    <s v="G0000110"/>
    <s v="N"/>
    <s v="MACSS Dist Billed Revenue-03"/>
    <s v=""/>
    <x v="0"/>
    <s v="CAD0331121"/>
    <s v="S"/>
    <s v="KY"/>
    <s v="REV"/>
    <s v="974"/>
    <s v="GLBATCH"/>
    <n v="11"/>
    <n v="2016"/>
  </r>
  <r>
    <s v="110"/>
    <d v="2016-11-15T00:00:00"/>
    <x v="5"/>
    <x v="0"/>
    <s v="10828"/>
    <s v="GLNANDA"/>
    <n v="0"/>
    <n v="114"/>
    <s v="Billed Revenues"/>
    <s v="EXV"/>
    <s v="NONBU"/>
    <s v="G0000110"/>
    <s v="N"/>
    <s v="MACSS Dist Billed Revenue-03"/>
    <s v=""/>
    <x v="0"/>
    <s v="CAD0331122"/>
    <s v="S"/>
    <s v="KY"/>
    <s v="REV"/>
    <s v="974"/>
    <s v="GLBATCH"/>
    <n v="11"/>
    <n v="2016"/>
  </r>
  <r>
    <s v="110"/>
    <d v="2016-11-15T00:00:00"/>
    <x v="0"/>
    <x v="0"/>
    <s v="10828"/>
    <s v="GLNANDA"/>
    <n v="-691132.38"/>
    <n v="-9500913"/>
    <s v="Billed Revenues"/>
    <s v="EXV"/>
    <s v="NONBU"/>
    <s v="G0000110"/>
    <s v="N"/>
    <s v="MACSS Dist Billed Revenue-03"/>
    <s v=""/>
    <x v="0"/>
    <s v="CAD0331122"/>
    <s v="S"/>
    <s v="KY"/>
    <s v="REV"/>
    <s v="974"/>
    <s v="GLBATCH"/>
    <n v="11"/>
    <n v="2016"/>
  </r>
  <r>
    <s v="110"/>
    <d v="2016-11-15T00:00:00"/>
    <x v="1"/>
    <x v="0"/>
    <s v="10828"/>
    <s v="GLNANDA"/>
    <n v="-215336.65"/>
    <n v="-1630081"/>
    <s v="Billed Revenues"/>
    <s v="EXV"/>
    <s v="NONBU"/>
    <s v="G0000110"/>
    <s v="N"/>
    <s v="MACSS Dist Billed Revenue-03"/>
    <s v=""/>
    <x v="0"/>
    <s v="CAD0331122"/>
    <s v="S"/>
    <s v="KY"/>
    <s v="REV"/>
    <s v="974"/>
    <s v="GLBATCH"/>
    <n v="11"/>
    <n v="2016"/>
  </r>
  <r>
    <s v="110"/>
    <d v="2016-11-15T00:00:00"/>
    <x v="6"/>
    <x v="0"/>
    <s v="10828"/>
    <s v="GLNANDA"/>
    <n v="-840.66"/>
    <n v="-2134"/>
    <s v="Billed Revenues"/>
    <s v="EXV"/>
    <s v="NONBU"/>
    <s v="G0000110"/>
    <s v="N"/>
    <s v="MACSS Dist Billed Revenue-03"/>
    <s v=""/>
    <x v="0"/>
    <s v="CAD0331122"/>
    <s v="S"/>
    <s v="KY"/>
    <s v="REV"/>
    <s v="974"/>
    <s v="GLBATCH"/>
    <n v="11"/>
    <n v="2016"/>
  </r>
  <r>
    <s v="110"/>
    <d v="2016-11-15T00:00:00"/>
    <x v="6"/>
    <x v="0"/>
    <s v="10828"/>
    <s v="GLNANDA"/>
    <n v="0"/>
    <n v="4"/>
    <s v="Billed Revenues"/>
    <s v="EXV"/>
    <s v="NONBU"/>
    <s v="G0000110"/>
    <s v="N"/>
    <s v="MACSS Dist Billed Revenue-03"/>
    <s v=""/>
    <x v="0"/>
    <s v="CAD0331122"/>
    <s v="S"/>
    <s v="KY"/>
    <s v="REV"/>
    <s v="974"/>
    <s v="GLBATCH"/>
    <n v="11"/>
    <n v="2016"/>
  </r>
  <r>
    <s v="110"/>
    <d v="2016-11-15T00:00:00"/>
    <x v="7"/>
    <x v="0"/>
    <s v="10828"/>
    <s v="GLNANDA"/>
    <n v="0"/>
    <n v="28"/>
    <s v="Billed Revenues"/>
    <s v="EXV"/>
    <s v="NONBU"/>
    <s v="G0000110"/>
    <s v="N"/>
    <s v="MACSS Dist Billed Revenue-03"/>
    <s v=""/>
    <x v="0"/>
    <s v="CAD0331122"/>
    <s v="S"/>
    <s v="KY"/>
    <s v="REV"/>
    <s v="974"/>
    <s v="GLBATCH"/>
    <n v="11"/>
    <n v="2016"/>
  </r>
  <r>
    <s v="110"/>
    <d v="2016-11-15T00:00:00"/>
    <x v="4"/>
    <x v="0"/>
    <s v="10828"/>
    <s v="GLNANDA"/>
    <n v="-579618.78"/>
    <n v="-4598581"/>
    <s v="Billed Revenues"/>
    <s v="EXV"/>
    <s v="NONBU"/>
    <s v="G0000110"/>
    <s v="N"/>
    <s v="MACSS Dist Billed Revenue-03"/>
    <s v=""/>
    <x v="0"/>
    <s v="CAD0331122"/>
    <s v="S"/>
    <s v="KY"/>
    <s v="REV"/>
    <s v="974"/>
    <s v="GLBATCH"/>
    <n v="11"/>
    <n v="2016"/>
  </r>
  <r>
    <s v="110"/>
    <d v="2016-11-15T00:00:00"/>
    <x v="2"/>
    <x v="0"/>
    <s v="10828"/>
    <s v="GLNANDA"/>
    <n v="-248792.55"/>
    <n v="-1812269"/>
    <s v="Billed Revenues"/>
    <s v="EXV"/>
    <s v="NONBU"/>
    <s v="G0000110"/>
    <s v="N"/>
    <s v="MACSS Dist Billed Revenue-03"/>
    <s v=""/>
    <x v="0"/>
    <s v="CAD0331122"/>
    <s v="S"/>
    <s v="KY"/>
    <s v="REV"/>
    <s v="974"/>
    <s v="GLBATCH"/>
    <n v="11"/>
    <n v="2016"/>
  </r>
  <r>
    <s v="110"/>
    <d v="2016-11-15T00:00:00"/>
    <x v="4"/>
    <x v="0"/>
    <s v="10828"/>
    <s v="GLNANDA"/>
    <n v="0"/>
    <n v="3758"/>
    <s v="Billed Revenues"/>
    <s v="EXV"/>
    <s v="NONBU"/>
    <s v="G0000110"/>
    <s v="N"/>
    <s v="MACSS Dist Billed Revenue-03"/>
    <s v=""/>
    <x v="0"/>
    <s v="CAD0331122"/>
    <s v="S"/>
    <s v="KY"/>
    <s v="REV"/>
    <s v="974"/>
    <s v="GLBATCH"/>
    <n v="11"/>
    <n v="2016"/>
  </r>
  <r>
    <s v="110"/>
    <d v="2016-11-15T00:00:00"/>
    <x v="7"/>
    <x v="0"/>
    <s v="10828"/>
    <s v="GLNANDA"/>
    <n v="-45907.59"/>
    <n v="-362117"/>
    <s v="Billed Revenues"/>
    <s v="EXV"/>
    <s v="NONBU"/>
    <s v="G0000110"/>
    <s v="N"/>
    <s v="MACSS Dist Billed Revenue-03"/>
    <s v=""/>
    <x v="0"/>
    <s v="CAD0331122"/>
    <s v="S"/>
    <s v="KY"/>
    <s v="REV"/>
    <s v="974"/>
    <s v="GLBATCH"/>
    <n v="11"/>
    <n v="2016"/>
  </r>
  <r>
    <s v="110"/>
    <d v="2016-11-15T00:00:00"/>
    <x v="2"/>
    <x v="0"/>
    <s v="10828"/>
    <s v="GLNANDA"/>
    <n v="0"/>
    <n v="1114"/>
    <s v="Billed Revenues"/>
    <s v="EXV"/>
    <s v="NONBU"/>
    <s v="G0000110"/>
    <s v="N"/>
    <s v="MACSS Dist Billed Revenue-03"/>
    <s v=""/>
    <x v="0"/>
    <s v="CAD0331122"/>
    <s v="S"/>
    <s v="KY"/>
    <s v="REV"/>
    <s v="974"/>
    <s v="GLBATCH"/>
    <n v="11"/>
    <n v="2016"/>
  </r>
  <r>
    <s v="110"/>
    <d v="2016-11-15T00:00:00"/>
    <x v="3"/>
    <x v="0"/>
    <s v="10828"/>
    <s v="GLNANDA"/>
    <n v="-368504.72"/>
    <n v="-4452713"/>
    <s v="Billed Revenues"/>
    <s v="EXV"/>
    <s v="NONBU"/>
    <s v="G0000110"/>
    <s v="N"/>
    <s v="MACSS Dist Billed Revenue-03"/>
    <s v=""/>
    <x v="0"/>
    <s v="CAD0331122"/>
    <s v="S"/>
    <s v="KY"/>
    <s v="REV"/>
    <s v="974"/>
    <s v="GLBATCH"/>
    <n v="11"/>
    <n v="2016"/>
  </r>
  <r>
    <s v="110"/>
    <d v="2016-11-15T00:00:00"/>
    <x v="3"/>
    <x v="0"/>
    <s v="10828"/>
    <s v="GLNANDA"/>
    <n v="0"/>
    <n v="18"/>
    <s v="Billed Revenues"/>
    <s v="EXV"/>
    <s v="NONBU"/>
    <s v="G0000110"/>
    <s v="N"/>
    <s v="MACSS Dist Billed Revenue-03"/>
    <s v=""/>
    <x v="0"/>
    <s v="CAD0331122"/>
    <s v="S"/>
    <s v="KY"/>
    <s v="REV"/>
    <s v="974"/>
    <s v="GLBATCH"/>
    <n v="11"/>
    <n v="2016"/>
  </r>
  <r>
    <s v="110"/>
    <d v="2016-11-15T00:00:00"/>
    <x v="5"/>
    <x v="0"/>
    <s v="10828"/>
    <s v="GLNANDA"/>
    <n v="-40139.14"/>
    <n v="-286050"/>
    <s v="Billed Revenues"/>
    <s v="EXV"/>
    <s v="NONBU"/>
    <s v="G0000110"/>
    <s v="N"/>
    <s v="MACSS Dist Billed Revenue-03"/>
    <s v=""/>
    <x v="0"/>
    <s v="CAD0331122"/>
    <s v="S"/>
    <s v="KY"/>
    <s v="REV"/>
    <s v="974"/>
    <s v="GLBATCH"/>
    <n v="11"/>
    <n v="2016"/>
  </r>
  <r>
    <s v="110"/>
    <d v="2016-11-15T00:00:00"/>
    <x v="0"/>
    <x v="0"/>
    <s v="10828"/>
    <s v="GLNANDA"/>
    <n v="0"/>
    <n v="34"/>
    <s v="Billed Revenues"/>
    <s v="EXV"/>
    <s v="NONBU"/>
    <s v="G0000110"/>
    <s v="N"/>
    <s v="MACSS Dist Billed Revenue-03"/>
    <s v=""/>
    <x v="0"/>
    <s v="CAD0331122"/>
    <s v="S"/>
    <s v="KY"/>
    <s v="REV"/>
    <s v="974"/>
    <s v="GLBATCH"/>
    <n v="11"/>
    <n v="2016"/>
  </r>
  <r>
    <s v="110"/>
    <d v="2016-11-15T00:00:00"/>
    <x v="1"/>
    <x v="0"/>
    <s v="10828"/>
    <s v="GLNANDA"/>
    <n v="0"/>
    <n v="1946"/>
    <s v="Billed Revenues"/>
    <s v="EXV"/>
    <s v="NONBU"/>
    <s v="G0000110"/>
    <s v="N"/>
    <s v="MACSS Dist Billed Revenue-03"/>
    <s v=""/>
    <x v="0"/>
    <s v="CAD0331122"/>
    <s v="S"/>
    <s v="KY"/>
    <s v="REV"/>
    <s v="974"/>
    <s v="GLBATCH"/>
    <n v="11"/>
    <n v="2016"/>
  </r>
  <r>
    <s v="110"/>
    <d v="2016-11-15T00:00:00"/>
    <x v="0"/>
    <x v="0"/>
    <s v="10828"/>
    <s v="GLNANDA"/>
    <n v="-219908.85"/>
    <n v="-2826853"/>
    <s v="Billed Revenues"/>
    <s v="EXV"/>
    <s v="NONBU"/>
    <s v="G0000110"/>
    <s v="N"/>
    <s v="MACSS Dist Billed Revenue-03"/>
    <s v=""/>
    <x v="0"/>
    <s v="CAD0331123"/>
    <s v="S"/>
    <s v="KY"/>
    <s v="REV"/>
    <s v="974"/>
    <s v="GLBATCH"/>
    <n v="11"/>
    <n v="2016"/>
  </r>
  <r>
    <s v="110"/>
    <d v="2016-11-15T00:00:00"/>
    <x v="0"/>
    <x v="0"/>
    <s v="10828"/>
    <s v="GLNANDA"/>
    <n v="0"/>
    <n v="57"/>
    <s v="Billed Revenues"/>
    <s v="EXV"/>
    <s v="NONBU"/>
    <s v="G0000110"/>
    <s v="N"/>
    <s v="MACSS Dist Billed Revenue-03"/>
    <s v=""/>
    <x v="0"/>
    <s v="CAD0331123"/>
    <s v="S"/>
    <s v="KY"/>
    <s v="REV"/>
    <s v="974"/>
    <s v="GLBATCH"/>
    <n v="11"/>
    <n v="2016"/>
  </r>
  <r>
    <s v="110"/>
    <d v="2016-11-15T00:00:00"/>
    <x v="4"/>
    <x v="0"/>
    <s v="10828"/>
    <s v="GLNANDA"/>
    <n v="0"/>
    <n v="3422"/>
    <s v="Billed Revenues"/>
    <s v="EXV"/>
    <s v="NONBU"/>
    <s v="G0000110"/>
    <s v="N"/>
    <s v="MACSS Dist Billed Revenue-03"/>
    <s v=""/>
    <x v="0"/>
    <s v="CAD0331123"/>
    <s v="S"/>
    <s v="KY"/>
    <s v="REV"/>
    <s v="974"/>
    <s v="GLBATCH"/>
    <n v="11"/>
    <n v="2016"/>
  </r>
  <r>
    <s v="110"/>
    <d v="2016-11-15T00:00:00"/>
    <x v="1"/>
    <x v="0"/>
    <s v="10828"/>
    <s v="GLNANDA"/>
    <n v="-239802.17"/>
    <n v="-1803502"/>
    <s v="Billed Revenues"/>
    <s v="EXV"/>
    <s v="NONBU"/>
    <s v="G0000110"/>
    <s v="N"/>
    <s v="MACSS Dist Billed Revenue-03"/>
    <s v=""/>
    <x v="0"/>
    <s v="CAD0331123"/>
    <s v="S"/>
    <s v="KY"/>
    <s v="REV"/>
    <s v="974"/>
    <s v="GLBATCH"/>
    <n v="11"/>
    <n v="2016"/>
  </r>
  <r>
    <s v="110"/>
    <d v="2016-11-15T00:00:00"/>
    <x v="1"/>
    <x v="0"/>
    <s v="10828"/>
    <s v="GLNANDA"/>
    <n v="0"/>
    <n v="2372"/>
    <s v="Billed Revenues"/>
    <s v="EXV"/>
    <s v="NONBU"/>
    <s v="G0000110"/>
    <s v="N"/>
    <s v="MACSS Dist Billed Revenue-03"/>
    <s v=""/>
    <x v="0"/>
    <s v="CAD0331123"/>
    <s v="S"/>
    <s v="KY"/>
    <s v="REV"/>
    <s v="974"/>
    <s v="GLBATCH"/>
    <n v="11"/>
    <n v="2016"/>
  </r>
  <r>
    <s v="110"/>
    <d v="2016-11-15T00:00:00"/>
    <x v="7"/>
    <x v="0"/>
    <s v="10828"/>
    <s v="GLNANDA"/>
    <n v="-30591.88"/>
    <n v="-229997"/>
    <s v="Billed Revenues"/>
    <s v="EXV"/>
    <s v="NONBU"/>
    <s v="G0000110"/>
    <s v="N"/>
    <s v="MACSS Dist Billed Revenue-03"/>
    <s v=""/>
    <x v="0"/>
    <s v="CAD0331123"/>
    <s v="S"/>
    <s v="KY"/>
    <s v="REV"/>
    <s v="974"/>
    <s v="GLBATCH"/>
    <n v="11"/>
    <n v="2016"/>
  </r>
  <r>
    <s v="110"/>
    <d v="2016-11-15T00:00:00"/>
    <x v="7"/>
    <x v="0"/>
    <s v="10828"/>
    <s v="GLNANDA"/>
    <n v="0"/>
    <n v="33"/>
    <s v="Billed Revenues"/>
    <s v="EXV"/>
    <s v="NONBU"/>
    <s v="G0000110"/>
    <s v="N"/>
    <s v="MACSS Dist Billed Revenue-03"/>
    <s v=""/>
    <x v="0"/>
    <s v="CAD0331123"/>
    <s v="S"/>
    <s v="KY"/>
    <s v="REV"/>
    <s v="974"/>
    <s v="GLBATCH"/>
    <n v="11"/>
    <n v="2016"/>
  </r>
  <r>
    <s v="110"/>
    <d v="2016-11-15T00:00:00"/>
    <x v="5"/>
    <x v="0"/>
    <s v="10828"/>
    <s v="GLNANDA"/>
    <n v="-42207.78"/>
    <n v="-298069"/>
    <s v="Billed Revenues"/>
    <s v="EXV"/>
    <s v="NONBU"/>
    <s v="G0000110"/>
    <s v="N"/>
    <s v="MACSS Dist Billed Revenue-03"/>
    <s v=""/>
    <x v="0"/>
    <s v="CAD0331123"/>
    <s v="S"/>
    <s v="KY"/>
    <s v="REV"/>
    <s v="974"/>
    <s v="GLBATCH"/>
    <n v="11"/>
    <n v="2016"/>
  </r>
  <r>
    <s v="110"/>
    <d v="2016-11-15T00:00:00"/>
    <x v="5"/>
    <x v="0"/>
    <s v="10828"/>
    <s v="GLNANDA"/>
    <n v="0"/>
    <n v="133"/>
    <s v="Billed Revenues"/>
    <s v="EXV"/>
    <s v="NONBU"/>
    <s v="G0000110"/>
    <s v="N"/>
    <s v="MACSS Dist Billed Revenue-03"/>
    <s v=""/>
    <x v="0"/>
    <s v="CAD0331123"/>
    <s v="S"/>
    <s v="KY"/>
    <s v="REV"/>
    <s v="974"/>
    <s v="GLBATCH"/>
    <n v="11"/>
    <n v="2016"/>
  </r>
  <r>
    <s v="110"/>
    <d v="2016-11-15T00:00:00"/>
    <x v="6"/>
    <x v="0"/>
    <s v="10828"/>
    <s v="GLNANDA"/>
    <n v="-986.95"/>
    <n v="-5376"/>
    <s v="Billed Revenues"/>
    <s v="EXV"/>
    <s v="NONBU"/>
    <s v="G0000110"/>
    <s v="N"/>
    <s v="MACSS Dist Billed Revenue-03"/>
    <s v=""/>
    <x v="0"/>
    <s v="CAD0331123"/>
    <s v="S"/>
    <s v="KY"/>
    <s v="REV"/>
    <s v="974"/>
    <s v="GLBATCH"/>
    <n v="11"/>
    <n v="2016"/>
  </r>
  <r>
    <s v="110"/>
    <d v="2016-11-15T00:00:00"/>
    <x v="6"/>
    <x v="0"/>
    <s v="10828"/>
    <s v="GLNANDA"/>
    <n v="0"/>
    <n v="16"/>
    <s v="Billed Revenues"/>
    <s v="EXV"/>
    <s v="NONBU"/>
    <s v="G0000110"/>
    <s v="N"/>
    <s v="MACSS Dist Billed Revenue-03"/>
    <s v=""/>
    <x v="0"/>
    <s v="CAD0331123"/>
    <s v="S"/>
    <s v="KY"/>
    <s v="REV"/>
    <s v="974"/>
    <s v="GLBATCH"/>
    <n v="11"/>
    <n v="2016"/>
  </r>
  <r>
    <s v="110"/>
    <d v="2016-11-15T00:00:00"/>
    <x v="4"/>
    <x v="0"/>
    <s v="10828"/>
    <s v="GLNANDA"/>
    <n v="-491796.41"/>
    <n v="-3877811"/>
    <s v="Billed Revenues"/>
    <s v="EXV"/>
    <s v="NONBU"/>
    <s v="G0000110"/>
    <s v="N"/>
    <s v="MACSS Dist Billed Revenue-03"/>
    <s v=""/>
    <x v="0"/>
    <s v="CAD0331123"/>
    <s v="S"/>
    <s v="KY"/>
    <s v="REV"/>
    <s v="974"/>
    <s v="GLBATCH"/>
    <n v="11"/>
    <n v="2016"/>
  </r>
  <r>
    <s v="110"/>
    <d v="2016-11-15T00:00:00"/>
    <x v="3"/>
    <x v="0"/>
    <s v="10828"/>
    <s v="GLNANDA"/>
    <n v="-271846.15999999997"/>
    <n v="-2802434"/>
    <s v="Billed Revenues"/>
    <s v="EXV"/>
    <s v="NONBU"/>
    <s v="G0000110"/>
    <s v="N"/>
    <s v="MACSS Dist Billed Revenue-03"/>
    <s v=""/>
    <x v="0"/>
    <s v="CAD0331123"/>
    <s v="S"/>
    <s v="KY"/>
    <s v="REV"/>
    <s v="974"/>
    <s v="GLBATCH"/>
    <n v="11"/>
    <n v="2016"/>
  </r>
  <r>
    <s v="110"/>
    <d v="2016-11-15T00:00:00"/>
    <x v="3"/>
    <x v="0"/>
    <s v="10828"/>
    <s v="GLNANDA"/>
    <n v="0"/>
    <n v="24"/>
    <s v="Billed Revenues"/>
    <s v="EXV"/>
    <s v="NONBU"/>
    <s v="G0000110"/>
    <s v="N"/>
    <s v="MACSS Dist Billed Revenue-03"/>
    <s v=""/>
    <x v="0"/>
    <s v="CAD0331123"/>
    <s v="S"/>
    <s v="KY"/>
    <s v="REV"/>
    <s v="974"/>
    <s v="GLBATCH"/>
    <n v="11"/>
    <n v="2016"/>
  </r>
  <r>
    <s v="110"/>
    <d v="2016-11-15T00:00:00"/>
    <x v="2"/>
    <x v="0"/>
    <s v="10828"/>
    <s v="GLNANDA"/>
    <n v="-437679.35999999999"/>
    <n v="-3251372"/>
    <s v="Billed Revenues"/>
    <s v="EXV"/>
    <s v="NONBU"/>
    <s v="G0000110"/>
    <s v="N"/>
    <s v="MACSS Dist Billed Revenue-03"/>
    <s v=""/>
    <x v="0"/>
    <s v="CAD0331123"/>
    <s v="S"/>
    <s v="KY"/>
    <s v="REV"/>
    <s v="974"/>
    <s v="GLBATCH"/>
    <n v="11"/>
    <n v="2016"/>
  </r>
  <r>
    <s v="110"/>
    <d v="2016-11-15T00:00:00"/>
    <x v="2"/>
    <x v="0"/>
    <s v="10828"/>
    <s v="GLNANDA"/>
    <n v="0"/>
    <n v="1308"/>
    <s v="Billed Revenues"/>
    <s v="EXV"/>
    <s v="NONBU"/>
    <s v="G0000110"/>
    <s v="N"/>
    <s v="MACSS Dist Billed Revenue-03"/>
    <s v=""/>
    <x v="0"/>
    <s v="CAD0331123"/>
    <s v="S"/>
    <s v="KY"/>
    <s v="REV"/>
    <s v="974"/>
    <s v="GLBATCH"/>
    <n v="11"/>
    <n v="2016"/>
  </r>
  <r>
    <s v="110"/>
    <d v="2016-11-15T00:00:00"/>
    <x v="2"/>
    <x v="0"/>
    <s v="10828"/>
    <s v="GLNANDA"/>
    <n v="0"/>
    <n v="1450"/>
    <s v="Billed Revenues"/>
    <s v="EXV"/>
    <s v="NONBU"/>
    <s v="G0000110"/>
    <s v="N"/>
    <s v="MACSS Dist Billed Revenue-03"/>
    <s v=""/>
    <x v="0"/>
    <s v="CAD0331128"/>
    <s v="S"/>
    <s v="KY"/>
    <s v="REV"/>
    <s v="974"/>
    <s v="GLBATCH"/>
    <n v="11"/>
    <n v="2016"/>
  </r>
  <r>
    <s v="110"/>
    <d v="2016-11-15T00:00:00"/>
    <x v="0"/>
    <x v="0"/>
    <s v="10828"/>
    <s v="GLNANDA"/>
    <n v="-56501.84"/>
    <n v="-458637"/>
    <s v="Billed Revenues"/>
    <s v="EXV"/>
    <s v="NONBU"/>
    <s v="G0000110"/>
    <s v="N"/>
    <s v="MACSS Dist Billed Revenue-03"/>
    <s v=""/>
    <x v="0"/>
    <s v="CAD0331128"/>
    <s v="S"/>
    <s v="KY"/>
    <s v="REV"/>
    <s v="974"/>
    <s v="GLBATCH"/>
    <n v="11"/>
    <n v="2016"/>
  </r>
  <r>
    <s v="110"/>
    <d v="2016-11-15T00:00:00"/>
    <x v="4"/>
    <x v="0"/>
    <s v="10828"/>
    <s v="GLNANDA"/>
    <n v="0"/>
    <n v="3751"/>
    <s v="Billed Revenues"/>
    <s v="EXV"/>
    <s v="NONBU"/>
    <s v="G0000110"/>
    <s v="N"/>
    <s v="MACSS Dist Billed Revenue-03"/>
    <s v=""/>
    <x v="0"/>
    <s v="CAD0331128"/>
    <s v="S"/>
    <s v="KY"/>
    <s v="REV"/>
    <s v="974"/>
    <s v="GLBATCH"/>
    <n v="11"/>
    <n v="2016"/>
  </r>
  <r>
    <s v="110"/>
    <d v="2016-11-15T00:00:00"/>
    <x v="3"/>
    <x v="0"/>
    <s v="10828"/>
    <s v="GLNANDA"/>
    <n v="-590085.25"/>
    <n v="-6405100"/>
    <s v="Billed Revenues"/>
    <s v="EXV"/>
    <s v="NONBU"/>
    <s v="G0000110"/>
    <s v="N"/>
    <s v="MACSS Dist Billed Revenue-03"/>
    <s v=""/>
    <x v="0"/>
    <s v="CAD0331128"/>
    <s v="S"/>
    <s v="KY"/>
    <s v="REV"/>
    <s v="974"/>
    <s v="GLBATCH"/>
    <n v="11"/>
    <n v="2016"/>
  </r>
  <r>
    <s v="110"/>
    <d v="2016-11-15T00:00:00"/>
    <x v="1"/>
    <x v="0"/>
    <s v="10828"/>
    <s v="GLNANDA"/>
    <n v="-316914.18"/>
    <n v="-2424970"/>
    <s v="Billed Revenues"/>
    <s v="EXV"/>
    <s v="NONBU"/>
    <s v="G0000110"/>
    <s v="N"/>
    <s v="MACSS Dist Billed Revenue-03"/>
    <s v=""/>
    <x v="0"/>
    <s v="CAD0331128"/>
    <s v="S"/>
    <s v="KY"/>
    <s v="REV"/>
    <s v="974"/>
    <s v="GLBATCH"/>
    <n v="11"/>
    <n v="2016"/>
  </r>
  <r>
    <s v="110"/>
    <d v="2016-11-15T00:00:00"/>
    <x v="1"/>
    <x v="0"/>
    <s v="10828"/>
    <s v="GLNANDA"/>
    <n v="0"/>
    <n v="2872"/>
    <s v="Billed Revenues"/>
    <s v="EXV"/>
    <s v="NONBU"/>
    <s v="G0000110"/>
    <s v="N"/>
    <s v="MACSS Dist Billed Revenue-03"/>
    <s v=""/>
    <x v="0"/>
    <s v="CAD0331128"/>
    <s v="S"/>
    <s v="KY"/>
    <s v="REV"/>
    <s v="974"/>
    <s v="GLBATCH"/>
    <n v="11"/>
    <n v="2016"/>
  </r>
  <r>
    <s v="110"/>
    <d v="2016-11-15T00:00:00"/>
    <x v="7"/>
    <x v="0"/>
    <s v="10828"/>
    <s v="GLNANDA"/>
    <n v="0"/>
    <n v="52"/>
    <s v="Billed Revenues"/>
    <s v="EXV"/>
    <s v="NONBU"/>
    <s v="G0000110"/>
    <s v="N"/>
    <s v="MACSS Dist Billed Revenue-03"/>
    <s v=""/>
    <x v="0"/>
    <s v="CAD0331128"/>
    <s v="S"/>
    <s v="KY"/>
    <s v="REV"/>
    <s v="974"/>
    <s v="GLBATCH"/>
    <n v="11"/>
    <n v="2016"/>
  </r>
  <r>
    <s v="110"/>
    <d v="2016-11-15T00:00:00"/>
    <x v="7"/>
    <x v="0"/>
    <s v="10828"/>
    <s v="GLNANDA"/>
    <n v="-141388.81"/>
    <n v="-1148932"/>
    <s v="Billed Revenues"/>
    <s v="EXV"/>
    <s v="NONBU"/>
    <s v="G0000110"/>
    <s v="N"/>
    <s v="MACSS Dist Billed Revenue-03"/>
    <s v=""/>
    <x v="0"/>
    <s v="CAD0331128"/>
    <s v="S"/>
    <s v="KY"/>
    <s v="REV"/>
    <s v="974"/>
    <s v="GLBATCH"/>
    <n v="11"/>
    <n v="2016"/>
  </r>
  <r>
    <s v="110"/>
    <d v="2016-11-15T00:00:00"/>
    <x v="5"/>
    <x v="0"/>
    <s v="10828"/>
    <s v="GLNANDA"/>
    <n v="-137850.54"/>
    <n v="-1193779"/>
    <s v="Billed Revenues"/>
    <s v="EXV"/>
    <s v="NONBU"/>
    <s v="G0000110"/>
    <s v="N"/>
    <s v="MACSS Dist Billed Revenue-03"/>
    <s v=""/>
    <x v="0"/>
    <s v="CAD0331128"/>
    <s v="S"/>
    <s v="KY"/>
    <s v="REV"/>
    <s v="974"/>
    <s v="GLBATCH"/>
    <n v="11"/>
    <n v="2016"/>
  </r>
  <r>
    <s v="110"/>
    <d v="2016-11-15T00:00:00"/>
    <x v="5"/>
    <x v="0"/>
    <s v="10828"/>
    <s v="GLNANDA"/>
    <n v="0"/>
    <n v="261"/>
    <s v="Billed Revenues"/>
    <s v="EXV"/>
    <s v="NONBU"/>
    <s v="G0000110"/>
    <s v="N"/>
    <s v="MACSS Dist Billed Revenue-03"/>
    <s v=""/>
    <x v="0"/>
    <s v="CAD0331128"/>
    <s v="S"/>
    <s v="KY"/>
    <s v="REV"/>
    <s v="974"/>
    <s v="GLBATCH"/>
    <n v="11"/>
    <n v="2016"/>
  </r>
  <r>
    <s v="110"/>
    <d v="2016-11-15T00:00:00"/>
    <x v="6"/>
    <x v="0"/>
    <s v="10828"/>
    <s v="GLNANDA"/>
    <n v="-3830.08"/>
    <n v="-25728"/>
    <s v="Billed Revenues"/>
    <s v="EXV"/>
    <s v="NONBU"/>
    <s v="G0000110"/>
    <s v="N"/>
    <s v="MACSS Dist Billed Revenue-03"/>
    <s v=""/>
    <x v="0"/>
    <s v="CAD0331128"/>
    <s v="S"/>
    <s v="KY"/>
    <s v="REV"/>
    <s v="974"/>
    <s v="GLBATCH"/>
    <n v="11"/>
    <n v="2016"/>
  </r>
  <r>
    <s v="110"/>
    <d v="2016-11-15T00:00:00"/>
    <x v="3"/>
    <x v="0"/>
    <s v="10828"/>
    <s v="GLNANDA"/>
    <n v="0"/>
    <n v="32"/>
    <s v="Billed Revenues"/>
    <s v="EXV"/>
    <s v="NONBU"/>
    <s v="G0000110"/>
    <s v="N"/>
    <s v="MACSS Dist Billed Revenue-03"/>
    <s v=""/>
    <x v="0"/>
    <s v="CAD0331128"/>
    <s v="S"/>
    <s v="KY"/>
    <s v="REV"/>
    <s v="974"/>
    <s v="GLBATCH"/>
    <n v="11"/>
    <n v="2016"/>
  </r>
  <r>
    <s v="110"/>
    <d v="2016-11-15T00:00:00"/>
    <x v="6"/>
    <x v="0"/>
    <s v="10828"/>
    <s v="GLNANDA"/>
    <n v="0"/>
    <n v="19"/>
    <s v="Billed Revenues"/>
    <s v="EXV"/>
    <s v="NONBU"/>
    <s v="G0000110"/>
    <s v="N"/>
    <s v="MACSS Dist Billed Revenue-03"/>
    <s v=""/>
    <x v="0"/>
    <s v="CAD0331128"/>
    <s v="S"/>
    <s v="KY"/>
    <s v="REV"/>
    <s v="974"/>
    <s v="GLBATCH"/>
    <n v="11"/>
    <n v="2016"/>
  </r>
  <r>
    <s v="110"/>
    <d v="2016-11-15T00:00:00"/>
    <x v="4"/>
    <x v="0"/>
    <s v="10828"/>
    <s v="GLNANDA"/>
    <n v="-577687.79"/>
    <n v="-4593257"/>
    <s v="Billed Revenues"/>
    <s v="EXV"/>
    <s v="NONBU"/>
    <s v="G0000110"/>
    <s v="N"/>
    <s v="MACSS Dist Billed Revenue-03"/>
    <s v=""/>
    <x v="0"/>
    <s v="CAD0331128"/>
    <s v="S"/>
    <s v="KY"/>
    <s v="REV"/>
    <s v="974"/>
    <s v="GLBATCH"/>
    <n v="11"/>
    <n v="2016"/>
  </r>
  <r>
    <s v="110"/>
    <d v="2016-11-15T00:00:00"/>
    <x v="0"/>
    <x v="0"/>
    <s v="10828"/>
    <s v="GLNANDA"/>
    <n v="0"/>
    <n v="53"/>
    <s v="Billed Revenues"/>
    <s v="EXV"/>
    <s v="NONBU"/>
    <s v="G0000110"/>
    <s v="N"/>
    <s v="MACSS Dist Billed Revenue-03"/>
    <s v=""/>
    <x v="0"/>
    <s v="CAD0331128"/>
    <s v="S"/>
    <s v="KY"/>
    <s v="REV"/>
    <s v="974"/>
    <s v="GLBATCH"/>
    <n v="11"/>
    <n v="2016"/>
  </r>
  <r>
    <s v="110"/>
    <d v="2016-11-15T00:00:00"/>
    <x v="2"/>
    <x v="0"/>
    <s v="10828"/>
    <s v="GLNANDA"/>
    <n v="-836064.02"/>
    <n v="-7693822"/>
    <s v="Billed Revenues"/>
    <s v="EXV"/>
    <s v="NONBU"/>
    <s v="G0000110"/>
    <s v="N"/>
    <s v="MACSS Dist Billed Revenue-03"/>
    <s v=""/>
    <x v="0"/>
    <s v="CAD0331128"/>
    <s v="S"/>
    <s v="KY"/>
    <s v="REV"/>
    <s v="974"/>
    <s v="GLBATCH"/>
    <n v="11"/>
    <n v="2016"/>
  </r>
  <r>
    <s v="110"/>
    <d v="2016-12-15T00:00:00"/>
    <x v="6"/>
    <x v="0"/>
    <s v="10828"/>
    <s v="GLNANDA"/>
    <n v="0"/>
    <n v="20"/>
    <s v="Billed Revenues"/>
    <s v="EXV"/>
    <s v="NONBU"/>
    <s v="G0000110"/>
    <s v="N"/>
    <s v="MACSS Dist Billed Revenue-03"/>
    <s v=""/>
    <x v="0"/>
    <s v="CAD0331129"/>
    <s v="S"/>
    <s v="KY"/>
    <s v="REV"/>
    <s v="974"/>
    <s v="GLBATCH"/>
    <n v="12"/>
    <n v="2016"/>
  </r>
  <r>
    <s v="110"/>
    <d v="2016-12-15T00:00:00"/>
    <x v="6"/>
    <x v="0"/>
    <s v="10828"/>
    <s v="GLNANDA"/>
    <n v="-1172.8"/>
    <n v="-6228"/>
    <s v="Billed Revenues"/>
    <s v="EXV"/>
    <s v="NONBU"/>
    <s v="G0000110"/>
    <s v="N"/>
    <s v="MACSS Dist Billed Revenue-03"/>
    <s v=""/>
    <x v="0"/>
    <s v="CAD0331129"/>
    <s v="S"/>
    <s v="KY"/>
    <s v="REV"/>
    <s v="974"/>
    <s v="GLBATCH"/>
    <n v="12"/>
    <n v="2016"/>
  </r>
  <r>
    <s v="110"/>
    <d v="2016-12-15T00:00:00"/>
    <x v="5"/>
    <x v="0"/>
    <s v="10828"/>
    <s v="GLNANDA"/>
    <n v="0"/>
    <n v="142"/>
    <s v="Billed Revenues"/>
    <s v="EXV"/>
    <s v="NONBU"/>
    <s v="G0000110"/>
    <s v="N"/>
    <s v="MACSS Dist Billed Revenue-03"/>
    <s v=""/>
    <x v="0"/>
    <s v="CAD0331129"/>
    <s v="S"/>
    <s v="KY"/>
    <s v="REV"/>
    <s v="974"/>
    <s v="GLBATCH"/>
    <n v="12"/>
    <n v="2016"/>
  </r>
  <r>
    <s v="110"/>
    <d v="2016-12-15T00:00:00"/>
    <x v="5"/>
    <x v="0"/>
    <s v="10828"/>
    <s v="GLNANDA"/>
    <n v="-75807.199999999997"/>
    <n v="-569466"/>
    <s v="Billed Revenues"/>
    <s v="EXV"/>
    <s v="NONBU"/>
    <s v="G0000110"/>
    <s v="N"/>
    <s v="MACSS Dist Billed Revenue-03"/>
    <s v=""/>
    <x v="0"/>
    <s v="CAD0331129"/>
    <s v="S"/>
    <s v="KY"/>
    <s v="REV"/>
    <s v="974"/>
    <s v="GLBATCH"/>
    <n v="12"/>
    <n v="2016"/>
  </r>
  <r>
    <s v="110"/>
    <d v="2016-12-15T00:00:00"/>
    <x v="1"/>
    <x v="0"/>
    <s v="10828"/>
    <s v="GLNANDA"/>
    <n v="0"/>
    <n v="2176"/>
    <s v="Billed Revenues"/>
    <s v="EXV"/>
    <s v="NONBU"/>
    <s v="G0000110"/>
    <s v="N"/>
    <s v="MACSS Dist Billed Revenue-03"/>
    <s v=""/>
    <x v="0"/>
    <s v="CAD0331129"/>
    <s v="S"/>
    <s v="KY"/>
    <s v="REV"/>
    <s v="974"/>
    <s v="GLBATCH"/>
    <n v="12"/>
    <n v="2016"/>
  </r>
  <r>
    <s v="110"/>
    <d v="2016-12-15T00:00:00"/>
    <x v="1"/>
    <x v="0"/>
    <s v="10828"/>
    <s v="GLNANDA"/>
    <n v="-294376.13"/>
    <n v="-2279407"/>
    <s v="Billed Revenues"/>
    <s v="EXV"/>
    <s v="NONBU"/>
    <s v="G0000110"/>
    <s v="N"/>
    <s v="MACSS Dist Billed Revenue-03"/>
    <s v=""/>
    <x v="0"/>
    <s v="CAD0331129"/>
    <s v="S"/>
    <s v="KY"/>
    <s v="REV"/>
    <s v="974"/>
    <s v="GLBATCH"/>
    <n v="12"/>
    <n v="2016"/>
  </r>
  <r>
    <s v="110"/>
    <d v="2016-12-15T00:00:00"/>
    <x v="4"/>
    <x v="0"/>
    <s v="10828"/>
    <s v="GLNANDA"/>
    <n v="0"/>
    <n v="4856"/>
    <s v="Billed Revenues"/>
    <s v="EXV"/>
    <s v="NONBU"/>
    <s v="G0000110"/>
    <s v="N"/>
    <s v="MACSS Dist Billed Revenue-03"/>
    <s v=""/>
    <x v="0"/>
    <s v="CAD0331129"/>
    <s v="S"/>
    <s v="KY"/>
    <s v="REV"/>
    <s v="974"/>
    <s v="GLBATCH"/>
    <n v="12"/>
    <n v="2016"/>
  </r>
  <r>
    <s v="110"/>
    <d v="2016-12-15T00:00:00"/>
    <x v="4"/>
    <x v="0"/>
    <s v="10828"/>
    <s v="GLNANDA"/>
    <n v="-906021.48"/>
    <n v="-7251987"/>
    <s v="Billed Revenues"/>
    <s v="EXV"/>
    <s v="NONBU"/>
    <s v="G0000110"/>
    <s v="N"/>
    <s v="MACSS Dist Billed Revenue-03"/>
    <s v=""/>
    <x v="0"/>
    <s v="CAD0331129"/>
    <s v="S"/>
    <s v="KY"/>
    <s v="REV"/>
    <s v="974"/>
    <s v="GLBATCH"/>
    <n v="12"/>
    <n v="2016"/>
  </r>
  <r>
    <s v="110"/>
    <d v="2016-12-15T00:00:00"/>
    <x v="0"/>
    <x v="0"/>
    <s v="10828"/>
    <s v="GLNANDA"/>
    <n v="0"/>
    <n v="55"/>
    <s v="Billed Revenues"/>
    <s v="EXV"/>
    <s v="NONBU"/>
    <s v="G0000110"/>
    <s v="N"/>
    <s v="MACSS Dist Billed Revenue-03"/>
    <s v=""/>
    <x v="0"/>
    <s v="CAD0331129"/>
    <s v="S"/>
    <s v="KY"/>
    <s v="REV"/>
    <s v="974"/>
    <s v="GLBATCH"/>
    <n v="12"/>
    <n v="2016"/>
  </r>
  <r>
    <s v="110"/>
    <d v="2016-12-15T00:00:00"/>
    <x v="0"/>
    <x v="0"/>
    <s v="10828"/>
    <s v="GLNANDA"/>
    <n v="-324487.81"/>
    <n v="-3664892"/>
    <s v="Billed Revenues"/>
    <s v="EXV"/>
    <s v="NONBU"/>
    <s v="G0000110"/>
    <s v="N"/>
    <s v="MACSS Dist Billed Revenue-03"/>
    <s v=""/>
    <x v="0"/>
    <s v="CAD0331129"/>
    <s v="S"/>
    <s v="KY"/>
    <s v="REV"/>
    <s v="974"/>
    <s v="GLBATCH"/>
    <n v="12"/>
    <n v="2016"/>
  </r>
  <r>
    <s v="110"/>
    <d v="2016-12-15T00:00:00"/>
    <x v="2"/>
    <x v="0"/>
    <s v="10828"/>
    <s v="GLNANDA"/>
    <n v="0"/>
    <n v="1709"/>
    <s v="Billed Revenues"/>
    <s v="EXV"/>
    <s v="NONBU"/>
    <s v="G0000110"/>
    <s v="N"/>
    <s v="MACSS Dist Billed Revenue-03"/>
    <s v=""/>
    <x v="0"/>
    <s v="CAD0331129"/>
    <s v="S"/>
    <s v="KY"/>
    <s v="REV"/>
    <s v="974"/>
    <s v="GLBATCH"/>
    <n v="12"/>
    <n v="2016"/>
  </r>
  <r>
    <s v="110"/>
    <d v="2016-12-15T00:00:00"/>
    <x v="2"/>
    <x v="0"/>
    <s v="10828"/>
    <s v="GLNANDA"/>
    <n v="-763141.24"/>
    <n v="-5754197"/>
    <s v="Billed Revenues"/>
    <s v="EXV"/>
    <s v="NONBU"/>
    <s v="G0000110"/>
    <s v="N"/>
    <s v="MACSS Dist Billed Revenue-03"/>
    <s v=""/>
    <x v="0"/>
    <s v="CAD0331129"/>
    <s v="S"/>
    <s v="KY"/>
    <s v="REV"/>
    <s v="974"/>
    <s v="GLBATCH"/>
    <n v="12"/>
    <n v="2016"/>
  </r>
  <r>
    <s v="110"/>
    <d v="2016-12-15T00:00:00"/>
    <x v="7"/>
    <x v="0"/>
    <s v="10828"/>
    <s v="GLNANDA"/>
    <n v="0"/>
    <n v="21"/>
    <s v="Billed Revenues"/>
    <s v="EXV"/>
    <s v="NONBU"/>
    <s v="G0000110"/>
    <s v="N"/>
    <s v="MACSS Dist Billed Revenue-03"/>
    <s v=""/>
    <x v="0"/>
    <s v="CAD0331129"/>
    <s v="S"/>
    <s v="KY"/>
    <s v="REV"/>
    <s v="974"/>
    <s v="GLBATCH"/>
    <n v="12"/>
    <n v="2016"/>
  </r>
  <r>
    <s v="110"/>
    <d v="2016-12-15T00:00:00"/>
    <x v="7"/>
    <x v="0"/>
    <s v="10828"/>
    <s v="GLNANDA"/>
    <n v="-66359.850000000006"/>
    <n v="-508823"/>
    <s v="Billed Revenues"/>
    <s v="EXV"/>
    <s v="NONBU"/>
    <s v="G0000110"/>
    <s v="N"/>
    <s v="MACSS Dist Billed Revenue-03"/>
    <s v=""/>
    <x v="0"/>
    <s v="CAD0331129"/>
    <s v="S"/>
    <s v="KY"/>
    <s v="REV"/>
    <s v="974"/>
    <s v="GLBATCH"/>
    <n v="12"/>
    <n v="2016"/>
  </r>
  <r>
    <s v="110"/>
    <d v="2016-12-15T00:00:00"/>
    <x v="3"/>
    <x v="0"/>
    <s v="10828"/>
    <s v="GLNANDA"/>
    <n v="0"/>
    <n v="9"/>
    <s v="Billed Revenues"/>
    <s v="EXV"/>
    <s v="NONBU"/>
    <s v="G0000110"/>
    <s v="N"/>
    <s v="MACSS Dist Billed Revenue-03"/>
    <s v=""/>
    <x v="0"/>
    <s v="CAD0331129"/>
    <s v="S"/>
    <s v="KY"/>
    <s v="REV"/>
    <s v="974"/>
    <s v="GLBATCH"/>
    <n v="12"/>
    <n v="2016"/>
  </r>
  <r>
    <s v="110"/>
    <d v="2016-12-15T00:00:00"/>
    <x v="3"/>
    <x v="0"/>
    <s v="10828"/>
    <s v="GLNANDA"/>
    <n v="-11190.73"/>
    <n v="-90848"/>
    <s v="Billed Revenues"/>
    <s v="EXV"/>
    <s v="NONBU"/>
    <s v="G0000110"/>
    <s v="N"/>
    <s v="MACSS Dist Billed Revenue-03"/>
    <s v=""/>
    <x v="0"/>
    <s v="CAD0331129"/>
    <s v="S"/>
    <s v="KY"/>
    <s v="REV"/>
    <s v="974"/>
    <s v="GLBATCH"/>
    <n v="12"/>
    <n v="2016"/>
  </r>
  <r>
    <s v="110"/>
    <d v="2016-11-15T00:00:00"/>
    <x v="3"/>
    <x v="0"/>
    <s v="10828"/>
    <s v="GLNANDA"/>
    <n v="0"/>
    <n v="8"/>
    <s v="Billed Revenues"/>
    <s v="EXV"/>
    <s v="NONBU"/>
    <s v="G0000110"/>
    <s v="N"/>
    <s v="MACSS Dist Billed Revenue-03"/>
    <s v=""/>
    <x v="0"/>
    <s v="CAD0331129"/>
    <s v="S"/>
    <s v="KY"/>
    <s v="REV"/>
    <s v="974"/>
    <s v="GLBATCH"/>
    <n v="11"/>
    <n v="2016"/>
  </r>
  <r>
    <s v="110"/>
    <d v="2016-11-15T00:00:00"/>
    <x v="3"/>
    <x v="0"/>
    <s v="10828"/>
    <s v="GLNANDA"/>
    <n v="-79998.5"/>
    <n v="-762247"/>
    <s v="Billed Revenues"/>
    <s v="EXV"/>
    <s v="NONBU"/>
    <s v="G0000110"/>
    <s v="N"/>
    <s v="MACSS Dist Billed Revenue-03"/>
    <s v=""/>
    <x v="0"/>
    <s v="CAD0331129"/>
    <s v="S"/>
    <s v="KY"/>
    <s v="REV"/>
    <s v="974"/>
    <s v="GLBATCH"/>
    <n v="11"/>
    <n v="2016"/>
  </r>
  <r>
    <s v="110"/>
    <d v="2016-11-15T00:00:00"/>
    <x v="5"/>
    <x v="0"/>
    <s v="10828"/>
    <s v="GLNANDA"/>
    <n v="0"/>
    <n v="5"/>
    <s v="Billed Revenues"/>
    <s v="EXV"/>
    <s v="NONBU"/>
    <s v="G0000110"/>
    <s v="N"/>
    <s v="MACSS Dist Billed Revenue-03"/>
    <s v=""/>
    <x v="0"/>
    <s v="CAD0331129"/>
    <s v="S"/>
    <s v="KY"/>
    <s v="REV"/>
    <s v="974"/>
    <s v="GLBATCH"/>
    <n v="11"/>
    <n v="2016"/>
  </r>
  <r>
    <s v="110"/>
    <d v="2016-11-15T00:00:00"/>
    <x v="5"/>
    <x v="0"/>
    <s v="10828"/>
    <s v="GLNANDA"/>
    <n v="-1621.34"/>
    <n v="-3296"/>
    <s v="Billed Revenues"/>
    <s v="EXV"/>
    <s v="NONBU"/>
    <s v="G0000110"/>
    <s v="N"/>
    <s v="MACSS Dist Billed Revenue-03"/>
    <s v=""/>
    <x v="0"/>
    <s v="CAD0331129"/>
    <s v="S"/>
    <s v="KY"/>
    <s v="REV"/>
    <s v="974"/>
    <s v="GLBATCH"/>
    <n v="11"/>
    <n v="2016"/>
  </r>
  <r>
    <s v="110"/>
    <d v="2016-11-15T00:00:00"/>
    <x v="1"/>
    <x v="0"/>
    <s v="10828"/>
    <s v="GLNANDA"/>
    <n v="0"/>
    <n v="33"/>
    <s v="Billed Revenues"/>
    <s v="EXV"/>
    <s v="NONBU"/>
    <s v="G0000110"/>
    <s v="N"/>
    <s v="MACSS Dist Billed Revenue-03"/>
    <s v=""/>
    <x v="0"/>
    <s v="CAD0331129"/>
    <s v="S"/>
    <s v="KY"/>
    <s v="REV"/>
    <s v="974"/>
    <s v="GLBATCH"/>
    <n v="11"/>
    <n v="2016"/>
  </r>
  <r>
    <s v="110"/>
    <d v="2016-11-15T00:00:00"/>
    <x v="1"/>
    <x v="0"/>
    <s v="10828"/>
    <s v="GLNANDA"/>
    <n v="-2553.7199999999998"/>
    <n v="-19801"/>
    <s v="Billed Revenues"/>
    <s v="EXV"/>
    <s v="NONBU"/>
    <s v="G0000110"/>
    <s v="N"/>
    <s v="MACSS Dist Billed Revenue-03"/>
    <s v=""/>
    <x v="0"/>
    <s v="CAD0331129"/>
    <s v="S"/>
    <s v="KY"/>
    <s v="REV"/>
    <s v="974"/>
    <s v="GLBATCH"/>
    <n v="11"/>
    <n v="2016"/>
  </r>
  <r>
    <s v="110"/>
    <d v="2016-11-15T00:00:00"/>
    <x v="7"/>
    <x v="0"/>
    <s v="10828"/>
    <s v="GLNANDA"/>
    <n v="-23194.09"/>
    <n v="-188752"/>
    <s v="Billed Revenues"/>
    <s v="EXV"/>
    <s v="NONBU"/>
    <s v="G0000110"/>
    <s v="N"/>
    <s v="MACSS Dist Billed Revenue-03"/>
    <s v=""/>
    <x v="0"/>
    <s v="CAD0331129"/>
    <s v="S"/>
    <s v="KY"/>
    <s v="REV"/>
    <s v="974"/>
    <s v="GLBATCH"/>
    <n v="11"/>
    <n v="2016"/>
  </r>
  <r>
    <s v="110"/>
    <d v="2016-11-15T00:00:00"/>
    <x v="4"/>
    <x v="0"/>
    <s v="10828"/>
    <s v="GLNANDA"/>
    <n v="-4813.12"/>
    <n v="-40373"/>
    <s v="Billed Revenues"/>
    <s v="EXV"/>
    <s v="NONBU"/>
    <s v="G0000110"/>
    <s v="N"/>
    <s v="MACSS Dist Billed Revenue-03"/>
    <s v=""/>
    <x v="0"/>
    <s v="CAD0331129"/>
    <s v="S"/>
    <s v="KY"/>
    <s v="REV"/>
    <s v="974"/>
    <s v="GLBATCH"/>
    <n v="11"/>
    <n v="2016"/>
  </r>
  <r>
    <s v="110"/>
    <d v="2016-11-15T00:00:00"/>
    <x v="0"/>
    <x v="0"/>
    <s v="10828"/>
    <s v="GLNANDA"/>
    <n v="0"/>
    <n v="2"/>
    <s v="Billed Revenues"/>
    <s v="EXV"/>
    <s v="NONBU"/>
    <s v="G0000110"/>
    <s v="N"/>
    <s v="MACSS Dist Billed Revenue-03"/>
    <s v=""/>
    <x v="0"/>
    <s v="CAD0331129"/>
    <s v="S"/>
    <s v="KY"/>
    <s v="REV"/>
    <s v="974"/>
    <s v="GLBATCH"/>
    <n v="11"/>
    <n v="2016"/>
  </r>
  <r>
    <s v="110"/>
    <d v="2016-11-15T00:00:00"/>
    <x v="0"/>
    <x v="0"/>
    <s v="10828"/>
    <s v="GLNANDA"/>
    <n v="-121171.72"/>
    <n v="-1848576"/>
    <s v="Billed Revenues"/>
    <s v="EXV"/>
    <s v="NONBU"/>
    <s v="G0000110"/>
    <s v="N"/>
    <s v="MACSS Dist Billed Revenue-03"/>
    <s v=""/>
    <x v="0"/>
    <s v="CAD0331129"/>
    <s v="S"/>
    <s v="KY"/>
    <s v="REV"/>
    <s v="974"/>
    <s v="GLBATCH"/>
    <n v="11"/>
    <n v="2016"/>
  </r>
  <r>
    <s v="110"/>
    <d v="2016-11-15T00:00:00"/>
    <x v="2"/>
    <x v="0"/>
    <s v="10828"/>
    <s v="GLNANDA"/>
    <n v="0"/>
    <n v="41"/>
    <s v="Billed Revenues"/>
    <s v="EXV"/>
    <s v="NONBU"/>
    <s v="G0000110"/>
    <s v="N"/>
    <s v="MACSS Dist Billed Revenue-03"/>
    <s v=""/>
    <x v="0"/>
    <s v="CAD0331129"/>
    <s v="S"/>
    <s v="KY"/>
    <s v="REV"/>
    <s v="974"/>
    <s v="GLBATCH"/>
    <n v="11"/>
    <n v="2016"/>
  </r>
  <r>
    <s v="110"/>
    <d v="2016-11-15T00:00:00"/>
    <x v="2"/>
    <x v="0"/>
    <s v="10828"/>
    <s v="GLNANDA"/>
    <n v="-18622.310000000001"/>
    <n v="-135594"/>
    <s v="Billed Revenues"/>
    <s v="EXV"/>
    <s v="NONBU"/>
    <s v="G0000110"/>
    <s v="N"/>
    <s v="MACSS Dist Billed Revenue-03"/>
    <s v=""/>
    <x v="0"/>
    <s v="CAD0331129"/>
    <s v="S"/>
    <s v="KY"/>
    <s v="REV"/>
    <s v="974"/>
    <s v="GLBATCH"/>
    <n v="11"/>
    <n v="2016"/>
  </r>
  <r>
    <s v="110"/>
    <d v="2016-11-15T00:00:00"/>
    <x v="7"/>
    <x v="0"/>
    <s v="10828"/>
    <s v="GLNANDA"/>
    <n v="0"/>
    <n v="9"/>
    <s v="Billed Revenues"/>
    <s v="EXV"/>
    <s v="NONBU"/>
    <s v="G0000110"/>
    <s v="N"/>
    <s v="MACSS Dist Billed Revenue-03"/>
    <s v=""/>
    <x v="0"/>
    <s v="CAD0331129"/>
    <s v="S"/>
    <s v="KY"/>
    <s v="REV"/>
    <s v="974"/>
    <s v="GLBATCH"/>
    <n v="11"/>
    <n v="2016"/>
  </r>
  <r>
    <s v="110"/>
    <d v="2016-11-15T00:00:00"/>
    <x v="4"/>
    <x v="0"/>
    <s v="10828"/>
    <s v="GLNANDA"/>
    <n v="0"/>
    <n v="24"/>
    <s v="Billed Revenues"/>
    <s v="EXV"/>
    <s v="NONBU"/>
    <s v="G0000110"/>
    <s v="N"/>
    <s v="MACSS Dist Billed Revenue-03"/>
    <s v=""/>
    <x v="0"/>
    <s v="CAD0331129"/>
    <s v="S"/>
    <s v="KY"/>
    <s v="REV"/>
    <s v="974"/>
    <s v="GLBATCH"/>
    <n v="11"/>
    <n v="2016"/>
  </r>
  <r>
    <s v="110"/>
    <d v="2016-12-15T00:00:00"/>
    <x v="1"/>
    <x v="0"/>
    <s v="10828"/>
    <s v="GLNANDA"/>
    <n v="0"/>
    <n v="2806"/>
    <s v="Billed Revenues"/>
    <s v="EXV"/>
    <s v="NONBU"/>
    <s v="G0000110"/>
    <s v="N"/>
    <s v="MACSS Dist Billed Revenue-03"/>
    <s v=""/>
    <x v="0"/>
    <s v="CAD0331130"/>
    <s v="S"/>
    <s v="KY"/>
    <s v="REV"/>
    <s v="974"/>
    <s v="GLBATCH"/>
    <n v="12"/>
    <n v="2016"/>
  </r>
  <r>
    <s v="110"/>
    <d v="2016-12-15T00:00:00"/>
    <x v="1"/>
    <x v="0"/>
    <s v="10828"/>
    <s v="GLNANDA"/>
    <n v="-350445.91"/>
    <n v="-2685779"/>
    <s v="Billed Revenues"/>
    <s v="EXV"/>
    <s v="NONBU"/>
    <s v="G0000110"/>
    <s v="N"/>
    <s v="MACSS Dist Billed Revenue-03"/>
    <s v=""/>
    <x v="0"/>
    <s v="CAD0331130"/>
    <s v="S"/>
    <s v="KY"/>
    <s v="REV"/>
    <s v="974"/>
    <s v="GLBATCH"/>
    <n v="12"/>
    <n v="2016"/>
  </r>
  <r>
    <s v="110"/>
    <d v="2016-12-15T00:00:00"/>
    <x v="5"/>
    <x v="0"/>
    <s v="10828"/>
    <s v="GLNANDA"/>
    <n v="-25598.799999999999"/>
    <n v="-190478"/>
    <s v="Billed Revenues"/>
    <s v="EXV"/>
    <s v="NONBU"/>
    <s v="G0000110"/>
    <s v="N"/>
    <s v="MACSS Dist Billed Revenue-03"/>
    <s v=""/>
    <x v="0"/>
    <s v="CAD0331130"/>
    <s v="S"/>
    <s v="KY"/>
    <s v="REV"/>
    <s v="974"/>
    <s v="GLBATCH"/>
    <n v="12"/>
    <n v="2016"/>
  </r>
  <r>
    <s v="110"/>
    <d v="2016-12-15T00:00:00"/>
    <x v="5"/>
    <x v="0"/>
    <s v="10828"/>
    <s v="GLNANDA"/>
    <n v="0"/>
    <n v="66"/>
    <s v="Billed Revenues"/>
    <s v="EXV"/>
    <s v="NONBU"/>
    <s v="G0000110"/>
    <s v="N"/>
    <s v="MACSS Dist Billed Revenue-03"/>
    <s v=""/>
    <x v="0"/>
    <s v="CAD0331130"/>
    <s v="S"/>
    <s v="KY"/>
    <s v="REV"/>
    <s v="974"/>
    <s v="GLBATCH"/>
    <n v="12"/>
    <n v="2016"/>
  </r>
  <r>
    <s v="110"/>
    <d v="2016-12-15T00:00:00"/>
    <x v="6"/>
    <x v="0"/>
    <s v="10828"/>
    <s v="GLNANDA"/>
    <n v="-1340.71"/>
    <n v="-8997"/>
    <s v="Billed Revenues"/>
    <s v="EXV"/>
    <s v="NONBU"/>
    <s v="G0000110"/>
    <s v="N"/>
    <s v="MACSS Dist Billed Revenue-03"/>
    <s v=""/>
    <x v="0"/>
    <s v="CAD0331130"/>
    <s v="S"/>
    <s v="KY"/>
    <s v="REV"/>
    <s v="974"/>
    <s v="GLBATCH"/>
    <n v="12"/>
    <n v="2016"/>
  </r>
  <r>
    <s v="110"/>
    <d v="2016-12-15T00:00:00"/>
    <x v="6"/>
    <x v="0"/>
    <s v="10828"/>
    <s v="GLNANDA"/>
    <n v="0"/>
    <n v="9"/>
    <s v="Billed Revenues"/>
    <s v="EXV"/>
    <s v="NONBU"/>
    <s v="G0000110"/>
    <s v="N"/>
    <s v="MACSS Dist Billed Revenue-03"/>
    <s v=""/>
    <x v="0"/>
    <s v="CAD0331130"/>
    <s v="S"/>
    <s v="KY"/>
    <s v="REV"/>
    <s v="974"/>
    <s v="GLBATCH"/>
    <n v="12"/>
    <n v="2016"/>
  </r>
  <r>
    <s v="110"/>
    <d v="2016-12-15T00:00:00"/>
    <x v="3"/>
    <x v="0"/>
    <s v="10828"/>
    <s v="GLNANDA"/>
    <n v="-91871.44"/>
    <n v="-947399"/>
    <s v="Billed Revenues"/>
    <s v="EXV"/>
    <s v="NONBU"/>
    <s v="G0000110"/>
    <s v="N"/>
    <s v="MACSS Dist Billed Revenue-03"/>
    <s v=""/>
    <x v="0"/>
    <s v="CAD0331130"/>
    <s v="S"/>
    <s v="KY"/>
    <s v="REV"/>
    <s v="974"/>
    <s v="GLBATCH"/>
    <n v="12"/>
    <n v="2016"/>
  </r>
  <r>
    <s v="110"/>
    <d v="2016-12-15T00:00:00"/>
    <x v="3"/>
    <x v="0"/>
    <s v="10828"/>
    <s v="GLNANDA"/>
    <n v="0"/>
    <n v="12"/>
    <s v="Billed Revenues"/>
    <s v="EXV"/>
    <s v="NONBU"/>
    <s v="G0000110"/>
    <s v="N"/>
    <s v="MACSS Dist Billed Revenue-03"/>
    <s v=""/>
    <x v="0"/>
    <s v="CAD0331130"/>
    <s v="S"/>
    <s v="KY"/>
    <s v="REV"/>
    <s v="974"/>
    <s v="GLBATCH"/>
    <n v="12"/>
    <n v="2016"/>
  </r>
  <r>
    <s v="110"/>
    <d v="2016-12-15T00:00:00"/>
    <x v="7"/>
    <x v="0"/>
    <s v="10828"/>
    <s v="GLNANDA"/>
    <n v="-40641.040000000001"/>
    <n v="-305645"/>
    <s v="Billed Revenues"/>
    <s v="EXV"/>
    <s v="NONBU"/>
    <s v="G0000110"/>
    <s v="N"/>
    <s v="MACSS Dist Billed Revenue-03"/>
    <s v=""/>
    <x v="0"/>
    <s v="CAD0331130"/>
    <s v="S"/>
    <s v="KY"/>
    <s v="REV"/>
    <s v="974"/>
    <s v="GLBATCH"/>
    <n v="12"/>
    <n v="2016"/>
  </r>
  <r>
    <s v="110"/>
    <d v="2016-12-15T00:00:00"/>
    <x v="7"/>
    <x v="0"/>
    <s v="10828"/>
    <s v="GLNANDA"/>
    <n v="0"/>
    <n v="18"/>
    <s v="Billed Revenues"/>
    <s v="EXV"/>
    <s v="NONBU"/>
    <s v="G0000110"/>
    <s v="N"/>
    <s v="MACSS Dist Billed Revenue-03"/>
    <s v=""/>
    <x v="0"/>
    <s v="CAD0331130"/>
    <s v="S"/>
    <s v="KY"/>
    <s v="REV"/>
    <s v="974"/>
    <s v="GLBATCH"/>
    <n v="12"/>
    <n v="2016"/>
  </r>
  <r>
    <s v="110"/>
    <d v="2016-12-15T00:00:00"/>
    <x v="2"/>
    <x v="0"/>
    <s v="10828"/>
    <s v="GLNANDA"/>
    <n v="-171854.65"/>
    <n v="-1137440"/>
    <s v="Billed Revenues"/>
    <s v="EXV"/>
    <s v="NONBU"/>
    <s v="G0000110"/>
    <s v="N"/>
    <s v="MACSS Dist Billed Revenue-03"/>
    <s v=""/>
    <x v="0"/>
    <s v="CAD0331130"/>
    <s v="S"/>
    <s v="KY"/>
    <s v="REV"/>
    <s v="974"/>
    <s v="GLBATCH"/>
    <n v="12"/>
    <n v="2016"/>
  </r>
  <r>
    <s v="110"/>
    <d v="2016-12-15T00:00:00"/>
    <x v="2"/>
    <x v="0"/>
    <s v="10828"/>
    <s v="GLNANDA"/>
    <n v="0"/>
    <n v="985"/>
    <s v="Billed Revenues"/>
    <s v="EXV"/>
    <s v="NONBU"/>
    <s v="G0000110"/>
    <s v="N"/>
    <s v="MACSS Dist Billed Revenue-03"/>
    <s v=""/>
    <x v="0"/>
    <s v="CAD0331130"/>
    <s v="S"/>
    <s v="KY"/>
    <s v="REV"/>
    <s v="974"/>
    <s v="GLBATCH"/>
    <n v="12"/>
    <n v="2016"/>
  </r>
  <r>
    <s v="110"/>
    <d v="2016-12-15T00:00:00"/>
    <x v="0"/>
    <x v="0"/>
    <s v="10828"/>
    <s v="GLNANDA"/>
    <n v="-14540.02"/>
    <n v="-102828"/>
    <s v="Billed Revenues"/>
    <s v="EXV"/>
    <s v="NONBU"/>
    <s v="G0000110"/>
    <s v="N"/>
    <s v="MACSS Dist Billed Revenue-03"/>
    <s v=""/>
    <x v="0"/>
    <s v="CAD0331130"/>
    <s v="S"/>
    <s v="KY"/>
    <s v="REV"/>
    <s v="974"/>
    <s v="GLBATCH"/>
    <n v="12"/>
    <n v="2016"/>
  </r>
  <r>
    <s v="110"/>
    <d v="2016-12-15T00:00:00"/>
    <x v="0"/>
    <x v="0"/>
    <s v="10828"/>
    <s v="GLNANDA"/>
    <n v="0"/>
    <n v="62"/>
    <s v="Billed Revenues"/>
    <s v="EXV"/>
    <s v="NONBU"/>
    <s v="G0000110"/>
    <s v="N"/>
    <s v="MACSS Dist Billed Revenue-03"/>
    <s v=""/>
    <x v="0"/>
    <s v="CAD0331130"/>
    <s v="S"/>
    <s v="KY"/>
    <s v="REV"/>
    <s v="974"/>
    <s v="GLBATCH"/>
    <n v="12"/>
    <n v="2016"/>
  </r>
  <r>
    <s v="110"/>
    <d v="2016-12-15T00:00:00"/>
    <x v="4"/>
    <x v="0"/>
    <s v="10828"/>
    <s v="GLNANDA"/>
    <n v="-814583.37"/>
    <n v="-6497602"/>
    <s v="Billed Revenues"/>
    <s v="EXV"/>
    <s v="NONBU"/>
    <s v="G0000110"/>
    <s v="N"/>
    <s v="MACSS Dist Billed Revenue-03"/>
    <s v=""/>
    <x v="0"/>
    <s v="CAD0331130"/>
    <s v="S"/>
    <s v="KY"/>
    <s v="REV"/>
    <s v="974"/>
    <s v="GLBATCH"/>
    <n v="12"/>
    <n v="2016"/>
  </r>
  <r>
    <s v="110"/>
    <d v="2016-12-15T00:00:00"/>
    <x v="4"/>
    <x v="0"/>
    <s v="10828"/>
    <s v="GLNANDA"/>
    <n v="0"/>
    <n v="4460"/>
    <s v="Billed Revenues"/>
    <s v="EXV"/>
    <s v="NONBU"/>
    <s v="G0000110"/>
    <s v="N"/>
    <s v="MACSS Dist Billed Revenue-03"/>
    <s v=""/>
    <x v="0"/>
    <s v="CAD0331130"/>
    <s v="S"/>
    <s v="KY"/>
    <s v="REV"/>
    <s v="974"/>
    <s v="GLBATCH"/>
    <n v="12"/>
    <n v="2016"/>
  </r>
  <r>
    <s v="110"/>
    <d v="2016-11-15T00:00:00"/>
    <x v="3"/>
    <x v="0"/>
    <s v="10828"/>
    <s v="GLNANDA"/>
    <n v="-63608.52"/>
    <n v="-529860"/>
    <s v="Billed Revenues"/>
    <s v="EXV"/>
    <s v="NONBU"/>
    <s v="G0000110"/>
    <s v="N"/>
    <s v="MACSS Dist Billed Revenue-03"/>
    <s v=""/>
    <x v="0"/>
    <s v="CAD0331130"/>
    <s v="S"/>
    <s v="KY"/>
    <s v="REV"/>
    <s v="974"/>
    <s v="GLBATCH"/>
    <n v="11"/>
    <n v="2016"/>
  </r>
  <r>
    <s v="110"/>
    <d v="2016-11-15T00:00:00"/>
    <x v="2"/>
    <x v="0"/>
    <s v="10828"/>
    <s v="GLNANDA"/>
    <n v="-31465.759999999998"/>
    <n v="-374002"/>
    <s v="Billed Revenues"/>
    <s v="EXV"/>
    <s v="NONBU"/>
    <s v="G0000110"/>
    <s v="N"/>
    <s v="MACSS Dist Billed Revenue-03"/>
    <s v=""/>
    <x v="0"/>
    <s v="CAD0331130"/>
    <s v="S"/>
    <s v="KY"/>
    <s v="REV"/>
    <s v="974"/>
    <s v="GLBATCH"/>
    <n v="11"/>
    <n v="2016"/>
  </r>
  <r>
    <s v="110"/>
    <d v="2016-11-15T00:00:00"/>
    <x v="2"/>
    <x v="0"/>
    <s v="10828"/>
    <s v="GLNANDA"/>
    <n v="0"/>
    <n v="8"/>
    <s v="Billed Revenues"/>
    <s v="EXV"/>
    <s v="NONBU"/>
    <s v="G0000110"/>
    <s v="N"/>
    <s v="MACSS Dist Billed Revenue-03"/>
    <s v=""/>
    <x v="0"/>
    <s v="CAD0331130"/>
    <s v="S"/>
    <s v="KY"/>
    <s v="REV"/>
    <s v="974"/>
    <s v="GLBATCH"/>
    <n v="11"/>
    <n v="2016"/>
  </r>
  <r>
    <s v="110"/>
    <d v="2016-11-15T00:00:00"/>
    <x v="3"/>
    <x v="0"/>
    <s v="10828"/>
    <s v="GLNANDA"/>
    <n v="0"/>
    <n v="5"/>
    <s v="Billed Revenues"/>
    <s v="EXV"/>
    <s v="NONBU"/>
    <s v="G0000110"/>
    <s v="N"/>
    <s v="MACSS Dist Billed Revenue-03"/>
    <s v=""/>
    <x v="0"/>
    <s v="CAD0331130"/>
    <s v="S"/>
    <s v="KY"/>
    <s v="REV"/>
    <s v="974"/>
    <s v="GLBATCH"/>
    <n v="11"/>
    <n v="2016"/>
  </r>
  <r>
    <s v="110"/>
    <d v="2016-11-15T00:00:00"/>
    <x v="5"/>
    <x v="0"/>
    <s v="10828"/>
    <s v="GLNANDA"/>
    <n v="0"/>
    <n v="4"/>
    <s v="Billed Revenues"/>
    <s v="EXV"/>
    <s v="NONBU"/>
    <s v="G0000110"/>
    <s v="N"/>
    <s v="MACSS Dist Billed Revenue-03"/>
    <s v=""/>
    <x v="0"/>
    <s v="CAD0331130"/>
    <s v="S"/>
    <s v="KY"/>
    <s v="REV"/>
    <s v="974"/>
    <s v="GLBATCH"/>
    <n v="11"/>
    <n v="2016"/>
  </r>
  <r>
    <s v="110"/>
    <d v="2016-11-15T00:00:00"/>
    <x v="6"/>
    <x v="0"/>
    <s v="10828"/>
    <s v="GLNANDA"/>
    <n v="-138027.39000000001"/>
    <n v="-820769"/>
    <s v="Billed Revenues"/>
    <s v="EXV"/>
    <s v="NONBU"/>
    <s v="G0000110"/>
    <s v="N"/>
    <s v="MACSS Dist Billed Revenue-03"/>
    <s v=""/>
    <x v="0"/>
    <s v="CAD0331130"/>
    <s v="S"/>
    <s v="KY"/>
    <s v="REV"/>
    <s v="974"/>
    <s v="GLBATCH"/>
    <n v="11"/>
    <n v="2016"/>
  </r>
  <r>
    <s v="110"/>
    <d v="2016-11-15T00:00:00"/>
    <x v="5"/>
    <x v="0"/>
    <s v="10828"/>
    <s v="GLNANDA"/>
    <n v="-7838.57"/>
    <n v="-64824"/>
    <s v="Billed Revenues"/>
    <s v="EXV"/>
    <s v="NONBU"/>
    <s v="G0000110"/>
    <s v="N"/>
    <s v="MACSS Dist Billed Revenue-03"/>
    <s v=""/>
    <x v="0"/>
    <s v="CAD0331130"/>
    <s v="S"/>
    <s v="KY"/>
    <s v="REV"/>
    <s v="974"/>
    <s v="GLBATCH"/>
    <n v="11"/>
    <n v="2016"/>
  </r>
  <r>
    <s v="110"/>
    <d v="2016-11-15T00:00:00"/>
    <x v="4"/>
    <x v="0"/>
    <s v="10828"/>
    <s v="GLNANDA"/>
    <n v="-734.02"/>
    <n v="-5661"/>
    <s v="Billed Revenues"/>
    <s v="EXV"/>
    <s v="NONBU"/>
    <s v="G0000110"/>
    <s v="N"/>
    <s v="MACSS Dist Billed Revenue-03"/>
    <s v=""/>
    <x v="0"/>
    <s v="CAD0331130"/>
    <s v="S"/>
    <s v="KY"/>
    <s v="REV"/>
    <s v="974"/>
    <s v="GLBATCH"/>
    <n v="11"/>
    <n v="2016"/>
  </r>
  <r>
    <s v="110"/>
    <d v="2016-11-15T00:00:00"/>
    <x v="4"/>
    <x v="0"/>
    <s v="10828"/>
    <s v="GLNANDA"/>
    <n v="0"/>
    <n v="9"/>
    <s v="Billed Revenues"/>
    <s v="EXV"/>
    <s v="NONBU"/>
    <s v="G0000110"/>
    <s v="N"/>
    <s v="MACSS Dist Billed Revenue-03"/>
    <s v=""/>
    <x v="0"/>
    <s v="CAD0331130"/>
    <s v="S"/>
    <s v="KY"/>
    <s v="REV"/>
    <s v="974"/>
    <s v="GLBATCH"/>
    <n v="11"/>
    <n v="2016"/>
  </r>
  <r>
    <s v="110"/>
    <d v="2016-11-15T00:00:00"/>
    <x v="7"/>
    <x v="0"/>
    <s v="10828"/>
    <s v="GLNANDA"/>
    <n v="0"/>
    <n v="1"/>
    <s v="Billed Revenues"/>
    <s v="EXV"/>
    <s v="NONBU"/>
    <s v="G0000110"/>
    <s v="N"/>
    <s v="MACSS Dist Billed Revenue-03"/>
    <s v=""/>
    <x v="0"/>
    <s v="CAD0331130"/>
    <s v="S"/>
    <s v="KY"/>
    <s v="REV"/>
    <s v="974"/>
    <s v="GLBATCH"/>
    <n v="11"/>
    <n v="2016"/>
  </r>
  <r>
    <s v="110"/>
    <d v="2016-11-15T00:00:00"/>
    <x v="6"/>
    <x v="0"/>
    <s v="10828"/>
    <s v="GLNANDA"/>
    <n v="0"/>
    <n v="52"/>
    <s v="Billed Revenues"/>
    <s v="EXV"/>
    <s v="NONBU"/>
    <s v="G0000110"/>
    <s v="N"/>
    <s v="MACSS Dist Billed Revenue-03"/>
    <s v=""/>
    <x v="0"/>
    <s v="CAD0331130"/>
    <s v="S"/>
    <s v="KY"/>
    <s v="REV"/>
    <s v="974"/>
    <s v="GLBATCH"/>
    <n v="11"/>
    <n v="2016"/>
  </r>
  <r>
    <s v="110"/>
    <d v="2016-11-15T00:00:00"/>
    <x v="1"/>
    <x v="0"/>
    <s v="10828"/>
    <s v="GLNANDA"/>
    <n v="88.8"/>
    <n v="960"/>
    <s v="Billed Revenues"/>
    <s v="EXV"/>
    <s v="NONBU"/>
    <s v="G0000110"/>
    <s v="N"/>
    <s v="MACSS Dist Billed Revenue-03"/>
    <s v=""/>
    <x v="0"/>
    <s v="CAD0331130"/>
    <s v="S"/>
    <s v="KY"/>
    <s v="REV"/>
    <s v="974"/>
    <s v="GLBATCH"/>
    <n v="11"/>
    <n v="2016"/>
  </r>
  <r>
    <s v="110"/>
    <d v="2016-11-15T00:00:00"/>
    <x v="1"/>
    <x v="0"/>
    <s v="10828"/>
    <s v="GLNANDA"/>
    <n v="0"/>
    <n v="2"/>
    <s v="Billed Revenues"/>
    <s v="EXV"/>
    <s v="NONBU"/>
    <s v="G0000110"/>
    <s v="N"/>
    <s v="MACSS Dist Billed Revenue-03"/>
    <s v=""/>
    <x v="0"/>
    <s v="CAD0331130"/>
    <s v="S"/>
    <s v="KY"/>
    <s v="REV"/>
    <s v="974"/>
    <s v="GLBATCH"/>
    <n v="11"/>
    <n v="2016"/>
  </r>
  <r>
    <s v="110"/>
    <d v="2016-11-15T00:00:00"/>
    <x v="7"/>
    <x v="0"/>
    <s v="10828"/>
    <s v="GLNANDA"/>
    <n v="-8468.0300000000007"/>
    <n v="-69504"/>
    <s v="Billed Revenues"/>
    <s v="EXV"/>
    <s v="NONBU"/>
    <s v="G0000110"/>
    <s v="N"/>
    <s v="MACSS Dist Billed Revenue-03"/>
    <s v=""/>
    <x v="0"/>
    <s v="CAD0331130"/>
    <s v="S"/>
    <s v="KY"/>
    <s v="REV"/>
    <s v="974"/>
    <s v="GLBATCH"/>
    <n v="11"/>
    <n v="2016"/>
  </r>
  <r>
    <s v="110"/>
    <d v="2016-12-15T00:00:00"/>
    <x v="1"/>
    <x v="0"/>
    <s v="10828"/>
    <s v="GLNANDA"/>
    <n v="0"/>
    <n v="2704"/>
    <s v="Billed Revenues"/>
    <s v="EXV"/>
    <s v="NONBU"/>
    <s v="G0000110"/>
    <s v="N"/>
    <s v="MACSS Dist Billed Revenue-03"/>
    <s v=""/>
    <x v="0"/>
    <s v="CAD0331201"/>
    <s v="S"/>
    <s v="KY"/>
    <s v="REV"/>
    <s v="974"/>
    <s v="GLBATCH"/>
    <n v="12"/>
    <n v="2016"/>
  </r>
  <r>
    <s v="110"/>
    <d v="2016-12-15T00:00:00"/>
    <x v="5"/>
    <x v="0"/>
    <s v="10828"/>
    <s v="GLNANDA"/>
    <n v="-28618.93"/>
    <n v="-212385"/>
    <s v="Billed Revenues"/>
    <s v="EXV"/>
    <s v="NONBU"/>
    <s v="G0000110"/>
    <s v="N"/>
    <s v="MACSS Dist Billed Revenue-03"/>
    <s v=""/>
    <x v="0"/>
    <s v="CAD0331201"/>
    <s v="S"/>
    <s v="KY"/>
    <s v="REV"/>
    <s v="974"/>
    <s v="GLBATCH"/>
    <n v="12"/>
    <n v="2016"/>
  </r>
  <r>
    <s v="110"/>
    <d v="2016-12-15T00:00:00"/>
    <x v="1"/>
    <x v="0"/>
    <s v="10828"/>
    <s v="GLNANDA"/>
    <n v="-335404.74"/>
    <n v="-2566491"/>
    <s v="Billed Revenues"/>
    <s v="EXV"/>
    <s v="NONBU"/>
    <s v="G0000110"/>
    <s v="N"/>
    <s v="MACSS Dist Billed Revenue-03"/>
    <s v=""/>
    <x v="0"/>
    <s v="CAD0331201"/>
    <s v="S"/>
    <s v="KY"/>
    <s v="REV"/>
    <s v="974"/>
    <s v="GLBATCH"/>
    <n v="12"/>
    <n v="2016"/>
  </r>
  <r>
    <s v="110"/>
    <d v="2016-12-15T00:00:00"/>
    <x v="5"/>
    <x v="0"/>
    <s v="10828"/>
    <s v="GLNANDA"/>
    <n v="0"/>
    <n v="60"/>
    <s v="Billed Revenues"/>
    <s v="EXV"/>
    <s v="NONBU"/>
    <s v="G0000110"/>
    <s v="N"/>
    <s v="MACSS Dist Billed Revenue-03"/>
    <s v=""/>
    <x v="0"/>
    <s v="CAD0331201"/>
    <s v="S"/>
    <s v="KY"/>
    <s v="REV"/>
    <s v="974"/>
    <s v="GLBATCH"/>
    <n v="12"/>
    <n v="2016"/>
  </r>
  <r>
    <s v="110"/>
    <d v="2016-12-15T00:00:00"/>
    <x v="6"/>
    <x v="0"/>
    <s v="10828"/>
    <s v="GLNANDA"/>
    <n v="-2608.21"/>
    <n v="-17965"/>
    <s v="Billed Revenues"/>
    <s v="EXV"/>
    <s v="NONBU"/>
    <s v="G0000110"/>
    <s v="N"/>
    <s v="MACSS Dist Billed Revenue-03"/>
    <s v=""/>
    <x v="0"/>
    <s v="CAD0331201"/>
    <s v="S"/>
    <s v="KY"/>
    <s v="REV"/>
    <s v="974"/>
    <s v="GLBATCH"/>
    <n v="12"/>
    <n v="2016"/>
  </r>
  <r>
    <s v="110"/>
    <d v="2016-12-15T00:00:00"/>
    <x v="6"/>
    <x v="0"/>
    <s v="10828"/>
    <s v="GLNANDA"/>
    <n v="0"/>
    <n v="18"/>
    <s v="Billed Revenues"/>
    <s v="EXV"/>
    <s v="NONBU"/>
    <s v="G0000110"/>
    <s v="N"/>
    <s v="MACSS Dist Billed Revenue-03"/>
    <s v=""/>
    <x v="0"/>
    <s v="CAD0331201"/>
    <s v="S"/>
    <s v="KY"/>
    <s v="REV"/>
    <s v="974"/>
    <s v="GLBATCH"/>
    <n v="12"/>
    <n v="2016"/>
  </r>
  <r>
    <s v="110"/>
    <d v="2016-12-15T00:00:00"/>
    <x v="3"/>
    <x v="0"/>
    <s v="10828"/>
    <s v="GLNANDA"/>
    <n v="-168531.54"/>
    <n v="-1545902"/>
    <s v="Billed Revenues"/>
    <s v="EXV"/>
    <s v="NONBU"/>
    <s v="G0000110"/>
    <s v="N"/>
    <s v="MACSS Dist Billed Revenue-03"/>
    <s v=""/>
    <x v="0"/>
    <s v="CAD0331201"/>
    <s v="S"/>
    <s v="KY"/>
    <s v="REV"/>
    <s v="974"/>
    <s v="GLBATCH"/>
    <n v="12"/>
    <n v="2016"/>
  </r>
  <r>
    <s v="110"/>
    <d v="2016-12-15T00:00:00"/>
    <x v="3"/>
    <x v="0"/>
    <s v="10828"/>
    <s v="GLNANDA"/>
    <n v="0"/>
    <n v="13"/>
    <s v="Billed Revenues"/>
    <s v="EXV"/>
    <s v="NONBU"/>
    <s v="G0000110"/>
    <s v="N"/>
    <s v="MACSS Dist Billed Revenue-03"/>
    <s v=""/>
    <x v="0"/>
    <s v="CAD0331201"/>
    <s v="S"/>
    <s v="KY"/>
    <s v="REV"/>
    <s v="974"/>
    <s v="GLBATCH"/>
    <n v="12"/>
    <n v="2016"/>
  </r>
  <r>
    <s v="110"/>
    <d v="2016-12-15T00:00:00"/>
    <x v="7"/>
    <x v="0"/>
    <s v="10828"/>
    <s v="GLNANDA"/>
    <n v="-79829.89"/>
    <n v="-593247"/>
    <s v="Billed Revenues"/>
    <s v="EXV"/>
    <s v="NONBU"/>
    <s v="G0000110"/>
    <s v="N"/>
    <s v="MACSS Dist Billed Revenue-03"/>
    <s v=""/>
    <x v="0"/>
    <s v="CAD0331201"/>
    <s v="S"/>
    <s v="KY"/>
    <s v="REV"/>
    <s v="974"/>
    <s v="GLBATCH"/>
    <n v="12"/>
    <n v="2016"/>
  </r>
  <r>
    <s v="110"/>
    <d v="2016-12-15T00:00:00"/>
    <x v="7"/>
    <x v="0"/>
    <s v="10828"/>
    <s v="GLNANDA"/>
    <n v="0"/>
    <n v="40"/>
    <s v="Billed Revenues"/>
    <s v="EXV"/>
    <s v="NONBU"/>
    <s v="G0000110"/>
    <s v="N"/>
    <s v="MACSS Dist Billed Revenue-03"/>
    <s v=""/>
    <x v="0"/>
    <s v="CAD0331201"/>
    <s v="S"/>
    <s v="KY"/>
    <s v="REV"/>
    <s v="974"/>
    <s v="GLBATCH"/>
    <n v="12"/>
    <n v="2016"/>
  </r>
  <r>
    <s v="110"/>
    <d v="2016-12-15T00:00:00"/>
    <x v="2"/>
    <x v="0"/>
    <s v="10828"/>
    <s v="GLNANDA"/>
    <n v="-308850.01"/>
    <n v="-2491405"/>
    <s v="Billed Revenues"/>
    <s v="EXV"/>
    <s v="NONBU"/>
    <s v="G0000110"/>
    <s v="N"/>
    <s v="MACSS Dist Billed Revenue-03"/>
    <s v=""/>
    <x v="0"/>
    <s v="CAD0331201"/>
    <s v="S"/>
    <s v="KY"/>
    <s v="REV"/>
    <s v="974"/>
    <s v="GLBATCH"/>
    <n v="12"/>
    <n v="2016"/>
  </r>
  <r>
    <s v="110"/>
    <d v="2016-12-15T00:00:00"/>
    <x v="4"/>
    <x v="0"/>
    <s v="10828"/>
    <s v="GLNANDA"/>
    <n v="0"/>
    <n v="3888"/>
    <s v="Billed Revenues"/>
    <s v="EXV"/>
    <s v="NONBU"/>
    <s v="G0000110"/>
    <s v="N"/>
    <s v="MACSS Dist Billed Revenue-03"/>
    <s v=""/>
    <x v="0"/>
    <s v="CAD0331201"/>
    <s v="S"/>
    <s v="KY"/>
    <s v="REV"/>
    <s v="974"/>
    <s v="GLBATCH"/>
    <n v="12"/>
    <n v="2016"/>
  </r>
  <r>
    <s v="110"/>
    <d v="2016-12-15T00:00:00"/>
    <x v="4"/>
    <x v="0"/>
    <s v="10828"/>
    <s v="GLNANDA"/>
    <n v="-706456.31"/>
    <n v="-5642139"/>
    <s v="Billed Revenues"/>
    <s v="EXV"/>
    <s v="NONBU"/>
    <s v="G0000110"/>
    <s v="N"/>
    <s v="MACSS Dist Billed Revenue-03"/>
    <s v=""/>
    <x v="0"/>
    <s v="CAD0331201"/>
    <s v="S"/>
    <s v="KY"/>
    <s v="REV"/>
    <s v="974"/>
    <s v="GLBATCH"/>
    <n v="12"/>
    <n v="2016"/>
  </r>
  <r>
    <s v="110"/>
    <d v="2016-12-15T00:00:00"/>
    <x v="0"/>
    <x v="0"/>
    <s v="10828"/>
    <s v="GLNANDA"/>
    <n v="0"/>
    <n v="34"/>
    <s v="Billed Revenues"/>
    <s v="EXV"/>
    <s v="NONBU"/>
    <s v="G0000110"/>
    <s v="N"/>
    <s v="MACSS Dist Billed Revenue-03"/>
    <s v=""/>
    <x v="0"/>
    <s v="CAD0331201"/>
    <s v="S"/>
    <s v="KY"/>
    <s v="REV"/>
    <s v="974"/>
    <s v="GLBATCH"/>
    <n v="12"/>
    <n v="2016"/>
  </r>
  <r>
    <s v="110"/>
    <d v="2016-12-15T00:00:00"/>
    <x v="0"/>
    <x v="0"/>
    <s v="10828"/>
    <s v="GLNANDA"/>
    <n v="-187540.94"/>
    <n v="-1724355"/>
    <s v="Billed Revenues"/>
    <s v="EXV"/>
    <s v="NONBU"/>
    <s v="G0000110"/>
    <s v="N"/>
    <s v="MACSS Dist Billed Revenue-03"/>
    <s v=""/>
    <x v="0"/>
    <s v="CAD0331201"/>
    <s v="S"/>
    <s v="KY"/>
    <s v="REV"/>
    <s v="974"/>
    <s v="GLBATCH"/>
    <n v="12"/>
    <n v="2016"/>
  </r>
  <r>
    <s v="110"/>
    <d v="2016-12-15T00:00:00"/>
    <x v="2"/>
    <x v="0"/>
    <s v="10828"/>
    <s v="GLNANDA"/>
    <n v="0"/>
    <n v="1101"/>
    <s v="Billed Revenues"/>
    <s v="EXV"/>
    <s v="NONBU"/>
    <s v="G0000110"/>
    <s v="N"/>
    <s v="MACSS Dist Billed Revenue-03"/>
    <s v=""/>
    <x v="0"/>
    <s v="CAD0331201"/>
    <s v="S"/>
    <s v="KY"/>
    <s v="REV"/>
    <s v="974"/>
    <s v="GLBATCH"/>
    <n v="12"/>
    <n v="2016"/>
  </r>
  <r>
    <s v="110"/>
    <d v="2016-11-15T00:00:00"/>
    <x v="0"/>
    <x v="0"/>
    <s v="10828"/>
    <s v="GLNANDA"/>
    <n v="-6945484.75"/>
    <n v="-109930182"/>
    <s v="Billed Revenues"/>
    <s v="EXV"/>
    <s v="NONBU"/>
    <s v="G0000110"/>
    <s v="N"/>
    <s v="MACSS Dist Billed Revenue-03"/>
    <s v=""/>
    <x v="0"/>
    <s v="CAD0331201"/>
    <s v="S"/>
    <s v="KY"/>
    <s v="REV"/>
    <s v="974"/>
    <s v="GLBATCH"/>
    <n v="11"/>
    <n v="2016"/>
  </r>
  <r>
    <s v="110"/>
    <d v="2016-11-15T00:00:00"/>
    <x v="2"/>
    <x v="0"/>
    <s v="10828"/>
    <s v="GLNANDA"/>
    <n v="-381.42"/>
    <n v="-1916"/>
    <s v="Billed Revenues"/>
    <s v="EXV"/>
    <s v="NONBU"/>
    <s v="G0000110"/>
    <s v="N"/>
    <s v="MACSS Dist Billed Revenue-03"/>
    <s v=""/>
    <x v="0"/>
    <s v="CAD0331201"/>
    <s v="S"/>
    <s v="KY"/>
    <s v="REV"/>
    <s v="974"/>
    <s v="GLBATCH"/>
    <n v="11"/>
    <n v="2016"/>
  </r>
  <r>
    <s v="110"/>
    <d v="2016-11-15T00:00:00"/>
    <x v="2"/>
    <x v="0"/>
    <s v="10828"/>
    <s v="GLNANDA"/>
    <n v="0"/>
    <n v="11"/>
    <s v="Billed Revenues"/>
    <s v="EXV"/>
    <s v="NONBU"/>
    <s v="G0000110"/>
    <s v="N"/>
    <s v="MACSS Dist Billed Revenue-03"/>
    <s v=""/>
    <x v="0"/>
    <s v="CAD0331201"/>
    <s v="S"/>
    <s v="KY"/>
    <s v="REV"/>
    <s v="974"/>
    <s v="GLBATCH"/>
    <n v="11"/>
    <n v="2016"/>
  </r>
  <r>
    <s v="110"/>
    <d v="2016-11-15T00:00:00"/>
    <x v="0"/>
    <x v="0"/>
    <s v="10828"/>
    <s v="GLNANDA"/>
    <n v="0"/>
    <n v="4"/>
    <s v="Billed Revenues"/>
    <s v="EXV"/>
    <s v="NONBU"/>
    <s v="G0000110"/>
    <s v="N"/>
    <s v="MACSS Dist Billed Revenue-03"/>
    <s v=""/>
    <x v="0"/>
    <s v="CAD0331201"/>
    <s v="S"/>
    <s v="KY"/>
    <s v="REV"/>
    <s v="974"/>
    <s v="GLBATCH"/>
    <n v="11"/>
    <n v="2016"/>
  </r>
  <r>
    <s v="110"/>
    <d v="2016-11-15T00:00:00"/>
    <x v="4"/>
    <x v="0"/>
    <s v="10828"/>
    <s v="GLNANDA"/>
    <n v="0"/>
    <n v="10"/>
    <s v="Billed Revenues"/>
    <s v="EXV"/>
    <s v="NONBU"/>
    <s v="G0000110"/>
    <s v="N"/>
    <s v="MACSS Dist Billed Revenue-03"/>
    <s v=""/>
    <x v="0"/>
    <s v="CAD0331201"/>
    <s v="S"/>
    <s v="KY"/>
    <s v="REV"/>
    <s v="974"/>
    <s v="GLBATCH"/>
    <n v="11"/>
    <n v="2016"/>
  </r>
  <r>
    <s v="110"/>
    <d v="2016-11-15T00:00:00"/>
    <x v="1"/>
    <x v="0"/>
    <s v="10828"/>
    <s v="GLNANDA"/>
    <n v="0"/>
    <n v="8"/>
    <s v="Billed Revenues"/>
    <s v="EXV"/>
    <s v="NONBU"/>
    <s v="G0000110"/>
    <s v="N"/>
    <s v="MACSS Dist Billed Revenue-03"/>
    <s v=""/>
    <x v="0"/>
    <s v="CAD0331201"/>
    <s v="S"/>
    <s v="KY"/>
    <s v="REV"/>
    <s v="974"/>
    <s v="GLBATCH"/>
    <n v="11"/>
    <n v="2016"/>
  </r>
  <r>
    <s v="110"/>
    <d v="2016-11-15T00:00:00"/>
    <x v="3"/>
    <x v="0"/>
    <s v="10828"/>
    <s v="GLNANDA"/>
    <n v="9.5500000000000007"/>
    <n v="0"/>
    <s v="Billed Revenues"/>
    <s v="EXV"/>
    <s v="NONBU"/>
    <s v="G0000110"/>
    <s v="N"/>
    <s v="MACSS Dist Billed Revenue-03"/>
    <s v=""/>
    <x v="0"/>
    <s v="CAD0331201"/>
    <s v="S"/>
    <s v="KY"/>
    <s v="REV"/>
    <s v="974"/>
    <s v="GLBATCH"/>
    <n v="11"/>
    <n v="2016"/>
  </r>
  <r>
    <s v="110"/>
    <d v="2016-11-15T00:00:00"/>
    <x v="4"/>
    <x v="0"/>
    <s v="10828"/>
    <s v="GLNANDA"/>
    <n v="-1248.3499999999999"/>
    <n v="-10175"/>
    <s v="Billed Revenues"/>
    <s v="EXV"/>
    <s v="NONBU"/>
    <s v="G0000110"/>
    <s v="N"/>
    <s v="MACSS Dist Billed Revenue-03"/>
    <s v=""/>
    <x v="0"/>
    <s v="CAD0331201"/>
    <s v="S"/>
    <s v="KY"/>
    <s v="REV"/>
    <s v="974"/>
    <s v="GLBATCH"/>
    <n v="11"/>
    <n v="2016"/>
  </r>
  <r>
    <s v="110"/>
    <d v="2016-11-15T00:00:00"/>
    <x v="1"/>
    <x v="0"/>
    <s v="10828"/>
    <s v="GLNANDA"/>
    <n v="11.21"/>
    <n v="415"/>
    <s v="Billed Revenues"/>
    <s v="EXV"/>
    <s v="NONBU"/>
    <s v="G0000110"/>
    <s v="N"/>
    <s v="MACSS Dist Billed Revenue-03"/>
    <s v=""/>
    <x v="0"/>
    <s v="CAD0331201"/>
    <s v="S"/>
    <s v="KY"/>
    <s v="REV"/>
    <s v="974"/>
    <s v="GLBATCH"/>
    <n v="11"/>
    <n v="2016"/>
  </r>
  <r>
    <s v="110"/>
    <d v="2016-12-15T00:00:00"/>
    <x v="1"/>
    <x v="0"/>
    <s v="10828"/>
    <s v="GLNANDA"/>
    <n v="0"/>
    <n v="3367"/>
    <s v="Billed Revenues"/>
    <s v="EXV"/>
    <s v="NONBU"/>
    <s v="G0000110"/>
    <s v="N"/>
    <s v="MACSS Dist Billed Revenue-03"/>
    <s v=""/>
    <x v="0"/>
    <s v="CAD0331202"/>
    <s v="S"/>
    <s v="KY"/>
    <s v="REV"/>
    <s v="974"/>
    <s v="GLBATCH"/>
    <n v="12"/>
    <n v="2016"/>
  </r>
  <r>
    <s v="110"/>
    <d v="2016-12-15T00:00:00"/>
    <x v="5"/>
    <x v="0"/>
    <s v="10828"/>
    <s v="GLNANDA"/>
    <n v="-199541.92"/>
    <n v="-1863838"/>
    <s v="Billed Revenues"/>
    <s v="EXV"/>
    <s v="NONBU"/>
    <s v="G0000110"/>
    <s v="N"/>
    <s v="MACSS Dist Billed Revenue-03"/>
    <s v=""/>
    <x v="0"/>
    <s v="CAD0331202"/>
    <s v="S"/>
    <s v="KY"/>
    <s v="REV"/>
    <s v="974"/>
    <s v="GLBATCH"/>
    <n v="12"/>
    <n v="2016"/>
  </r>
  <r>
    <s v="110"/>
    <d v="2016-12-15T00:00:00"/>
    <x v="4"/>
    <x v="0"/>
    <s v="10828"/>
    <s v="GLNANDA"/>
    <n v="0"/>
    <n v="3665"/>
    <s v="Billed Revenues"/>
    <s v="EXV"/>
    <s v="NONBU"/>
    <s v="G0000110"/>
    <s v="N"/>
    <s v="MACSS Dist Billed Revenue-03"/>
    <s v=""/>
    <x v="0"/>
    <s v="CAD0331202"/>
    <s v="S"/>
    <s v="KY"/>
    <s v="REV"/>
    <s v="974"/>
    <s v="GLBATCH"/>
    <n v="12"/>
    <n v="2016"/>
  </r>
  <r>
    <s v="110"/>
    <d v="2016-12-15T00:00:00"/>
    <x v="4"/>
    <x v="0"/>
    <s v="10828"/>
    <s v="GLNANDA"/>
    <n v="-624821.32999999996"/>
    <n v="-4973603"/>
    <s v="Billed Revenues"/>
    <s v="EXV"/>
    <s v="NONBU"/>
    <s v="G0000110"/>
    <s v="N"/>
    <s v="MACSS Dist Billed Revenue-03"/>
    <s v=""/>
    <x v="0"/>
    <s v="CAD0331202"/>
    <s v="S"/>
    <s v="KY"/>
    <s v="REV"/>
    <s v="974"/>
    <s v="GLBATCH"/>
    <n v="12"/>
    <n v="2016"/>
  </r>
  <r>
    <s v="110"/>
    <d v="2016-12-15T00:00:00"/>
    <x v="0"/>
    <x v="0"/>
    <s v="10828"/>
    <s v="GLNANDA"/>
    <n v="0"/>
    <n v="33"/>
    <s v="Billed Revenues"/>
    <s v="EXV"/>
    <s v="NONBU"/>
    <s v="G0000110"/>
    <s v="N"/>
    <s v="MACSS Dist Billed Revenue-03"/>
    <s v=""/>
    <x v="0"/>
    <s v="CAD0331202"/>
    <s v="S"/>
    <s v="KY"/>
    <s v="REV"/>
    <s v="974"/>
    <s v="GLBATCH"/>
    <n v="12"/>
    <n v="2016"/>
  </r>
  <r>
    <s v="110"/>
    <d v="2016-12-15T00:00:00"/>
    <x v="0"/>
    <x v="0"/>
    <s v="10828"/>
    <s v="GLNANDA"/>
    <n v="-96423.21"/>
    <n v="-866353"/>
    <s v="Billed Revenues"/>
    <s v="EXV"/>
    <s v="NONBU"/>
    <s v="G0000110"/>
    <s v="N"/>
    <s v="MACSS Dist Billed Revenue-03"/>
    <s v=""/>
    <x v="0"/>
    <s v="CAD0331202"/>
    <s v="S"/>
    <s v="KY"/>
    <s v="REV"/>
    <s v="974"/>
    <s v="GLBATCH"/>
    <n v="12"/>
    <n v="2016"/>
  </r>
  <r>
    <s v="110"/>
    <d v="2016-12-15T00:00:00"/>
    <x v="2"/>
    <x v="0"/>
    <s v="10828"/>
    <s v="GLNANDA"/>
    <n v="0"/>
    <n v="1346"/>
    <s v="Billed Revenues"/>
    <s v="EXV"/>
    <s v="NONBU"/>
    <s v="G0000110"/>
    <s v="N"/>
    <s v="MACSS Dist Billed Revenue-03"/>
    <s v=""/>
    <x v="0"/>
    <s v="CAD0331202"/>
    <s v="S"/>
    <s v="KY"/>
    <s v="REV"/>
    <s v="974"/>
    <s v="GLBATCH"/>
    <n v="12"/>
    <n v="2016"/>
  </r>
  <r>
    <s v="110"/>
    <d v="2016-12-15T00:00:00"/>
    <x v="2"/>
    <x v="0"/>
    <s v="10828"/>
    <s v="GLNANDA"/>
    <n v="-606776.38"/>
    <n v="-4875506"/>
    <s v="Billed Revenues"/>
    <s v="EXV"/>
    <s v="NONBU"/>
    <s v="G0000110"/>
    <s v="N"/>
    <s v="MACSS Dist Billed Revenue-03"/>
    <s v=""/>
    <x v="0"/>
    <s v="CAD0331202"/>
    <s v="S"/>
    <s v="KY"/>
    <s v="REV"/>
    <s v="974"/>
    <s v="GLBATCH"/>
    <n v="12"/>
    <n v="2016"/>
  </r>
  <r>
    <s v="110"/>
    <d v="2016-12-15T00:00:00"/>
    <x v="7"/>
    <x v="0"/>
    <s v="10828"/>
    <s v="GLNANDA"/>
    <n v="0"/>
    <n v="40"/>
    <s v="Billed Revenues"/>
    <s v="EXV"/>
    <s v="NONBU"/>
    <s v="G0000110"/>
    <s v="N"/>
    <s v="MACSS Dist Billed Revenue-03"/>
    <s v=""/>
    <x v="0"/>
    <s v="CAD0331202"/>
    <s v="S"/>
    <s v="KY"/>
    <s v="REV"/>
    <s v="974"/>
    <s v="GLBATCH"/>
    <n v="12"/>
    <n v="2016"/>
  </r>
  <r>
    <s v="110"/>
    <d v="2016-12-15T00:00:00"/>
    <x v="7"/>
    <x v="0"/>
    <s v="10828"/>
    <s v="GLNANDA"/>
    <n v="-66308.19"/>
    <n v="-501171"/>
    <s v="Billed Revenues"/>
    <s v="EXV"/>
    <s v="NONBU"/>
    <s v="G0000110"/>
    <s v="N"/>
    <s v="MACSS Dist Billed Revenue-03"/>
    <s v=""/>
    <x v="0"/>
    <s v="CAD0331202"/>
    <s v="S"/>
    <s v="KY"/>
    <s v="REV"/>
    <s v="974"/>
    <s v="GLBATCH"/>
    <n v="12"/>
    <n v="2016"/>
  </r>
  <r>
    <s v="110"/>
    <d v="2016-12-15T00:00:00"/>
    <x v="3"/>
    <x v="0"/>
    <s v="10828"/>
    <s v="GLNANDA"/>
    <n v="0"/>
    <n v="13"/>
    <s v="Billed Revenues"/>
    <s v="EXV"/>
    <s v="NONBU"/>
    <s v="G0000110"/>
    <s v="N"/>
    <s v="MACSS Dist Billed Revenue-03"/>
    <s v=""/>
    <x v="0"/>
    <s v="CAD0331202"/>
    <s v="S"/>
    <s v="KY"/>
    <s v="REV"/>
    <s v="974"/>
    <s v="GLBATCH"/>
    <n v="12"/>
    <n v="2016"/>
  </r>
  <r>
    <s v="110"/>
    <d v="2016-12-15T00:00:00"/>
    <x v="3"/>
    <x v="0"/>
    <s v="10828"/>
    <s v="GLNANDA"/>
    <n v="-11720.33"/>
    <n v="-63049"/>
    <s v="Billed Revenues"/>
    <s v="EXV"/>
    <s v="NONBU"/>
    <s v="G0000110"/>
    <s v="N"/>
    <s v="MACSS Dist Billed Revenue-03"/>
    <s v=""/>
    <x v="0"/>
    <s v="CAD0331202"/>
    <s v="S"/>
    <s v="KY"/>
    <s v="REV"/>
    <s v="974"/>
    <s v="GLBATCH"/>
    <n v="12"/>
    <n v="2016"/>
  </r>
  <r>
    <s v="110"/>
    <d v="2016-12-15T00:00:00"/>
    <x v="6"/>
    <x v="0"/>
    <s v="10828"/>
    <s v="GLNANDA"/>
    <n v="0"/>
    <n v="20"/>
    <s v="Billed Revenues"/>
    <s v="EXV"/>
    <s v="NONBU"/>
    <s v="G0000110"/>
    <s v="N"/>
    <s v="MACSS Dist Billed Revenue-03"/>
    <s v=""/>
    <x v="0"/>
    <s v="CAD0331202"/>
    <s v="S"/>
    <s v="KY"/>
    <s v="REV"/>
    <s v="974"/>
    <s v="GLBATCH"/>
    <n v="12"/>
    <n v="2016"/>
  </r>
  <r>
    <s v="110"/>
    <d v="2016-12-15T00:00:00"/>
    <x v="6"/>
    <x v="0"/>
    <s v="10828"/>
    <s v="GLNANDA"/>
    <n v="-812.44"/>
    <n v="-2098"/>
    <s v="Billed Revenues"/>
    <s v="EXV"/>
    <s v="NONBU"/>
    <s v="G0000110"/>
    <s v="N"/>
    <s v="MACSS Dist Billed Revenue-03"/>
    <s v=""/>
    <x v="0"/>
    <s v="CAD0331202"/>
    <s v="S"/>
    <s v="KY"/>
    <s v="REV"/>
    <s v="974"/>
    <s v="GLBATCH"/>
    <n v="12"/>
    <n v="2016"/>
  </r>
  <r>
    <s v="110"/>
    <d v="2016-12-15T00:00:00"/>
    <x v="5"/>
    <x v="0"/>
    <s v="10828"/>
    <s v="GLNANDA"/>
    <n v="0"/>
    <n v="161"/>
    <s v="Billed Revenues"/>
    <s v="EXV"/>
    <s v="NONBU"/>
    <s v="G0000110"/>
    <s v="N"/>
    <s v="MACSS Dist Billed Revenue-03"/>
    <s v=""/>
    <x v="0"/>
    <s v="CAD0331202"/>
    <s v="S"/>
    <s v="KY"/>
    <s v="REV"/>
    <s v="974"/>
    <s v="GLBATCH"/>
    <n v="12"/>
    <n v="2016"/>
  </r>
  <r>
    <s v="110"/>
    <d v="2016-12-15T00:00:00"/>
    <x v="1"/>
    <x v="0"/>
    <s v="10828"/>
    <s v="GLNANDA"/>
    <n v="-391946.91"/>
    <n v="-2993484"/>
    <s v="Billed Revenues"/>
    <s v="EXV"/>
    <s v="NONBU"/>
    <s v="G0000110"/>
    <s v="N"/>
    <s v="MACSS Dist Billed Revenue-03"/>
    <s v=""/>
    <x v="0"/>
    <s v="CAD0331202"/>
    <s v="S"/>
    <s v="KY"/>
    <s v="REV"/>
    <s v="974"/>
    <s v="GLBATCH"/>
    <n v="12"/>
    <n v="2016"/>
  </r>
  <r>
    <s v="110"/>
    <d v="2016-12-15T00:00:00"/>
    <x v="4"/>
    <x v="0"/>
    <s v="10828"/>
    <s v="GLNANDA"/>
    <n v="0"/>
    <n v="4014"/>
    <s v="Billed Revenues"/>
    <s v="EXV"/>
    <s v="NONBU"/>
    <s v="G0000110"/>
    <s v="N"/>
    <s v="MACSS Dist Billed Revenue-03"/>
    <s v=""/>
    <x v="0"/>
    <s v="CAD0331205"/>
    <s v="S"/>
    <s v="KY"/>
    <s v="REV"/>
    <s v="974"/>
    <s v="GLBATCH"/>
    <n v="12"/>
    <n v="2016"/>
  </r>
  <r>
    <s v="110"/>
    <d v="2016-12-15T00:00:00"/>
    <x v="7"/>
    <x v="0"/>
    <s v="10828"/>
    <s v="GLNANDA"/>
    <n v="-130231.75"/>
    <n v="-1004969"/>
    <s v="Billed Revenues"/>
    <s v="EXV"/>
    <s v="NONBU"/>
    <s v="G0000110"/>
    <s v="N"/>
    <s v="MACSS Dist Billed Revenue-03"/>
    <s v=""/>
    <x v="0"/>
    <s v="CAD0331205"/>
    <s v="S"/>
    <s v="KY"/>
    <s v="REV"/>
    <s v="974"/>
    <s v="GLBATCH"/>
    <n v="12"/>
    <n v="2016"/>
  </r>
  <r>
    <s v="110"/>
    <d v="2016-12-15T00:00:00"/>
    <x v="2"/>
    <x v="0"/>
    <s v="10828"/>
    <s v="GLNANDA"/>
    <n v="0"/>
    <n v="1277"/>
    <s v="Billed Revenues"/>
    <s v="EXV"/>
    <s v="NONBU"/>
    <s v="G0000110"/>
    <s v="N"/>
    <s v="MACSS Dist Billed Revenue-03"/>
    <s v=""/>
    <x v="0"/>
    <s v="CAD0331205"/>
    <s v="S"/>
    <s v="KY"/>
    <s v="REV"/>
    <s v="974"/>
    <s v="GLBATCH"/>
    <n v="12"/>
    <n v="2016"/>
  </r>
  <r>
    <s v="110"/>
    <d v="2016-12-15T00:00:00"/>
    <x v="2"/>
    <x v="0"/>
    <s v="10828"/>
    <s v="GLNANDA"/>
    <n v="-423374.13"/>
    <n v="-3125628"/>
    <s v="Billed Revenues"/>
    <s v="EXV"/>
    <s v="NONBU"/>
    <s v="G0000110"/>
    <s v="N"/>
    <s v="MACSS Dist Billed Revenue-03"/>
    <s v=""/>
    <x v="0"/>
    <s v="CAD0331205"/>
    <s v="S"/>
    <s v="KY"/>
    <s v="REV"/>
    <s v="974"/>
    <s v="GLBATCH"/>
    <n v="12"/>
    <n v="2016"/>
  </r>
  <r>
    <s v="110"/>
    <d v="2016-12-15T00:00:00"/>
    <x v="1"/>
    <x v="0"/>
    <s v="10828"/>
    <s v="GLNANDA"/>
    <n v="0"/>
    <n v="3323"/>
    <s v="Billed Revenues"/>
    <s v="EXV"/>
    <s v="NONBU"/>
    <s v="G0000110"/>
    <s v="N"/>
    <s v="MACSS Dist Billed Revenue-03"/>
    <s v=""/>
    <x v="0"/>
    <s v="CAD0331205"/>
    <s v="S"/>
    <s v="KY"/>
    <s v="REV"/>
    <s v="974"/>
    <s v="GLBATCH"/>
    <n v="12"/>
    <n v="2016"/>
  </r>
  <r>
    <s v="110"/>
    <d v="2016-12-15T00:00:00"/>
    <x v="1"/>
    <x v="0"/>
    <s v="10828"/>
    <s v="GLNANDA"/>
    <n v="-396520.49"/>
    <n v="-3033826"/>
    <s v="Billed Revenues"/>
    <s v="EXV"/>
    <s v="NONBU"/>
    <s v="G0000110"/>
    <s v="N"/>
    <s v="MACSS Dist Billed Revenue-03"/>
    <s v=""/>
    <x v="0"/>
    <s v="CAD0331205"/>
    <s v="S"/>
    <s v="KY"/>
    <s v="REV"/>
    <s v="974"/>
    <s v="GLBATCH"/>
    <n v="12"/>
    <n v="2016"/>
  </r>
  <r>
    <s v="110"/>
    <d v="2016-12-15T00:00:00"/>
    <x v="3"/>
    <x v="0"/>
    <s v="10828"/>
    <s v="GLNANDA"/>
    <n v="0"/>
    <n v="3"/>
    <s v="Billed Revenues"/>
    <s v="EXV"/>
    <s v="NONBU"/>
    <s v="G0000110"/>
    <s v="N"/>
    <s v="MACSS Dist Billed Revenue-03"/>
    <s v=""/>
    <x v="0"/>
    <s v="CAD0331205"/>
    <s v="S"/>
    <s v="KY"/>
    <s v="REV"/>
    <s v="974"/>
    <s v="GLBATCH"/>
    <n v="12"/>
    <n v="2016"/>
  </r>
  <r>
    <s v="110"/>
    <d v="2016-12-15T00:00:00"/>
    <x v="3"/>
    <x v="0"/>
    <s v="10828"/>
    <s v="GLNANDA"/>
    <n v="-492.2"/>
    <n v="-3448"/>
    <s v="Billed Revenues"/>
    <s v="EXV"/>
    <s v="NONBU"/>
    <s v="G0000110"/>
    <s v="N"/>
    <s v="MACSS Dist Billed Revenue-03"/>
    <s v=""/>
    <x v="0"/>
    <s v="CAD0331205"/>
    <s v="S"/>
    <s v="KY"/>
    <s v="REV"/>
    <s v="974"/>
    <s v="GLBATCH"/>
    <n v="12"/>
    <n v="2016"/>
  </r>
  <r>
    <s v="110"/>
    <d v="2016-12-15T00:00:00"/>
    <x v="0"/>
    <x v="0"/>
    <s v="10828"/>
    <s v="GLNANDA"/>
    <n v="0"/>
    <n v="24"/>
    <s v="Billed Revenues"/>
    <s v="EXV"/>
    <s v="NONBU"/>
    <s v="G0000110"/>
    <s v="N"/>
    <s v="MACSS Dist Billed Revenue-03"/>
    <s v=""/>
    <x v="0"/>
    <s v="CAD0331205"/>
    <s v="S"/>
    <s v="KY"/>
    <s v="REV"/>
    <s v="974"/>
    <s v="GLBATCH"/>
    <n v="12"/>
    <n v="2016"/>
  </r>
  <r>
    <s v="110"/>
    <d v="2016-12-15T00:00:00"/>
    <x v="0"/>
    <x v="0"/>
    <s v="10828"/>
    <s v="GLNANDA"/>
    <n v="-107980.16"/>
    <n v="-1291021"/>
    <s v="Billed Revenues"/>
    <s v="EXV"/>
    <s v="NONBU"/>
    <s v="G0000110"/>
    <s v="N"/>
    <s v="MACSS Dist Billed Revenue-03"/>
    <s v=""/>
    <x v="0"/>
    <s v="CAD0331205"/>
    <s v="S"/>
    <s v="KY"/>
    <s v="REV"/>
    <s v="974"/>
    <s v="GLBATCH"/>
    <n v="12"/>
    <n v="2016"/>
  </r>
  <r>
    <s v="110"/>
    <d v="2016-12-15T00:00:00"/>
    <x v="6"/>
    <x v="0"/>
    <s v="10828"/>
    <s v="GLNANDA"/>
    <n v="0"/>
    <n v="18"/>
    <s v="Billed Revenues"/>
    <s v="EXV"/>
    <s v="NONBU"/>
    <s v="G0000110"/>
    <s v="N"/>
    <s v="MACSS Dist Billed Revenue-03"/>
    <s v=""/>
    <x v="0"/>
    <s v="CAD0331205"/>
    <s v="S"/>
    <s v="KY"/>
    <s v="REV"/>
    <s v="974"/>
    <s v="GLBATCH"/>
    <n v="12"/>
    <n v="2016"/>
  </r>
  <r>
    <s v="110"/>
    <d v="2016-12-15T00:00:00"/>
    <x v="6"/>
    <x v="0"/>
    <s v="10828"/>
    <s v="GLNANDA"/>
    <n v="-2838.42"/>
    <n v="-20026"/>
    <s v="Billed Revenues"/>
    <s v="EXV"/>
    <s v="NONBU"/>
    <s v="G0000110"/>
    <s v="N"/>
    <s v="MACSS Dist Billed Revenue-03"/>
    <s v=""/>
    <x v="0"/>
    <s v="CAD0331205"/>
    <s v="S"/>
    <s v="KY"/>
    <s v="REV"/>
    <s v="974"/>
    <s v="GLBATCH"/>
    <n v="12"/>
    <n v="2016"/>
  </r>
  <r>
    <s v="110"/>
    <d v="2016-12-15T00:00:00"/>
    <x v="5"/>
    <x v="0"/>
    <s v="10828"/>
    <s v="GLNANDA"/>
    <n v="0"/>
    <n v="230"/>
    <s v="Billed Revenues"/>
    <s v="EXV"/>
    <s v="NONBU"/>
    <s v="G0000110"/>
    <s v="N"/>
    <s v="MACSS Dist Billed Revenue-03"/>
    <s v=""/>
    <x v="0"/>
    <s v="CAD0331205"/>
    <s v="S"/>
    <s v="KY"/>
    <s v="REV"/>
    <s v="974"/>
    <s v="GLBATCH"/>
    <n v="12"/>
    <n v="2016"/>
  </r>
  <r>
    <s v="110"/>
    <d v="2016-12-15T00:00:00"/>
    <x v="5"/>
    <x v="0"/>
    <s v="10828"/>
    <s v="GLNANDA"/>
    <n v="-110408.15"/>
    <n v="-825889"/>
    <s v="Billed Revenues"/>
    <s v="EXV"/>
    <s v="NONBU"/>
    <s v="G0000110"/>
    <s v="N"/>
    <s v="MACSS Dist Billed Revenue-03"/>
    <s v=""/>
    <x v="0"/>
    <s v="CAD0331205"/>
    <s v="S"/>
    <s v="KY"/>
    <s v="REV"/>
    <s v="974"/>
    <s v="GLBATCH"/>
    <n v="12"/>
    <n v="2016"/>
  </r>
  <r>
    <s v="110"/>
    <d v="2016-12-15T00:00:00"/>
    <x v="7"/>
    <x v="0"/>
    <s v="10828"/>
    <s v="GLNANDA"/>
    <n v="0"/>
    <n v="52"/>
    <s v="Billed Revenues"/>
    <s v="EXV"/>
    <s v="NONBU"/>
    <s v="G0000110"/>
    <s v="N"/>
    <s v="MACSS Dist Billed Revenue-03"/>
    <s v=""/>
    <x v="0"/>
    <s v="CAD0331205"/>
    <s v="S"/>
    <s v="KY"/>
    <s v="REV"/>
    <s v="974"/>
    <s v="GLBATCH"/>
    <n v="12"/>
    <n v="2016"/>
  </r>
  <r>
    <s v="110"/>
    <d v="2016-12-15T00:00:00"/>
    <x v="4"/>
    <x v="0"/>
    <s v="10828"/>
    <s v="GLNANDA"/>
    <n v="-741872.72"/>
    <n v="-5936168"/>
    <s v="Billed Revenues"/>
    <s v="EXV"/>
    <s v="NONBU"/>
    <s v="G0000110"/>
    <s v="N"/>
    <s v="MACSS Dist Billed Revenue-03"/>
    <s v=""/>
    <x v="0"/>
    <s v="CAD0331205"/>
    <s v="S"/>
    <s v="KY"/>
    <s v="REV"/>
    <s v="974"/>
    <s v="GLBATCH"/>
    <n v="12"/>
    <n v="2016"/>
  </r>
  <r>
    <s v="110"/>
    <d v="2016-12-15T00:00:00"/>
    <x v="1"/>
    <x v="0"/>
    <s v="10828"/>
    <s v="GLNANDA"/>
    <n v="-392471.45"/>
    <n v="-3032256"/>
    <s v="Billed Revenues"/>
    <s v="EXV"/>
    <s v="NONBU"/>
    <s v="G0000110"/>
    <s v="N"/>
    <s v="MACSS Dist Billed Revenue-03"/>
    <s v=""/>
    <x v="0"/>
    <s v="CAD0331206"/>
    <s v="S"/>
    <s v="KY"/>
    <s v="REV"/>
    <s v="974"/>
    <s v="GLBATCH"/>
    <n v="12"/>
    <n v="2016"/>
  </r>
  <r>
    <s v="110"/>
    <d v="2016-12-15T00:00:00"/>
    <x v="5"/>
    <x v="0"/>
    <s v="10828"/>
    <s v="GLNANDA"/>
    <n v="-83066.14"/>
    <n v="-632201"/>
    <s v="Billed Revenues"/>
    <s v="EXV"/>
    <s v="NONBU"/>
    <s v="G0000110"/>
    <s v="N"/>
    <s v="MACSS Dist Billed Revenue-03"/>
    <s v=""/>
    <x v="0"/>
    <s v="CAD0331206"/>
    <s v="S"/>
    <s v="KY"/>
    <s v="REV"/>
    <s v="974"/>
    <s v="GLBATCH"/>
    <n v="12"/>
    <n v="2016"/>
  </r>
  <r>
    <s v="110"/>
    <d v="2016-12-15T00:00:00"/>
    <x v="4"/>
    <x v="0"/>
    <s v="10828"/>
    <s v="GLNANDA"/>
    <n v="-809909.34"/>
    <n v="-6533252"/>
    <s v="Billed Revenues"/>
    <s v="EXV"/>
    <s v="NONBU"/>
    <s v="G0000110"/>
    <s v="N"/>
    <s v="MACSS Dist Billed Revenue-03"/>
    <s v=""/>
    <x v="0"/>
    <s v="CAD0331206"/>
    <s v="S"/>
    <s v="KY"/>
    <s v="REV"/>
    <s v="974"/>
    <s v="GLBATCH"/>
    <n v="12"/>
    <n v="2016"/>
  </r>
  <r>
    <s v="110"/>
    <d v="2016-12-15T00:00:00"/>
    <x v="0"/>
    <x v="0"/>
    <s v="10828"/>
    <s v="GLNANDA"/>
    <n v="-30650.22"/>
    <n v="-211039"/>
    <s v="Billed Revenues"/>
    <s v="EXV"/>
    <s v="NONBU"/>
    <s v="G0000110"/>
    <s v="N"/>
    <s v="MACSS Dist Billed Revenue-03"/>
    <s v=""/>
    <x v="0"/>
    <s v="CAD0331206"/>
    <s v="S"/>
    <s v="KY"/>
    <s v="REV"/>
    <s v="974"/>
    <s v="GLBATCH"/>
    <n v="12"/>
    <n v="2016"/>
  </r>
  <r>
    <s v="110"/>
    <d v="2016-12-15T00:00:00"/>
    <x v="2"/>
    <x v="0"/>
    <s v="10828"/>
    <s v="GLNANDA"/>
    <n v="0"/>
    <n v="1245"/>
    <s v="Billed Revenues"/>
    <s v="EXV"/>
    <s v="NONBU"/>
    <s v="G0000110"/>
    <s v="N"/>
    <s v="MACSS Dist Billed Revenue-03"/>
    <s v=""/>
    <x v="0"/>
    <s v="CAD0331206"/>
    <s v="S"/>
    <s v="KY"/>
    <s v="REV"/>
    <s v="974"/>
    <s v="GLBATCH"/>
    <n v="12"/>
    <n v="2016"/>
  </r>
  <r>
    <s v="110"/>
    <d v="2016-12-15T00:00:00"/>
    <x v="2"/>
    <x v="0"/>
    <s v="10828"/>
    <s v="GLNANDA"/>
    <n v="-520768.11"/>
    <n v="-3915755"/>
    <s v="Billed Revenues"/>
    <s v="EXV"/>
    <s v="NONBU"/>
    <s v="G0000110"/>
    <s v="N"/>
    <s v="MACSS Dist Billed Revenue-03"/>
    <s v=""/>
    <x v="0"/>
    <s v="CAD0331206"/>
    <s v="S"/>
    <s v="KY"/>
    <s v="REV"/>
    <s v="974"/>
    <s v="GLBATCH"/>
    <n v="12"/>
    <n v="2016"/>
  </r>
  <r>
    <s v="110"/>
    <d v="2016-12-15T00:00:00"/>
    <x v="1"/>
    <x v="0"/>
    <s v="10828"/>
    <s v="GLNANDA"/>
    <n v="0"/>
    <n v="2971"/>
    <s v="Billed Revenues"/>
    <s v="EXV"/>
    <s v="NONBU"/>
    <s v="G0000110"/>
    <s v="N"/>
    <s v="MACSS Dist Billed Revenue-03"/>
    <s v=""/>
    <x v="0"/>
    <s v="CAD0331206"/>
    <s v="S"/>
    <s v="KY"/>
    <s v="REV"/>
    <s v="974"/>
    <s v="GLBATCH"/>
    <n v="12"/>
    <n v="2016"/>
  </r>
  <r>
    <s v="110"/>
    <d v="2016-12-15T00:00:00"/>
    <x v="7"/>
    <x v="0"/>
    <s v="10828"/>
    <s v="GLNANDA"/>
    <n v="0"/>
    <n v="40"/>
    <s v="Billed Revenues"/>
    <s v="EXV"/>
    <s v="NONBU"/>
    <s v="G0000110"/>
    <s v="N"/>
    <s v="MACSS Dist Billed Revenue-03"/>
    <s v=""/>
    <x v="0"/>
    <s v="CAD0331206"/>
    <s v="S"/>
    <s v="KY"/>
    <s v="REV"/>
    <s v="974"/>
    <s v="GLBATCH"/>
    <n v="12"/>
    <n v="2016"/>
  </r>
  <r>
    <s v="110"/>
    <d v="2016-12-15T00:00:00"/>
    <x v="7"/>
    <x v="0"/>
    <s v="10828"/>
    <s v="GLNANDA"/>
    <n v="-97975.63"/>
    <n v="-781523"/>
    <s v="Billed Revenues"/>
    <s v="EXV"/>
    <s v="NONBU"/>
    <s v="G0000110"/>
    <s v="N"/>
    <s v="MACSS Dist Billed Revenue-03"/>
    <s v=""/>
    <x v="0"/>
    <s v="CAD0331206"/>
    <s v="S"/>
    <s v="KY"/>
    <s v="REV"/>
    <s v="974"/>
    <s v="GLBATCH"/>
    <n v="12"/>
    <n v="2016"/>
  </r>
  <r>
    <s v="110"/>
    <d v="2016-12-15T00:00:00"/>
    <x v="3"/>
    <x v="0"/>
    <s v="10828"/>
    <s v="GLNANDA"/>
    <n v="0"/>
    <n v="3"/>
    <s v="Billed Revenues"/>
    <s v="EXV"/>
    <s v="NONBU"/>
    <s v="G0000110"/>
    <s v="N"/>
    <s v="MACSS Dist Billed Revenue-03"/>
    <s v=""/>
    <x v="0"/>
    <s v="CAD0331206"/>
    <s v="S"/>
    <s v="KY"/>
    <s v="REV"/>
    <s v="974"/>
    <s v="GLBATCH"/>
    <n v="12"/>
    <n v="2016"/>
  </r>
  <r>
    <s v="110"/>
    <d v="2016-12-15T00:00:00"/>
    <x v="3"/>
    <x v="0"/>
    <s v="10828"/>
    <s v="GLNANDA"/>
    <n v="-15331.07"/>
    <n v="-144675"/>
    <s v="Billed Revenues"/>
    <s v="EXV"/>
    <s v="NONBU"/>
    <s v="G0000110"/>
    <s v="N"/>
    <s v="MACSS Dist Billed Revenue-03"/>
    <s v=""/>
    <x v="0"/>
    <s v="CAD0331206"/>
    <s v="S"/>
    <s v="KY"/>
    <s v="REV"/>
    <s v="974"/>
    <s v="GLBATCH"/>
    <n v="12"/>
    <n v="2016"/>
  </r>
  <r>
    <s v="110"/>
    <d v="2016-12-15T00:00:00"/>
    <x v="0"/>
    <x v="0"/>
    <s v="10828"/>
    <s v="GLNANDA"/>
    <n v="0"/>
    <n v="37"/>
    <s v="Billed Revenues"/>
    <s v="EXV"/>
    <s v="NONBU"/>
    <s v="G0000110"/>
    <s v="N"/>
    <s v="MACSS Dist Billed Revenue-03"/>
    <s v=""/>
    <x v="0"/>
    <s v="CAD0331206"/>
    <s v="S"/>
    <s v="KY"/>
    <s v="REV"/>
    <s v="974"/>
    <s v="GLBATCH"/>
    <n v="12"/>
    <n v="2016"/>
  </r>
  <r>
    <s v="110"/>
    <d v="2016-12-15T00:00:00"/>
    <x v="6"/>
    <x v="0"/>
    <s v="10828"/>
    <s v="GLNANDA"/>
    <n v="0"/>
    <n v="23"/>
    <s v="Billed Revenues"/>
    <s v="EXV"/>
    <s v="NONBU"/>
    <s v="G0000110"/>
    <s v="N"/>
    <s v="MACSS Dist Billed Revenue-03"/>
    <s v=""/>
    <x v="0"/>
    <s v="CAD0331206"/>
    <s v="S"/>
    <s v="KY"/>
    <s v="REV"/>
    <s v="974"/>
    <s v="GLBATCH"/>
    <n v="12"/>
    <n v="2016"/>
  </r>
  <r>
    <s v="110"/>
    <d v="2016-12-15T00:00:00"/>
    <x v="6"/>
    <x v="0"/>
    <s v="10828"/>
    <s v="GLNANDA"/>
    <n v="-1166.3"/>
    <n v="-4558"/>
    <s v="Billed Revenues"/>
    <s v="EXV"/>
    <s v="NONBU"/>
    <s v="G0000110"/>
    <s v="N"/>
    <s v="MACSS Dist Billed Revenue-03"/>
    <s v=""/>
    <x v="0"/>
    <s v="CAD0331206"/>
    <s v="S"/>
    <s v="KY"/>
    <s v="REV"/>
    <s v="974"/>
    <s v="GLBATCH"/>
    <n v="12"/>
    <n v="2016"/>
  </r>
  <r>
    <s v="110"/>
    <d v="2016-12-15T00:00:00"/>
    <x v="5"/>
    <x v="0"/>
    <s v="10828"/>
    <s v="GLNANDA"/>
    <n v="0"/>
    <n v="127"/>
    <s v="Billed Revenues"/>
    <s v="EXV"/>
    <s v="NONBU"/>
    <s v="G0000110"/>
    <s v="N"/>
    <s v="MACSS Dist Billed Revenue-03"/>
    <s v=""/>
    <x v="0"/>
    <s v="CAD0331206"/>
    <s v="S"/>
    <s v="KY"/>
    <s v="REV"/>
    <s v="974"/>
    <s v="GLBATCH"/>
    <n v="12"/>
    <n v="2016"/>
  </r>
  <r>
    <s v="110"/>
    <d v="2016-12-15T00:00:00"/>
    <x v="4"/>
    <x v="0"/>
    <s v="10828"/>
    <s v="GLNANDA"/>
    <n v="0"/>
    <n v="3935"/>
    <s v="Billed Revenues"/>
    <s v="EXV"/>
    <s v="NONBU"/>
    <s v="G0000110"/>
    <s v="N"/>
    <s v="MACSS Dist Billed Revenue-03"/>
    <s v=""/>
    <x v="0"/>
    <s v="CAD0331206"/>
    <s v="S"/>
    <s v="KY"/>
    <s v="REV"/>
    <s v="974"/>
    <s v="GLBATCH"/>
    <n v="12"/>
    <n v="2016"/>
  </r>
  <r>
    <s v="110"/>
    <d v="2016-12-15T00:00:00"/>
    <x v="1"/>
    <x v="0"/>
    <s v="10828"/>
    <s v="GLNANDA"/>
    <n v="0"/>
    <n v="2618"/>
    <s v="Billed Revenues"/>
    <s v="EXV"/>
    <s v="NONBU"/>
    <s v="G0000110"/>
    <s v="N"/>
    <s v="MACSS Dist Billed Revenue-03"/>
    <s v=""/>
    <x v="0"/>
    <s v="CAD0331207"/>
    <s v="S"/>
    <s v="KY"/>
    <s v="REV"/>
    <s v="974"/>
    <s v="GLBATCH"/>
    <n v="12"/>
    <n v="2016"/>
  </r>
  <r>
    <s v="110"/>
    <d v="2016-12-15T00:00:00"/>
    <x v="1"/>
    <x v="0"/>
    <s v="10828"/>
    <s v="GLNANDA"/>
    <n v="-329964.84999999998"/>
    <n v="-2530562"/>
    <s v="Billed Revenues"/>
    <s v="EXV"/>
    <s v="NONBU"/>
    <s v="G0000110"/>
    <s v="N"/>
    <s v="MACSS Dist Billed Revenue-03"/>
    <s v=""/>
    <x v="0"/>
    <s v="CAD0331207"/>
    <s v="S"/>
    <s v="KY"/>
    <s v="REV"/>
    <s v="974"/>
    <s v="GLBATCH"/>
    <n v="12"/>
    <n v="2016"/>
  </r>
  <r>
    <s v="110"/>
    <d v="2016-12-15T00:00:00"/>
    <x v="4"/>
    <x v="0"/>
    <s v="10828"/>
    <s v="GLNANDA"/>
    <n v="0"/>
    <n v="3796"/>
    <s v="Billed Revenues"/>
    <s v="EXV"/>
    <s v="NONBU"/>
    <s v="G0000110"/>
    <s v="N"/>
    <s v="MACSS Dist Billed Revenue-03"/>
    <s v=""/>
    <x v="0"/>
    <s v="CAD0331207"/>
    <s v="S"/>
    <s v="KY"/>
    <s v="REV"/>
    <s v="974"/>
    <s v="GLBATCH"/>
    <n v="12"/>
    <n v="2016"/>
  </r>
  <r>
    <s v="110"/>
    <d v="2016-12-15T00:00:00"/>
    <x v="4"/>
    <x v="0"/>
    <s v="10828"/>
    <s v="GLNANDA"/>
    <n v="-797928.23"/>
    <n v="-6439762"/>
    <s v="Billed Revenues"/>
    <s v="EXV"/>
    <s v="NONBU"/>
    <s v="G0000110"/>
    <s v="N"/>
    <s v="MACSS Dist Billed Revenue-03"/>
    <s v=""/>
    <x v="0"/>
    <s v="CAD0331207"/>
    <s v="S"/>
    <s v="KY"/>
    <s v="REV"/>
    <s v="974"/>
    <s v="GLBATCH"/>
    <n v="12"/>
    <n v="2016"/>
  </r>
  <r>
    <s v="110"/>
    <d v="2016-12-15T00:00:00"/>
    <x v="0"/>
    <x v="0"/>
    <s v="10828"/>
    <s v="GLNANDA"/>
    <n v="0"/>
    <n v="32"/>
    <s v="Billed Revenues"/>
    <s v="EXV"/>
    <s v="NONBU"/>
    <s v="G0000110"/>
    <s v="N"/>
    <s v="MACSS Dist Billed Revenue-03"/>
    <s v=""/>
    <x v="0"/>
    <s v="CAD0331207"/>
    <s v="S"/>
    <s v="KY"/>
    <s v="REV"/>
    <s v="974"/>
    <s v="GLBATCH"/>
    <n v="12"/>
    <n v="2016"/>
  </r>
  <r>
    <s v="110"/>
    <d v="2016-12-15T00:00:00"/>
    <x v="0"/>
    <x v="0"/>
    <s v="10828"/>
    <s v="GLNANDA"/>
    <n v="-493380.84"/>
    <n v="-7861431"/>
    <s v="Billed Revenues"/>
    <s v="EXV"/>
    <s v="NONBU"/>
    <s v="G0000110"/>
    <s v="N"/>
    <s v="MACSS Dist Billed Revenue-03"/>
    <s v=""/>
    <x v="0"/>
    <s v="CAD0331207"/>
    <s v="S"/>
    <s v="KY"/>
    <s v="REV"/>
    <s v="974"/>
    <s v="GLBATCH"/>
    <n v="12"/>
    <n v="2016"/>
  </r>
  <r>
    <s v="110"/>
    <d v="2016-12-15T00:00:00"/>
    <x v="2"/>
    <x v="0"/>
    <s v="10828"/>
    <s v="GLNANDA"/>
    <n v="0"/>
    <n v="1043"/>
    <s v="Billed Revenues"/>
    <s v="EXV"/>
    <s v="NONBU"/>
    <s v="G0000110"/>
    <s v="N"/>
    <s v="MACSS Dist Billed Revenue-03"/>
    <s v=""/>
    <x v="0"/>
    <s v="CAD0331207"/>
    <s v="S"/>
    <s v="KY"/>
    <s v="REV"/>
    <s v="974"/>
    <s v="GLBATCH"/>
    <n v="12"/>
    <n v="2016"/>
  </r>
  <r>
    <s v="110"/>
    <d v="2016-12-15T00:00:00"/>
    <x v="2"/>
    <x v="0"/>
    <s v="10828"/>
    <s v="GLNANDA"/>
    <n v="-349136.91"/>
    <n v="-2592978"/>
    <s v="Billed Revenues"/>
    <s v="EXV"/>
    <s v="NONBU"/>
    <s v="G0000110"/>
    <s v="N"/>
    <s v="MACSS Dist Billed Revenue-03"/>
    <s v=""/>
    <x v="0"/>
    <s v="CAD0331207"/>
    <s v="S"/>
    <s v="KY"/>
    <s v="REV"/>
    <s v="974"/>
    <s v="GLBATCH"/>
    <n v="12"/>
    <n v="2016"/>
  </r>
  <r>
    <s v="110"/>
    <d v="2016-12-15T00:00:00"/>
    <x v="7"/>
    <x v="0"/>
    <s v="10828"/>
    <s v="GLNANDA"/>
    <n v="0"/>
    <n v="27"/>
    <s v="Billed Revenues"/>
    <s v="EXV"/>
    <s v="NONBU"/>
    <s v="G0000110"/>
    <s v="N"/>
    <s v="MACSS Dist Billed Revenue-03"/>
    <s v=""/>
    <x v="0"/>
    <s v="CAD0331207"/>
    <s v="S"/>
    <s v="KY"/>
    <s v="REV"/>
    <s v="974"/>
    <s v="GLBATCH"/>
    <n v="12"/>
    <n v="2016"/>
  </r>
  <r>
    <s v="110"/>
    <d v="2016-12-15T00:00:00"/>
    <x v="7"/>
    <x v="0"/>
    <s v="10828"/>
    <s v="GLNANDA"/>
    <n v="-116111.65"/>
    <n v="-960009"/>
    <s v="Billed Revenues"/>
    <s v="EXV"/>
    <s v="NONBU"/>
    <s v="G0000110"/>
    <s v="N"/>
    <s v="MACSS Dist Billed Revenue-03"/>
    <s v=""/>
    <x v="0"/>
    <s v="CAD0331207"/>
    <s v="S"/>
    <s v="KY"/>
    <s v="REV"/>
    <s v="974"/>
    <s v="GLBATCH"/>
    <n v="12"/>
    <n v="2016"/>
  </r>
  <r>
    <s v="110"/>
    <d v="2016-12-15T00:00:00"/>
    <x v="3"/>
    <x v="0"/>
    <s v="10828"/>
    <s v="GLNANDA"/>
    <n v="0"/>
    <n v="4"/>
    <s v="Billed Revenues"/>
    <s v="EXV"/>
    <s v="NONBU"/>
    <s v="G0000110"/>
    <s v="N"/>
    <s v="MACSS Dist Billed Revenue-03"/>
    <s v=""/>
    <x v="0"/>
    <s v="CAD0331207"/>
    <s v="S"/>
    <s v="KY"/>
    <s v="REV"/>
    <s v="974"/>
    <s v="GLBATCH"/>
    <n v="12"/>
    <n v="2016"/>
  </r>
  <r>
    <s v="110"/>
    <d v="2016-12-15T00:00:00"/>
    <x v="3"/>
    <x v="0"/>
    <s v="10828"/>
    <s v="GLNANDA"/>
    <n v="-7474.92"/>
    <n v="-51052"/>
    <s v="Billed Revenues"/>
    <s v="EXV"/>
    <s v="NONBU"/>
    <s v="G0000110"/>
    <s v="N"/>
    <s v="MACSS Dist Billed Revenue-03"/>
    <s v=""/>
    <x v="0"/>
    <s v="CAD0331207"/>
    <s v="S"/>
    <s v="KY"/>
    <s v="REV"/>
    <s v="974"/>
    <s v="GLBATCH"/>
    <n v="12"/>
    <n v="2016"/>
  </r>
  <r>
    <s v="110"/>
    <d v="2016-12-15T00:00:00"/>
    <x v="6"/>
    <x v="0"/>
    <s v="10828"/>
    <s v="GLNANDA"/>
    <n v="0"/>
    <n v="16"/>
    <s v="Billed Revenues"/>
    <s v="EXV"/>
    <s v="NONBU"/>
    <s v="G0000110"/>
    <s v="N"/>
    <s v="MACSS Dist Billed Revenue-03"/>
    <s v=""/>
    <x v="0"/>
    <s v="CAD0331207"/>
    <s v="S"/>
    <s v="KY"/>
    <s v="REV"/>
    <s v="974"/>
    <s v="GLBATCH"/>
    <n v="12"/>
    <n v="2016"/>
  </r>
  <r>
    <s v="110"/>
    <d v="2016-12-15T00:00:00"/>
    <x v="6"/>
    <x v="0"/>
    <s v="10828"/>
    <s v="GLNANDA"/>
    <n v="-1402.37"/>
    <n v="-7924"/>
    <s v="Billed Revenues"/>
    <s v="EXV"/>
    <s v="NONBU"/>
    <s v="G0000110"/>
    <s v="N"/>
    <s v="MACSS Dist Billed Revenue-03"/>
    <s v=""/>
    <x v="0"/>
    <s v="CAD0331207"/>
    <s v="S"/>
    <s v="KY"/>
    <s v="REV"/>
    <s v="974"/>
    <s v="GLBATCH"/>
    <n v="12"/>
    <n v="2016"/>
  </r>
  <r>
    <s v="110"/>
    <d v="2016-12-15T00:00:00"/>
    <x v="5"/>
    <x v="0"/>
    <s v="10828"/>
    <s v="GLNANDA"/>
    <n v="0"/>
    <n v="102"/>
    <s v="Billed Revenues"/>
    <s v="EXV"/>
    <s v="NONBU"/>
    <s v="G0000110"/>
    <s v="N"/>
    <s v="MACSS Dist Billed Revenue-03"/>
    <s v=""/>
    <x v="0"/>
    <s v="CAD0331207"/>
    <s v="S"/>
    <s v="KY"/>
    <s v="REV"/>
    <s v="974"/>
    <s v="GLBATCH"/>
    <n v="12"/>
    <n v="2016"/>
  </r>
  <r>
    <s v="110"/>
    <d v="2016-12-15T00:00:00"/>
    <x v="5"/>
    <x v="0"/>
    <s v="10828"/>
    <s v="GLNANDA"/>
    <n v="-73247.94"/>
    <n v="-717384"/>
    <s v="Billed Revenues"/>
    <s v="EXV"/>
    <s v="NONBU"/>
    <s v="G0000110"/>
    <s v="N"/>
    <s v="MACSS Dist Billed Revenue-03"/>
    <s v=""/>
    <x v="0"/>
    <s v="CAD0331207"/>
    <s v="S"/>
    <s v="KY"/>
    <s v="REV"/>
    <s v="974"/>
    <s v="GLBATCH"/>
    <n v="12"/>
    <n v="2016"/>
  </r>
  <r>
    <s v="110"/>
    <d v="2016-12-15T00:00:00"/>
    <x v="1"/>
    <x v="0"/>
    <s v="10828"/>
    <s v="GLNANDA"/>
    <n v="0"/>
    <n v="2333"/>
    <s v="Billed Revenues"/>
    <s v="EXV"/>
    <s v="NONBU"/>
    <s v="G0000110"/>
    <s v="N"/>
    <s v="MACSS Dist Billed Revenue-03"/>
    <s v=""/>
    <x v="0"/>
    <s v="CAD0331208"/>
    <s v="S"/>
    <s v="KY"/>
    <s v="REV"/>
    <s v="974"/>
    <s v="GLBATCH"/>
    <n v="12"/>
    <n v="2016"/>
  </r>
  <r>
    <s v="110"/>
    <d v="2016-12-15T00:00:00"/>
    <x v="1"/>
    <x v="0"/>
    <s v="10828"/>
    <s v="GLNANDA"/>
    <n v="-308196.77"/>
    <n v="-2379660"/>
    <s v="Billed Revenues"/>
    <s v="EXV"/>
    <s v="NONBU"/>
    <s v="G0000110"/>
    <s v="N"/>
    <s v="MACSS Dist Billed Revenue-03"/>
    <s v=""/>
    <x v="0"/>
    <s v="CAD0331208"/>
    <s v="S"/>
    <s v="KY"/>
    <s v="REV"/>
    <s v="974"/>
    <s v="GLBATCH"/>
    <n v="12"/>
    <n v="2016"/>
  </r>
  <r>
    <s v="110"/>
    <d v="2016-12-15T00:00:00"/>
    <x v="5"/>
    <x v="0"/>
    <s v="10828"/>
    <s v="GLNANDA"/>
    <n v="0"/>
    <n v="132"/>
    <s v="Billed Revenues"/>
    <s v="EXV"/>
    <s v="NONBU"/>
    <s v="G0000110"/>
    <s v="N"/>
    <s v="MACSS Dist Billed Revenue-03"/>
    <s v=""/>
    <x v="0"/>
    <s v="CAD0331208"/>
    <s v="S"/>
    <s v="KY"/>
    <s v="REV"/>
    <s v="974"/>
    <s v="GLBATCH"/>
    <n v="12"/>
    <n v="2016"/>
  </r>
  <r>
    <s v="110"/>
    <d v="2016-12-15T00:00:00"/>
    <x v="2"/>
    <x v="0"/>
    <s v="10828"/>
    <s v="GLNANDA"/>
    <n v="-791971.28"/>
    <n v="-6692933"/>
    <s v="Billed Revenues"/>
    <s v="EXV"/>
    <s v="NONBU"/>
    <s v="G0000110"/>
    <s v="N"/>
    <s v="MACSS Dist Billed Revenue-03"/>
    <s v=""/>
    <x v="0"/>
    <s v="CAD0331208"/>
    <s v="S"/>
    <s v="KY"/>
    <s v="REV"/>
    <s v="974"/>
    <s v="GLBATCH"/>
    <n v="12"/>
    <n v="2016"/>
  </r>
  <r>
    <s v="110"/>
    <d v="2016-12-15T00:00:00"/>
    <x v="2"/>
    <x v="0"/>
    <s v="10828"/>
    <s v="GLNANDA"/>
    <n v="0"/>
    <n v="1483"/>
    <s v="Billed Revenues"/>
    <s v="EXV"/>
    <s v="NONBU"/>
    <s v="G0000110"/>
    <s v="N"/>
    <s v="MACSS Dist Billed Revenue-03"/>
    <s v=""/>
    <x v="0"/>
    <s v="CAD0331208"/>
    <s v="S"/>
    <s v="KY"/>
    <s v="REV"/>
    <s v="974"/>
    <s v="GLBATCH"/>
    <n v="12"/>
    <n v="2016"/>
  </r>
  <r>
    <s v="110"/>
    <d v="2016-12-15T00:00:00"/>
    <x v="6"/>
    <x v="0"/>
    <s v="10828"/>
    <s v="GLNANDA"/>
    <n v="-732"/>
    <n v="-2788"/>
    <s v="Billed Revenues"/>
    <s v="EXV"/>
    <s v="NONBU"/>
    <s v="G0000110"/>
    <s v="N"/>
    <s v="MACSS Dist Billed Revenue-03"/>
    <s v=""/>
    <x v="0"/>
    <s v="CAD0331208"/>
    <s v="S"/>
    <s v="KY"/>
    <s v="REV"/>
    <s v="974"/>
    <s v="GLBATCH"/>
    <n v="12"/>
    <n v="2016"/>
  </r>
  <r>
    <s v="110"/>
    <d v="2016-12-15T00:00:00"/>
    <x v="6"/>
    <x v="0"/>
    <s v="10828"/>
    <s v="GLNANDA"/>
    <n v="0"/>
    <n v="15"/>
    <s v="Billed Revenues"/>
    <s v="EXV"/>
    <s v="NONBU"/>
    <s v="G0000110"/>
    <s v="N"/>
    <s v="MACSS Dist Billed Revenue-03"/>
    <s v=""/>
    <x v="0"/>
    <s v="CAD0331208"/>
    <s v="S"/>
    <s v="KY"/>
    <s v="REV"/>
    <s v="974"/>
    <s v="GLBATCH"/>
    <n v="12"/>
    <n v="2016"/>
  </r>
  <r>
    <s v="110"/>
    <d v="2016-12-15T00:00:00"/>
    <x v="4"/>
    <x v="0"/>
    <s v="10828"/>
    <s v="GLNANDA"/>
    <n v="-953521.64"/>
    <n v="-7692306"/>
    <s v="Billed Revenues"/>
    <s v="EXV"/>
    <s v="NONBU"/>
    <s v="G0000110"/>
    <s v="N"/>
    <s v="MACSS Dist Billed Revenue-03"/>
    <s v=""/>
    <x v="0"/>
    <s v="CAD0331208"/>
    <s v="S"/>
    <s v="KY"/>
    <s v="REV"/>
    <s v="974"/>
    <s v="GLBATCH"/>
    <n v="12"/>
    <n v="2016"/>
  </r>
  <r>
    <s v="110"/>
    <d v="2016-12-15T00:00:00"/>
    <x v="4"/>
    <x v="0"/>
    <s v="10828"/>
    <s v="GLNANDA"/>
    <n v="0"/>
    <n v="4729"/>
    <s v="Billed Revenues"/>
    <s v="EXV"/>
    <s v="NONBU"/>
    <s v="G0000110"/>
    <s v="N"/>
    <s v="MACSS Dist Billed Revenue-03"/>
    <s v=""/>
    <x v="0"/>
    <s v="CAD0331208"/>
    <s v="S"/>
    <s v="KY"/>
    <s v="REV"/>
    <s v="974"/>
    <s v="GLBATCH"/>
    <n v="12"/>
    <n v="2016"/>
  </r>
  <r>
    <s v="110"/>
    <d v="2016-12-15T00:00:00"/>
    <x v="3"/>
    <x v="0"/>
    <s v="10828"/>
    <s v="GLNANDA"/>
    <n v="-62051.92"/>
    <n v="-578412"/>
    <s v="Billed Revenues"/>
    <s v="EXV"/>
    <s v="NONBU"/>
    <s v="G0000110"/>
    <s v="N"/>
    <s v="MACSS Dist Billed Revenue-03"/>
    <s v=""/>
    <x v="0"/>
    <s v="CAD0331208"/>
    <s v="S"/>
    <s v="KY"/>
    <s v="REV"/>
    <s v="974"/>
    <s v="GLBATCH"/>
    <n v="12"/>
    <n v="2016"/>
  </r>
  <r>
    <s v="110"/>
    <d v="2016-12-15T00:00:00"/>
    <x v="3"/>
    <x v="0"/>
    <s v="10828"/>
    <s v="GLNANDA"/>
    <n v="0"/>
    <n v="23"/>
    <s v="Billed Revenues"/>
    <s v="EXV"/>
    <s v="NONBU"/>
    <s v="G0000110"/>
    <s v="N"/>
    <s v="MACSS Dist Billed Revenue-03"/>
    <s v=""/>
    <x v="0"/>
    <s v="CAD0331208"/>
    <s v="S"/>
    <s v="KY"/>
    <s v="REV"/>
    <s v="974"/>
    <s v="GLBATCH"/>
    <n v="12"/>
    <n v="2016"/>
  </r>
  <r>
    <s v="110"/>
    <d v="2016-12-15T00:00:00"/>
    <x v="0"/>
    <x v="0"/>
    <s v="10828"/>
    <s v="GLNANDA"/>
    <n v="-73516.97"/>
    <n v="-783628"/>
    <s v="Billed Revenues"/>
    <s v="EXV"/>
    <s v="NONBU"/>
    <s v="G0000110"/>
    <s v="N"/>
    <s v="MACSS Dist Billed Revenue-03"/>
    <s v=""/>
    <x v="0"/>
    <s v="CAD0331208"/>
    <s v="S"/>
    <s v="KY"/>
    <s v="REV"/>
    <s v="974"/>
    <s v="GLBATCH"/>
    <n v="12"/>
    <n v="2016"/>
  </r>
  <r>
    <s v="110"/>
    <d v="2016-12-15T00:00:00"/>
    <x v="0"/>
    <x v="0"/>
    <s v="10828"/>
    <s v="GLNANDA"/>
    <n v="0"/>
    <n v="24"/>
    <s v="Billed Revenues"/>
    <s v="EXV"/>
    <s v="NONBU"/>
    <s v="G0000110"/>
    <s v="N"/>
    <s v="MACSS Dist Billed Revenue-03"/>
    <s v=""/>
    <x v="0"/>
    <s v="CAD0331208"/>
    <s v="S"/>
    <s v="KY"/>
    <s v="REV"/>
    <s v="974"/>
    <s v="GLBATCH"/>
    <n v="12"/>
    <n v="2016"/>
  </r>
  <r>
    <s v="110"/>
    <d v="2016-12-15T00:00:00"/>
    <x v="7"/>
    <x v="0"/>
    <s v="10828"/>
    <s v="GLNANDA"/>
    <n v="-69667.509999999995"/>
    <n v="-518719"/>
    <s v="Billed Revenues"/>
    <s v="EXV"/>
    <s v="NONBU"/>
    <s v="G0000110"/>
    <s v="N"/>
    <s v="MACSS Dist Billed Revenue-03"/>
    <s v=""/>
    <x v="0"/>
    <s v="CAD0331208"/>
    <s v="S"/>
    <s v="KY"/>
    <s v="REV"/>
    <s v="974"/>
    <s v="GLBATCH"/>
    <n v="12"/>
    <n v="2016"/>
  </r>
  <r>
    <s v="110"/>
    <d v="2016-12-15T00:00:00"/>
    <x v="7"/>
    <x v="0"/>
    <s v="10828"/>
    <s v="GLNANDA"/>
    <n v="0"/>
    <n v="44"/>
    <s v="Billed Revenues"/>
    <s v="EXV"/>
    <s v="NONBU"/>
    <s v="G0000110"/>
    <s v="N"/>
    <s v="MACSS Dist Billed Revenue-03"/>
    <s v=""/>
    <x v="0"/>
    <s v="CAD0331208"/>
    <s v="S"/>
    <s v="KY"/>
    <s v="REV"/>
    <s v="974"/>
    <s v="GLBATCH"/>
    <n v="12"/>
    <n v="2016"/>
  </r>
  <r>
    <s v="110"/>
    <d v="2016-12-15T00:00:00"/>
    <x v="5"/>
    <x v="0"/>
    <s v="10828"/>
    <s v="GLNANDA"/>
    <n v="-103234.49"/>
    <n v="-833089"/>
    <s v="Billed Revenues"/>
    <s v="EXV"/>
    <s v="NONBU"/>
    <s v="G0000110"/>
    <s v="N"/>
    <s v="MACSS Dist Billed Revenue-03"/>
    <s v=""/>
    <x v="0"/>
    <s v="CAD0331208"/>
    <s v="S"/>
    <s v="KY"/>
    <s v="REV"/>
    <s v="974"/>
    <s v="GLBATCH"/>
    <n v="12"/>
    <n v="2016"/>
  </r>
  <r>
    <s v="110"/>
    <d v="2016-12-15T00:00:00"/>
    <x v="5"/>
    <x v="0"/>
    <s v="10828"/>
    <s v="GLNANDA"/>
    <n v="0"/>
    <n v="174"/>
    <s v="Billed Revenues"/>
    <s v="EXV"/>
    <s v="NONBU"/>
    <s v="G0000110"/>
    <s v="N"/>
    <s v="MACSS Dist Billed Revenue-03"/>
    <s v=""/>
    <x v="0"/>
    <s v="CAD0331209"/>
    <s v="S"/>
    <s v="KY"/>
    <s v="REV"/>
    <s v="974"/>
    <s v="GLBATCH"/>
    <n v="12"/>
    <n v="2016"/>
  </r>
  <r>
    <s v="110"/>
    <d v="2016-12-15T00:00:00"/>
    <x v="6"/>
    <x v="0"/>
    <s v="10828"/>
    <s v="GLNANDA"/>
    <n v="-5611.32"/>
    <n v="-41777"/>
    <s v="Billed Revenues"/>
    <s v="EXV"/>
    <s v="NONBU"/>
    <s v="G0000110"/>
    <s v="N"/>
    <s v="MACSS Dist Billed Revenue-03"/>
    <s v=""/>
    <x v="0"/>
    <s v="CAD0331209"/>
    <s v="S"/>
    <s v="KY"/>
    <s v="REV"/>
    <s v="974"/>
    <s v="GLBATCH"/>
    <n v="12"/>
    <n v="2016"/>
  </r>
  <r>
    <s v="110"/>
    <d v="2016-12-15T00:00:00"/>
    <x v="6"/>
    <x v="0"/>
    <s v="10828"/>
    <s v="GLNANDA"/>
    <n v="0"/>
    <n v="15"/>
    <s v="Billed Revenues"/>
    <s v="EXV"/>
    <s v="NONBU"/>
    <s v="G0000110"/>
    <s v="N"/>
    <s v="MACSS Dist Billed Revenue-03"/>
    <s v=""/>
    <x v="0"/>
    <s v="CAD0331209"/>
    <s v="S"/>
    <s v="KY"/>
    <s v="REV"/>
    <s v="974"/>
    <s v="GLBATCH"/>
    <n v="12"/>
    <n v="2016"/>
  </r>
  <r>
    <s v="110"/>
    <d v="2016-12-15T00:00:00"/>
    <x v="3"/>
    <x v="0"/>
    <s v="10828"/>
    <s v="GLNANDA"/>
    <n v="-144412.35"/>
    <n v="-1350921"/>
    <s v="Billed Revenues"/>
    <s v="EXV"/>
    <s v="NONBU"/>
    <s v="G0000110"/>
    <s v="N"/>
    <s v="MACSS Dist Billed Revenue-03"/>
    <s v=""/>
    <x v="0"/>
    <s v="CAD0331209"/>
    <s v="S"/>
    <s v="KY"/>
    <s v="REV"/>
    <s v="974"/>
    <s v="GLBATCH"/>
    <n v="12"/>
    <n v="2016"/>
  </r>
  <r>
    <s v="110"/>
    <d v="2016-12-15T00:00:00"/>
    <x v="3"/>
    <x v="0"/>
    <s v="10828"/>
    <s v="GLNANDA"/>
    <n v="0"/>
    <n v="16"/>
    <s v="Billed Revenues"/>
    <s v="EXV"/>
    <s v="NONBU"/>
    <s v="G0000110"/>
    <s v="N"/>
    <s v="MACSS Dist Billed Revenue-03"/>
    <s v=""/>
    <x v="0"/>
    <s v="CAD0331209"/>
    <s v="S"/>
    <s v="KY"/>
    <s v="REV"/>
    <s v="974"/>
    <s v="GLBATCH"/>
    <n v="12"/>
    <n v="2016"/>
  </r>
  <r>
    <s v="110"/>
    <d v="2016-12-15T00:00:00"/>
    <x v="7"/>
    <x v="0"/>
    <s v="10828"/>
    <s v="GLNANDA"/>
    <n v="-90811.71"/>
    <n v="-748440"/>
    <s v="Billed Revenues"/>
    <s v="EXV"/>
    <s v="NONBU"/>
    <s v="G0000110"/>
    <s v="N"/>
    <s v="MACSS Dist Billed Revenue-03"/>
    <s v=""/>
    <x v="0"/>
    <s v="CAD0331209"/>
    <s v="S"/>
    <s v="KY"/>
    <s v="REV"/>
    <s v="974"/>
    <s v="GLBATCH"/>
    <n v="12"/>
    <n v="2016"/>
  </r>
  <r>
    <s v="110"/>
    <d v="2016-12-15T00:00:00"/>
    <x v="7"/>
    <x v="0"/>
    <s v="10828"/>
    <s v="GLNANDA"/>
    <n v="0"/>
    <n v="39"/>
    <s v="Billed Revenues"/>
    <s v="EXV"/>
    <s v="NONBU"/>
    <s v="G0000110"/>
    <s v="N"/>
    <s v="MACSS Dist Billed Revenue-03"/>
    <s v=""/>
    <x v="0"/>
    <s v="CAD0331209"/>
    <s v="S"/>
    <s v="KY"/>
    <s v="REV"/>
    <s v="974"/>
    <s v="GLBATCH"/>
    <n v="12"/>
    <n v="2016"/>
  </r>
  <r>
    <s v="110"/>
    <d v="2016-12-15T00:00:00"/>
    <x v="5"/>
    <x v="0"/>
    <s v="10828"/>
    <s v="GLNANDA"/>
    <n v="-123877.37"/>
    <n v="-1059335"/>
    <s v="Billed Revenues"/>
    <s v="EXV"/>
    <s v="NONBU"/>
    <s v="G0000110"/>
    <s v="N"/>
    <s v="MACSS Dist Billed Revenue-03"/>
    <s v=""/>
    <x v="0"/>
    <s v="CAD0331209"/>
    <s v="S"/>
    <s v="KY"/>
    <s v="REV"/>
    <s v="974"/>
    <s v="GLBATCH"/>
    <n v="12"/>
    <n v="2016"/>
  </r>
  <r>
    <s v="110"/>
    <d v="2016-12-15T00:00:00"/>
    <x v="2"/>
    <x v="0"/>
    <s v="10828"/>
    <s v="GLNANDA"/>
    <n v="0"/>
    <n v="1473"/>
    <s v="Billed Revenues"/>
    <s v="EXV"/>
    <s v="NONBU"/>
    <s v="G0000110"/>
    <s v="N"/>
    <s v="MACSS Dist Billed Revenue-03"/>
    <s v=""/>
    <x v="0"/>
    <s v="CAD0331209"/>
    <s v="S"/>
    <s v="KY"/>
    <s v="REV"/>
    <s v="974"/>
    <s v="GLBATCH"/>
    <n v="12"/>
    <n v="2016"/>
  </r>
  <r>
    <s v="110"/>
    <d v="2016-12-15T00:00:00"/>
    <x v="0"/>
    <x v="0"/>
    <s v="10828"/>
    <s v="GLNANDA"/>
    <n v="-1460992.39"/>
    <n v="-22245808"/>
    <s v="Billed Revenues"/>
    <s v="EXV"/>
    <s v="NONBU"/>
    <s v="G0000110"/>
    <s v="N"/>
    <s v="MACSS Dist Billed Revenue-03"/>
    <s v=""/>
    <x v="0"/>
    <s v="CAD0331209"/>
    <s v="S"/>
    <s v="KY"/>
    <s v="REV"/>
    <s v="974"/>
    <s v="GLBATCH"/>
    <n v="12"/>
    <n v="2016"/>
  </r>
  <r>
    <s v="110"/>
    <d v="2016-12-15T00:00:00"/>
    <x v="0"/>
    <x v="0"/>
    <s v="10828"/>
    <s v="GLNANDA"/>
    <n v="0"/>
    <n v="48"/>
    <s v="Billed Revenues"/>
    <s v="EXV"/>
    <s v="NONBU"/>
    <s v="G0000110"/>
    <s v="N"/>
    <s v="MACSS Dist Billed Revenue-03"/>
    <s v=""/>
    <x v="0"/>
    <s v="CAD0331209"/>
    <s v="S"/>
    <s v="KY"/>
    <s v="REV"/>
    <s v="974"/>
    <s v="GLBATCH"/>
    <n v="12"/>
    <n v="2016"/>
  </r>
  <r>
    <s v="110"/>
    <d v="2016-12-15T00:00:00"/>
    <x v="4"/>
    <x v="0"/>
    <s v="10828"/>
    <s v="GLNANDA"/>
    <n v="-773791.77"/>
    <n v="-6245039"/>
    <s v="Billed Revenues"/>
    <s v="EXV"/>
    <s v="NONBU"/>
    <s v="G0000110"/>
    <s v="N"/>
    <s v="MACSS Dist Billed Revenue-03"/>
    <s v=""/>
    <x v="0"/>
    <s v="CAD0331209"/>
    <s v="S"/>
    <s v="KY"/>
    <s v="REV"/>
    <s v="974"/>
    <s v="GLBATCH"/>
    <n v="12"/>
    <n v="2016"/>
  </r>
  <r>
    <s v="110"/>
    <d v="2016-12-15T00:00:00"/>
    <x v="4"/>
    <x v="0"/>
    <s v="10828"/>
    <s v="GLNANDA"/>
    <n v="0"/>
    <n v="3696"/>
    <s v="Billed Revenues"/>
    <s v="EXV"/>
    <s v="NONBU"/>
    <s v="G0000110"/>
    <s v="N"/>
    <s v="MACSS Dist Billed Revenue-03"/>
    <s v=""/>
    <x v="0"/>
    <s v="CAD0331209"/>
    <s v="S"/>
    <s v="KY"/>
    <s v="REV"/>
    <s v="974"/>
    <s v="GLBATCH"/>
    <n v="12"/>
    <n v="2016"/>
  </r>
  <r>
    <s v="110"/>
    <d v="2016-12-15T00:00:00"/>
    <x v="1"/>
    <x v="0"/>
    <s v="10828"/>
    <s v="GLNANDA"/>
    <n v="-261819.26"/>
    <n v="-2026394"/>
    <s v="Billed Revenues"/>
    <s v="EXV"/>
    <s v="NONBU"/>
    <s v="G0000110"/>
    <s v="N"/>
    <s v="MACSS Dist Billed Revenue-03"/>
    <s v=""/>
    <x v="0"/>
    <s v="CAD0331209"/>
    <s v="S"/>
    <s v="KY"/>
    <s v="REV"/>
    <s v="974"/>
    <s v="GLBATCH"/>
    <n v="12"/>
    <n v="2016"/>
  </r>
  <r>
    <s v="110"/>
    <d v="2016-12-15T00:00:00"/>
    <x v="1"/>
    <x v="0"/>
    <s v="10828"/>
    <s v="GLNANDA"/>
    <n v="0"/>
    <n v="1864"/>
    <s v="Billed Revenues"/>
    <s v="EXV"/>
    <s v="NONBU"/>
    <s v="G0000110"/>
    <s v="N"/>
    <s v="MACSS Dist Billed Revenue-03"/>
    <s v=""/>
    <x v="0"/>
    <s v="CAD0331209"/>
    <s v="S"/>
    <s v="KY"/>
    <s v="REV"/>
    <s v="974"/>
    <s v="GLBATCH"/>
    <n v="12"/>
    <n v="2016"/>
  </r>
  <r>
    <s v="110"/>
    <d v="2016-12-15T00:00:00"/>
    <x v="2"/>
    <x v="0"/>
    <s v="10828"/>
    <s v="GLNANDA"/>
    <n v="-535202.94999999995"/>
    <n v="-4162439"/>
    <s v="Billed Revenues"/>
    <s v="EXV"/>
    <s v="NONBU"/>
    <s v="G0000110"/>
    <s v="N"/>
    <s v="MACSS Dist Billed Revenue-03"/>
    <s v=""/>
    <x v="0"/>
    <s v="CAD0331209"/>
    <s v="S"/>
    <s v="KY"/>
    <s v="REV"/>
    <s v="974"/>
    <s v="GLBATCH"/>
    <n v="12"/>
    <n v="2016"/>
  </r>
  <r>
    <s v="110"/>
    <d v="2016-12-15T00:00:00"/>
    <x v="0"/>
    <x v="0"/>
    <s v="10828"/>
    <s v="GLNANDA"/>
    <n v="0"/>
    <n v="21"/>
    <s v="Billed Revenues"/>
    <s v="EXV"/>
    <s v="NONBU"/>
    <s v="G0000110"/>
    <s v="N"/>
    <s v="MACSS Dist Billed Revenue-03"/>
    <s v=""/>
    <x v="0"/>
    <s v="CAD0331212"/>
    <s v="S"/>
    <s v="KY"/>
    <s v="REV"/>
    <s v="974"/>
    <s v="GLBATCH"/>
    <n v="12"/>
    <n v="2016"/>
  </r>
  <r>
    <s v="110"/>
    <d v="2016-12-15T00:00:00"/>
    <x v="0"/>
    <x v="0"/>
    <s v="10828"/>
    <s v="GLNANDA"/>
    <n v="-31044.59"/>
    <n v="-295886"/>
    <s v="Billed Revenues"/>
    <s v="EXV"/>
    <s v="NONBU"/>
    <s v="G0000110"/>
    <s v="N"/>
    <s v="MACSS Dist Billed Revenue-03"/>
    <s v=""/>
    <x v="0"/>
    <s v="CAD0331212"/>
    <s v="S"/>
    <s v="KY"/>
    <s v="REV"/>
    <s v="974"/>
    <s v="GLBATCH"/>
    <n v="12"/>
    <n v="2016"/>
  </r>
  <r>
    <s v="110"/>
    <d v="2016-12-15T00:00:00"/>
    <x v="3"/>
    <x v="0"/>
    <s v="10828"/>
    <s v="GLNANDA"/>
    <n v="-375306.1"/>
    <n v="-4615501"/>
    <s v="Billed Revenues"/>
    <s v="EXV"/>
    <s v="NONBU"/>
    <s v="G0000110"/>
    <s v="N"/>
    <s v="MACSS Dist Billed Revenue-03"/>
    <s v=""/>
    <x v="0"/>
    <s v="CAD0331212"/>
    <s v="S"/>
    <s v="KY"/>
    <s v="REV"/>
    <s v="974"/>
    <s v="GLBATCH"/>
    <n v="12"/>
    <n v="2016"/>
  </r>
  <r>
    <s v="110"/>
    <d v="2016-12-15T00:00:00"/>
    <x v="3"/>
    <x v="0"/>
    <s v="10828"/>
    <s v="GLNANDA"/>
    <n v="0"/>
    <n v="5"/>
    <s v="Billed Revenues"/>
    <s v="EXV"/>
    <s v="NONBU"/>
    <s v="G0000110"/>
    <s v="N"/>
    <s v="MACSS Dist Billed Revenue-03"/>
    <s v=""/>
    <x v="0"/>
    <s v="CAD0331212"/>
    <s v="S"/>
    <s v="KY"/>
    <s v="REV"/>
    <s v="974"/>
    <s v="GLBATCH"/>
    <n v="12"/>
    <n v="2016"/>
  </r>
  <r>
    <s v="110"/>
    <d v="2016-12-15T00:00:00"/>
    <x v="1"/>
    <x v="0"/>
    <s v="10828"/>
    <s v="GLNANDA"/>
    <n v="-372102.39"/>
    <n v="-2900750"/>
    <s v="Billed Revenues"/>
    <s v="EXV"/>
    <s v="NONBU"/>
    <s v="G0000110"/>
    <s v="N"/>
    <s v="MACSS Dist Billed Revenue-03"/>
    <s v=""/>
    <x v="0"/>
    <s v="CAD0331212"/>
    <s v="S"/>
    <s v="KY"/>
    <s v="REV"/>
    <s v="974"/>
    <s v="GLBATCH"/>
    <n v="12"/>
    <n v="2016"/>
  </r>
  <r>
    <s v="110"/>
    <d v="2016-12-15T00:00:00"/>
    <x v="1"/>
    <x v="0"/>
    <s v="10828"/>
    <s v="GLNANDA"/>
    <n v="0"/>
    <n v="2574"/>
    <s v="Billed Revenues"/>
    <s v="EXV"/>
    <s v="NONBU"/>
    <s v="G0000110"/>
    <s v="N"/>
    <s v="MACSS Dist Billed Revenue-03"/>
    <s v=""/>
    <x v="0"/>
    <s v="CAD0331212"/>
    <s v="S"/>
    <s v="KY"/>
    <s v="REV"/>
    <s v="974"/>
    <s v="GLBATCH"/>
    <n v="12"/>
    <n v="2016"/>
  </r>
  <r>
    <s v="110"/>
    <d v="2016-12-15T00:00:00"/>
    <x v="2"/>
    <x v="0"/>
    <s v="10828"/>
    <s v="GLNANDA"/>
    <n v="-574311.98"/>
    <n v="-4387453"/>
    <s v="Billed Revenues"/>
    <s v="EXV"/>
    <s v="NONBU"/>
    <s v="G0000110"/>
    <s v="N"/>
    <s v="MACSS Dist Billed Revenue-03"/>
    <s v=""/>
    <x v="0"/>
    <s v="CAD0331212"/>
    <s v="S"/>
    <s v="KY"/>
    <s v="REV"/>
    <s v="974"/>
    <s v="GLBATCH"/>
    <n v="12"/>
    <n v="2016"/>
  </r>
  <r>
    <s v="110"/>
    <d v="2016-12-15T00:00:00"/>
    <x v="2"/>
    <x v="0"/>
    <s v="10828"/>
    <s v="GLNANDA"/>
    <n v="0"/>
    <n v="1328"/>
    <s v="Billed Revenues"/>
    <s v="EXV"/>
    <s v="NONBU"/>
    <s v="G0000110"/>
    <s v="N"/>
    <s v="MACSS Dist Billed Revenue-03"/>
    <s v=""/>
    <x v="0"/>
    <s v="CAD0331212"/>
    <s v="S"/>
    <s v="KY"/>
    <s v="REV"/>
    <s v="974"/>
    <s v="GLBATCH"/>
    <n v="12"/>
    <n v="2016"/>
  </r>
  <r>
    <s v="110"/>
    <d v="2016-12-15T00:00:00"/>
    <x v="4"/>
    <x v="0"/>
    <s v="10828"/>
    <s v="GLNANDA"/>
    <n v="-913750.41"/>
    <n v="-7360967"/>
    <s v="Billed Revenues"/>
    <s v="EXV"/>
    <s v="NONBU"/>
    <s v="G0000110"/>
    <s v="N"/>
    <s v="MACSS Dist Billed Revenue-03"/>
    <s v=""/>
    <x v="0"/>
    <s v="CAD0331212"/>
    <s v="S"/>
    <s v="KY"/>
    <s v="REV"/>
    <s v="974"/>
    <s v="GLBATCH"/>
    <n v="12"/>
    <n v="2016"/>
  </r>
  <r>
    <s v="110"/>
    <d v="2016-12-15T00:00:00"/>
    <x v="4"/>
    <x v="0"/>
    <s v="10828"/>
    <s v="GLNANDA"/>
    <n v="0"/>
    <n v="4597"/>
    <s v="Billed Revenues"/>
    <s v="EXV"/>
    <s v="NONBU"/>
    <s v="G0000110"/>
    <s v="N"/>
    <s v="MACSS Dist Billed Revenue-03"/>
    <s v=""/>
    <x v="0"/>
    <s v="CAD0331212"/>
    <s v="S"/>
    <s v="KY"/>
    <s v="REV"/>
    <s v="974"/>
    <s v="GLBATCH"/>
    <n v="12"/>
    <n v="2016"/>
  </r>
  <r>
    <s v="110"/>
    <d v="2016-12-15T00:00:00"/>
    <x v="7"/>
    <x v="0"/>
    <s v="10828"/>
    <s v="GLNANDA"/>
    <n v="-95091.11"/>
    <n v="-750602"/>
    <s v="Billed Revenues"/>
    <s v="EXV"/>
    <s v="NONBU"/>
    <s v="G0000110"/>
    <s v="N"/>
    <s v="MACSS Dist Billed Revenue-03"/>
    <s v=""/>
    <x v="0"/>
    <s v="CAD0331212"/>
    <s v="S"/>
    <s v="KY"/>
    <s v="REV"/>
    <s v="974"/>
    <s v="GLBATCH"/>
    <n v="12"/>
    <n v="2016"/>
  </r>
  <r>
    <s v="110"/>
    <d v="2016-12-15T00:00:00"/>
    <x v="7"/>
    <x v="0"/>
    <s v="10828"/>
    <s v="GLNANDA"/>
    <n v="0"/>
    <n v="38"/>
    <s v="Billed Revenues"/>
    <s v="EXV"/>
    <s v="NONBU"/>
    <s v="G0000110"/>
    <s v="N"/>
    <s v="MACSS Dist Billed Revenue-03"/>
    <s v=""/>
    <x v="0"/>
    <s v="CAD0331212"/>
    <s v="S"/>
    <s v="KY"/>
    <s v="REV"/>
    <s v="974"/>
    <s v="GLBATCH"/>
    <n v="12"/>
    <n v="2016"/>
  </r>
  <r>
    <s v="110"/>
    <d v="2016-12-15T00:00:00"/>
    <x v="5"/>
    <x v="0"/>
    <s v="10828"/>
    <s v="GLNANDA"/>
    <n v="-156401.20000000001"/>
    <n v="-1189409"/>
    <s v="Billed Revenues"/>
    <s v="EXV"/>
    <s v="NONBU"/>
    <s v="G0000110"/>
    <s v="N"/>
    <s v="MACSS Dist Billed Revenue-03"/>
    <s v=""/>
    <x v="0"/>
    <s v="CAD0331212"/>
    <s v="S"/>
    <s v="KY"/>
    <s v="REV"/>
    <s v="974"/>
    <s v="GLBATCH"/>
    <n v="12"/>
    <n v="2016"/>
  </r>
  <r>
    <s v="110"/>
    <d v="2016-12-15T00:00:00"/>
    <x v="5"/>
    <x v="0"/>
    <s v="10828"/>
    <s v="GLNANDA"/>
    <n v="0"/>
    <n v="190"/>
    <s v="Billed Revenues"/>
    <s v="EXV"/>
    <s v="NONBU"/>
    <s v="G0000110"/>
    <s v="N"/>
    <s v="MACSS Dist Billed Revenue-03"/>
    <s v=""/>
    <x v="0"/>
    <s v="CAD0331212"/>
    <s v="S"/>
    <s v="KY"/>
    <s v="REV"/>
    <s v="974"/>
    <s v="GLBATCH"/>
    <n v="12"/>
    <n v="2016"/>
  </r>
  <r>
    <s v="110"/>
    <d v="2016-12-15T00:00:00"/>
    <x v="6"/>
    <x v="0"/>
    <s v="10828"/>
    <s v="GLNANDA"/>
    <n v="0"/>
    <n v="19"/>
    <s v="Billed Revenues"/>
    <s v="EXV"/>
    <s v="NONBU"/>
    <s v="G0000110"/>
    <s v="N"/>
    <s v="MACSS Dist Billed Revenue-03"/>
    <s v=""/>
    <x v="0"/>
    <s v="CAD0331212"/>
    <s v="S"/>
    <s v="KY"/>
    <s v="REV"/>
    <s v="974"/>
    <s v="GLBATCH"/>
    <n v="12"/>
    <n v="2016"/>
  </r>
  <r>
    <s v="110"/>
    <d v="2016-12-15T00:00:00"/>
    <x v="6"/>
    <x v="0"/>
    <s v="10828"/>
    <s v="GLNANDA"/>
    <n v="-1571.94"/>
    <n v="-8724"/>
    <s v="Billed Revenues"/>
    <s v="EXV"/>
    <s v="NONBU"/>
    <s v="G0000110"/>
    <s v="N"/>
    <s v="MACSS Dist Billed Revenue-03"/>
    <s v=""/>
    <x v="0"/>
    <s v="CAD0331212"/>
    <s v="S"/>
    <s v="KY"/>
    <s v="REV"/>
    <s v="974"/>
    <s v="GLBATCH"/>
    <n v="12"/>
    <n v="2016"/>
  </r>
  <r>
    <s v="110"/>
    <d v="2016-12-15T00:00:00"/>
    <x v="4"/>
    <x v="0"/>
    <s v="10828"/>
    <s v="GLNANDA"/>
    <n v="0"/>
    <n v="4438"/>
    <s v="Billed Revenues"/>
    <s v="EXV"/>
    <s v="NONBU"/>
    <s v="G0000110"/>
    <s v="N"/>
    <s v="MACSS Dist Billed Revenue-03"/>
    <s v=""/>
    <x v="0"/>
    <s v="CAD0331213"/>
    <s v="S"/>
    <s v="KY"/>
    <s v="REV"/>
    <s v="974"/>
    <s v="GLBATCH"/>
    <n v="12"/>
    <n v="2016"/>
  </r>
  <r>
    <s v="110"/>
    <d v="2016-12-15T00:00:00"/>
    <x v="3"/>
    <x v="0"/>
    <s v="10828"/>
    <s v="GLNANDA"/>
    <n v="-4530.1499999999996"/>
    <n v="-32380"/>
    <s v="Billed Revenues"/>
    <s v="EXV"/>
    <s v="NONBU"/>
    <s v="G0000110"/>
    <s v="N"/>
    <s v="MACSS Dist Billed Revenue-03"/>
    <s v=""/>
    <x v="0"/>
    <s v="CAD0331213"/>
    <s v="S"/>
    <s v="KY"/>
    <s v="REV"/>
    <s v="974"/>
    <s v="GLBATCH"/>
    <n v="12"/>
    <n v="2016"/>
  </r>
  <r>
    <s v="110"/>
    <d v="2016-12-15T00:00:00"/>
    <x v="2"/>
    <x v="0"/>
    <s v="10828"/>
    <s v="GLNANDA"/>
    <n v="-771589.1"/>
    <n v="-5817765"/>
    <s v="Billed Revenues"/>
    <s v="EXV"/>
    <s v="NONBU"/>
    <s v="G0000110"/>
    <s v="N"/>
    <s v="MACSS Dist Billed Revenue-03"/>
    <s v=""/>
    <x v="0"/>
    <s v="CAD0331213"/>
    <s v="S"/>
    <s v="KY"/>
    <s v="REV"/>
    <s v="974"/>
    <s v="GLBATCH"/>
    <n v="12"/>
    <n v="2016"/>
  </r>
  <r>
    <s v="110"/>
    <d v="2016-12-15T00:00:00"/>
    <x v="1"/>
    <x v="0"/>
    <s v="10828"/>
    <s v="GLNANDA"/>
    <n v="-280285.98"/>
    <n v="-2190085"/>
    <s v="Billed Revenues"/>
    <s v="EXV"/>
    <s v="NONBU"/>
    <s v="G0000110"/>
    <s v="N"/>
    <s v="MACSS Dist Billed Revenue-03"/>
    <s v=""/>
    <x v="0"/>
    <s v="CAD0331213"/>
    <s v="S"/>
    <s v="KY"/>
    <s v="REV"/>
    <s v="974"/>
    <s v="GLBATCH"/>
    <n v="12"/>
    <n v="2016"/>
  </r>
  <r>
    <s v="110"/>
    <d v="2016-12-15T00:00:00"/>
    <x v="1"/>
    <x v="0"/>
    <s v="10828"/>
    <s v="GLNANDA"/>
    <n v="0"/>
    <n v="1827"/>
    <s v="Billed Revenues"/>
    <s v="EXV"/>
    <s v="NONBU"/>
    <s v="G0000110"/>
    <s v="N"/>
    <s v="MACSS Dist Billed Revenue-03"/>
    <s v=""/>
    <x v="0"/>
    <s v="CAD0331213"/>
    <s v="S"/>
    <s v="KY"/>
    <s v="REV"/>
    <s v="974"/>
    <s v="GLBATCH"/>
    <n v="12"/>
    <n v="2016"/>
  </r>
  <r>
    <s v="110"/>
    <d v="2016-12-15T00:00:00"/>
    <x v="2"/>
    <x v="0"/>
    <s v="10828"/>
    <s v="GLNANDA"/>
    <n v="0"/>
    <n v="1643"/>
    <s v="Billed Revenues"/>
    <s v="EXV"/>
    <s v="NONBU"/>
    <s v="G0000110"/>
    <s v="N"/>
    <s v="MACSS Dist Billed Revenue-03"/>
    <s v=""/>
    <x v="0"/>
    <s v="CAD0331213"/>
    <s v="S"/>
    <s v="KY"/>
    <s v="REV"/>
    <s v="974"/>
    <s v="GLBATCH"/>
    <n v="12"/>
    <n v="2016"/>
  </r>
  <r>
    <s v="110"/>
    <d v="2016-12-15T00:00:00"/>
    <x v="7"/>
    <x v="0"/>
    <s v="10828"/>
    <s v="GLNANDA"/>
    <n v="0"/>
    <n v="46"/>
    <s v="Billed Revenues"/>
    <s v="EXV"/>
    <s v="NONBU"/>
    <s v="G0000110"/>
    <s v="N"/>
    <s v="MACSS Dist Billed Revenue-03"/>
    <s v=""/>
    <x v="0"/>
    <s v="CAD0331213"/>
    <s v="S"/>
    <s v="KY"/>
    <s v="REV"/>
    <s v="974"/>
    <s v="GLBATCH"/>
    <n v="12"/>
    <n v="2016"/>
  </r>
  <r>
    <s v="110"/>
    <d v="2016-12-15T00:00:00"/>
    <x v="5"/>
    <x v="0"/>
    <s v="10828"/>
    <s v="GLNANDA"/>
    <n v="-137501.07999999999"/>
    <n v="-1081378"/>
    <s v="Billed Revenues"/>
    <s v="EXV"/>
    <s v="NONBU"/>
    <s v="G0000110"/>
    <s v="N"/>
    <s v="MACSS Dist Billed Revenue-03"/>
    <s v=""/>
    <x v="0"/>
    <s v="CAD0331213"/>
    <s v="S"/>
    <s v="KY"/>
    <s v="REV"/>
    <s v="974"/>
    <s v="GLBATCH"/>
    <n v="12"/>
    <n v="2016"/>
  </r>
  <r>
    <s v="110"/>
    <d v="2016-12-15T00:00:00"/>
    <x v="5"/>
    <x v="0"/>
    <s v="10828"/>
    <s v="GLNANDA"/>
    <n v="0"/>
    <n v="188"/>
    <s v="Billed Revenues"/>
    <s v="EXV"/>
    <s v="NONBU"/>
    <s v="G0000110"/>
    <s v="N"/>
    <s v="MACSS Dist Billed Revenue-03"/>
    <s v=""/>
    <x v="0"/>
    <s v="CAD0331213"/>
    <s v="S"/>
    <s v="KY"/>
    <s v="REV"/>
    <s v="974"/>
    <s v="GLBATCH"/>
    <n v="12"/>
    <n v="2016"/>
  </r>
  <r>
    <s v="110"/>
    <d v="2016-12-15T00:00:00"/>
    <x v="3"/>
    <x v="0"/>
    <s v="10828"/>
    <s v="GLNANDA"/>
    <n v="0"/>
    <n v="4"/>
    <s v="Billed Revenues"/>
    <s v="EXV"/>
    <s v="NONBU"/>
    <s v="G0000110"/>
    <s v="N"/>
    <s v="MACSS Dist Billed Revenue-03"/>
    <s v=""/>
    <x v="0"/>
    <s v="CAD0331213"/>
    <s v="S"/>
    <s v="KY"/>
    <s v="REV"/>
    <s v="974"/>
    <s v="GLBATCH"/>
    <n v="12"/>
    <n v="2016"/>
  </r>
  <r>
    <s v="110"/>
    <d v="2016-12-15T00:00:00"/>
    <x v="0"/>
    <x v="0"/>
    <s v="10828"/>
    <s v="GLNANDA"/>
    <n v="-45337.599999999999"/>
    <n v="-568011"/>
    <s v="Billed Revenues"/>
    <s v="EXV"/>
    <s v="NONBU"/>
    <s v="G0000110"/>
    <s v="N"/>
    <s v="MACSS Dist Billed Revenue-03"/>
    <s v=""/>
    <x v="0"/>
    <s v="CAD0331213"/>
    <s v="S"/>
    <s v="KY"/>
    <s v="REV"/>
    <s v="974"/>
    <s v="GLBATCH"/>
    <n v="12"/>
    <n v="2016"/>
  </r>
  <r>
    <s v="110"/>
    <d v="2016-12-15T00:00:00"/>
    <x v="0"/>
    <x v="0"/>
    <s v="10828"/>
    <s v="GLNANDA"/>
    <n v="0"/>
    <n v="31"/>
    <s v="Billed Revenues"/>
    <s v="EXV"/>
    <s v="NONBU"/>
    <s v="G0000110"/>
    <s v="N"/>
    <s v="MACSS Dist Billed Revenue-03"/>
    <s v=""/>
    <x v="0"/>
    <s v="CAD0331213"/>
    <s v="S"/>
    <s v="KY"/>
    <s v="REV"/>
    <s v="974"/>
    <s v="GLBATCH"/>
    <n v="12"/>
    <n v="2016"/>
  </r>
  <r>
    <s v="110"/>
    <d v="2016-12-15T00:00:00"/>
    <x v="6"/>
    <x v="0"/>
    <s v="10828"/>
    <s v="GLNANDA"/>
    <n v="-4253.49"/>
    <n v="-28288"/>
    <s v="Billed Revenues"/>
    <s v="EXV"/>
    <s v="NONBU"/>
    <s v="G0000110"/>
    <s v="N"/>
    <s v="MACSS Dist Billed Revenue-03"/>
    <s v=""/>
    <x v="0"/>
    <s v="CAD0331213"/>
    <s v="S"/>
    <s v="KY"/>
    <s v="REV"/>
    <s v="974"/>
    <s v="GLBATCH"/>
    <n v="12"/>
    <n v="2016"/>
  </r>
  <r>
    <s v="110"/>
    <d v="2016-12-15T00:00:00"/>
    <x v="6"/>
    <x v="0"/>
    <s v="10828"/>
    <s v="GLNANDA"/>
    <n v="0"/>
    <n v="12"/>
    <s v="Billed Revenues"/>
    <s v="EXV"/>
    <s v="NONBU"/>
    <s v="G0000110"/>
    <s v="N"/>
    <s v="MACSS Dist Billed Revenue-03"/>
    <s v=""/>
    <x v="0"/>
    <s v="CAD0331213"/>
    <s v="S"/>
    <s v="KY"/>
    <s v="REV"/>
    <s v="974"/>
    <s v="GLBATCH"/>
    <n v="12"/>
    <n v="2016"/>
  </r>
  <r>
    <s v="110"/>
    <d v="2016-12-15T00:00:00"/>
    <x v="4"/>
    <x v="0"/>
    <s v="10828"/>
    <s v="GLNANDA"/>
    <n v="-985098.8"/>
    <n v="-8003707"/>
    <s v="Billed Revenues"/>
    <s v="EXV"/>
    <s v="NONBU"/>
    <s v="G0000110"/>
    <s v="N"/>
    <s v="MACSS Dist Billed Revenue-03"/>
    <s v=""/>
    <x v="0"/>
    <s v="CAD0331213"/>
    <s v="S"/>
    <s v="KY"/>
    <s v="REV"/>
    <s v="974"/>
    <s v="GLBATCH"/>
    <n v="12"/>
    <n v="2016"/>
  </r>
  <r>
    <s v="110"/>
    <d v="2016-12-15T00:00:00"/>
    <x v="7"/>
    <x v="0"/>
    <s v="10828"/>
    <s v="GLNANDA"/>
    <n v="-114709.31"/>
    <n v="-926608"/>
    <s v="Billed Revenues"/>
    <s v="EXV"/>
    <s v="NONBU"/>
    <s v="G0000110"/>
    <s v="N"/>
    <s v="MACSS Dist Billed Revenue-03"/>
    <s v=""/>
    <x v="0"/>
    <s v="CAD0331213"/>
    <s v="S"/>
    <s v="KY"/>
    <s v="REV"/>
    <s v="974"/>
    <s v="GLBATCH"/>
    <n v="12"/>
    <n v="2016"/>
  </r>
  <r>
    <s v="110"/>
    <d v="2016-12-15T00:00:00"/>
    <x v="6"/>
    <x v="0"/>
    <s v="10828"/>
    <s v="GLNANDA"/>
    <n v="0"/>
    <n v="17"/>
    <s v="Billed Revenues"/>
    <s v="EXV"/>
    <s v="NONBU"/>
    <s v="G0000110"/>
    <s v="N"/>
    <s v="MACSS Dist Billed Revenue-03"/>
    <s v=""/>
    <x v="0"/>
    <s v="CAD0331214"/>
    <s v="S"/>
    <s v="KY"/>
    <s v="REV"/>
    <s v="974"/>
    <s v="GLBATCH"/>
    <n v="12"/>
    <n v="2016"/>
  </r>
  <r>
    <s v="110"/>
    <d v="2016-12-15T00:00:00"/>
    <x v="6"/>
    <x v="0"/>
    <s v="10828"/>
    <s v="GLNANDA"/>
    <n v="-921.77"/>
    <n v="-4443"/>
    <s v="Billed Revenues"/>
    <s v="EXV"/>
    <s v="NONBU"/>
    <s v="G0000110"/>
    <s v="N"/>
    <s v="MACSS Dist Billed Revenue-03"/>
    <s v=""/>
    <x v="0"/>
    <s v="CAD0331214"/>
    <s v="S"/>
    <s v="KY"/>
    <s v="REV"/>
    <s v="974"/>
    <s v="GLBATCH"/>
    <n v="12"/>
    <n v="2016"/>
  </r>
  <r>
    <s v="110"/>
    <d v="2016-12-15T00:00:00"/>
    <x v="5"/>
    <x v="0"/>
    <s v="10828"/>
    <s v="GLNANDA"/>
    <n v="0"/>
    <n v="140"/>
    <s v="Billed Revenues"/>
    <s v="EXV"/>
    <s v="NONBU"/>
    <s v="G0000110"/>
    <s v="N"/>
    <s v="MACSS Dist Billed Revenue-03"/>
    <s v=""/>
    <x v="0"/>
    <s v="CAD0331214"/>
    <s v="S"/>
    <s v="KY"/>
    <s v="REV"/>
    <s v="974"/>
    <s v="GLBATCH"/>
    <n v="12"/>
    <n v="2016"/>
  </r>
  <r>
    <s v="110"/>
    <d v="2016-12-15T00:00:00"/>
    <x v="5"/>
    <x v="0"/>
    <s v="10828"/>
    <s v="GLNANDA"/>
    <n v="-79207.34"/>
    <n v="-609548"/>
    <s v="Billed Revenues"/>
    <s v="EXV"/>
    <s v="NONBU"/>
    <s v="G0000110"/>
    <s v="N"/>
    <s v="MACSS Dist Billed Revenue-03"/>
    <s v=""/>
    <x v="0"/>
    <s v="CAD0331214"/>
    <s v="S"/>
    <s v="KY"/>
    <s v="REV"/>
    <s v="974"/>
    <s v="GLBATCH"/>
    <n v="12"/>
    <n v="2016"/>
  </r>
  <r>
    <s v="110"/>
    <d v="2016-12-15T00:00:00"/>
    <x v="1"/>
    <x v="0"/>
    <s v="10828"/>
    <s v="GLNANDA"/>
    <n v="0"/>
    <n v="2550"/>
    <s v="Billed Revenues"/>
    <s v="EXV"/>
    <s v="NONBU"/>
    <s v="G0000110"/>
    <s v="N"/>
    <s v="MACSS Dist Billed Revenue-03"/>
    <s v=""/>
    <x v="0"/>
    <s v="CAD0331214"/>
    <s v="S"/>
    <s v="KY"/>
    <s v="REV"/>
    <s v="974"/>
    <s v="GLBATCH"/>
    <n v="12"/>
    <n v="2016"/>
  </r>
  <r>
    <s v="110"/>
    <d v="2016-12-15T00:00:00"/>
    <x v="1"/>
    <x v="0"/>
    <s v="10828"/>
    <s v="GLNANDA"/>
    <n v="-413702.95"/>
    <n v="-3264312"/>
    <s v="Billed Revenues"/>
    <s v="EXV"/>
    <s v="NONBU"/>
    <s v="G0000110"/>
    <s v="N"/>
    <s v="MACSS Dist Billed Revenue-03"/>
    <s v=""/>
    <x v="0"/>
    <s v="CAD0331214"/>
    <s v="S"/>
    <s v="KY"/>
    <s v="REV"/>
    <s v="974"/>
    <s v="GLBATCH"/>
    <n v="12"/>
    <n v="2016"/>
  </r>
  <r>
    <s v="110"/>
    <d v="2016-12-15T00:00:00"/>
    <x v="4"/>
    <x v="0"/>
    <s v="10828"/>
    <s v="GLNANDA"/>
    <n v="0"/>
    <n v="4987"/>
    <s v="Billed Revenues"/>
    <s v="EXV"/>
    <s v="NONBU"/>
    <s v="G0000110"/>
    <s v="N"/>
    <s v="MACSS Dist Billed Revenue-03"/>
    <s v=""/>
    <x v="0"/>
    <s v="CAD0331214"/>
    <s v="S"/>
    <s v="KY"/>
    <s v="REV"/>
    <s v="974"/>
    <s v="GLBATCH"/>
    <n v="12"/>
    <n v="2016"/>
  </r>
  <r>
    <s v="110"/>
    <d v="2016-12-15T00:00:00"/>
    <x v="4"/>
    <x v="0"/>
    <s v="10828"/>
    <s v="GLNANDA"/>
    <n v="-1122891.67"/>
    <n v="-9129458"/>
    <s v="Billed Revenues"/>
    <s v="EXV"/>
    <s v="NONBU"/>
    <s v="G0000110"/>
    <s v="N"/>
    <s v="MACSS Dist Billed Revenue-03"/>
    <s v=""/>
    <x v="0"/>
    <s v="CAD0331214"/>
    <s v="S"/>
    <s v="KY"/>
    <s v="REV"/>
    <s v="974"/>
    <s v="GLBATCH"/>
    <n v="12"/>
    <n v="2016"/>
  </r>
  <r>
    <s v="110"/>
    <d v="2016-12-15T00:00:00"/>
    <x v="0"/>
    <x v="0"/>
    <s v="10828"/>
    <s v="GLNANDA"/>
    <n v="0"/>
    <n v="33"/>
    <s v="Billed Revenues"/>
    <s v="EXV"/>
    <s v="NONBU"/>
    <s v="G0000110"/>
    <s v="N"/>
    <s v="MACSS Dist Billed Revenue-03"/>
    <s v=""/>
    <x v="0"/>
    <s v="CAD0331214"/>
    <s v="S"/>
    <s v="KY"/>
    <s v="REV"/>
    <s v="974"/>
    <s v="GLBATCH"/>
    <n v="12"/>
    <n v="2016"/>
  </r>
  <r>
    <s v="110"/>
    <d v="2016-12-15T00:00:00"/>
    <x v="0"/>
    <x v="0"/>
    <s v="10828"/>
    <s v="GLNANDA"/>
    <n v="-37539.040000000001"/>
    <n v="-264919"/>
    <s v="Billed Revenues"/>
    <s v="EXV"/>
    <s v="NONBU"/>
    <s v="G0000110"/>
    <s v="N"/>
    <s v="MACSS Dist Billed Revenue-03"/>
    <s v=""/>
    <x v="0"/>
    <s v="CAD0331214"/>
    <s v="S"/>
    <s v="KY"/>
    <s v="REV"/>
    <s v="974"/>
    <s v="GLBATCH"/>
    <n v="12"/>
    <n v="2016"/>
  </r>
  <r>
    <s v="110"/>
    <d v="2016-12-15T00:00:00"/>
    <x v="2"/>
    <x v="0"/>
    <s v="10828"/>
    <s v="GLNANDA"/>
    <n v="0"/>
    <n v="1519"/>
    <s v="Billed Revenues"/>
    <s v="EXV"/>
    <s v="NONBU"/>
    <s v="G0000110"/>
    <s v="N"/>
    <s v="MACSS Dist Billed Revenue-03"/>
    <s v=""/>
    <x v="0"/>
    <s v="CAD0331214"/>
    <s v="S"/>
    <s v="KY"/>
    <s v="REV"/>
    <s v="974"/>
    <s v="GLBATCH"/>
    <n v="12"/>
    <n v="2016"/>
  </r>
  <r>
    <s v="110"/>
    <d v="2016-12-15T00:00:00"/>
    <x v="2"/>
    <x v="0"/>
    <s v="10828"/>
    <s v="GLNANDA"/>
    <n v="-581847.80000000005"/>
    <n v="-4332042"/>
    <s v="Billed Revenues"/>
    <s v="EXV"/>
    <s v="NONBU"/>
    <s v="G0000110"/>
    <s v="N"/>
    <s v="MACSS Dist Billed Revenue-03"/>
    <s v=""/>
    <x v="0"/>
    <s v="CAD0331214"/>
    <s v="S"/>
    <s v="KY"/>
    <s v="REV"/>
    <s v="974"/>
    <s v="GLBATCH"/>
    <n v="12"/>
    <n v="2016"/>
  </r>
  <r>
    <s v="110"/>
    <d v="2016-12-15T00:00:00"/>
    <x v="7"/>
    <x v="0"/>
    <s v="10828"/>
    <s v="GLNANDA"/>
    <n v="0"/>
    <n v="41"/>
    <s v="Billed Revenues"/>
    <s v="EXV"/>
    <s v="NONBU"/>
    <s v="G0000110"/>
    <s v="N"/>
    <s v="MACSS Dist Billed Revenue-03"/>
    <s v=""/>
    <x v="0"/>
    <s v="CAD0331214"/>
    <s v="S"/>
    <s v="KY"/>
    <s v="REV"/>
    <s v="974"/>
    <s v="GLBATCH"/>
    <n v="12"/>
    <n v="2016"/>
  </r>
  <r>
    <s v="110"/>
    <d v="2016-12-15T00:00:00"/>
    <x v="7"/>
    <x v="0"/>
    <s v="10828"/>
    <s v="GLNANDA"/>
    <n v="-135594.47"/>
    <n v="-1222355"/>
    <s v="Billed Revenues"/>
    <s v="EXV"/>
    <s v="NONBU"/>
    <s v="G0000110"/>
    <s v="N"/>
    <s v="MACSS Dist Billed Revenue-03"/>
    <s v=""/>
    <x v="0"/>
    <s v="CAD0331214"/>
    <s v="S"/>
    <s v="KY"/>
    <s v="REV"/>
    <s v="974"/>
    <s v="GLBATCH"/>
    <n v="12"/>
    <n v="2016"/>
  </r>
  <r>
    <s v="110"/>
    <d v="2016-12-15T00:00:00"/>
    <x v="3"/>
    <x v="0"/>
    <s v="10828"/>
    <s v="GLNANDA"/>
    <n v="0"/>
    <n v="11"/>
    <s v="Billed Revenues"/>
    <s v="EXV"/>
    <s v="NONBU"/>
    <s v="G0000110"/>
    <s v="N"/>
    <s v="MACSS Dist Billed Revenue-03"/>
    <s v=""/>
    <x v="0"/>
    <s v="CAD0331214"/>
    <s v="S"/>
    <s v="KY"/>
    <s v="REV"/>
    <s v="974"/>
    <s v="GLBATCH"/>
    <n v="12"/>
    <n v="2016"/>
  </r>
  <r>
    <s v="110"/>
    <d v="2016-12-15T00:00:00"/>
    <x v="3"/>
    <x v="0"/>
    <s v="10828"/>
    <s v="GLNANDA"/>
    <n v="-92400.46"/>
    <n v="-1167414"/>
    <s v="Billed Revenues"/>
    <s v="EXV"/>
    <s v="NONBU"/>
    <s v="G0000110"/>
    <s v="N"/>
    <s v="MACSS Dist Billed Revenue-03"/>
    <s v=""/>
    <x v="0"/>
    <s v="CAD0331214"/>
    <s v="S"/>
    <s v="KY"/>
    <s v="REV"/>
    <s v="974"/>
    <s v="GLBATCH"/>
    <n v="12"/>
    <n v="2016"/>
  </r>
  <r>
    <s v="110"/>
    <d v="2016-12-15T00:00:00"/>
    <x v="4"/>
    <x v="0"/>
    <s v="10828"/>
    <s v="GLNANDA"/>
    <n v="-921783.14"/>
    <n v="-7509096"/>
    <s v="Billed Revenues"/>
    <s v="EXV"/>
    <s v="NONBU"/>
    <s v="G0000110"/>
    <s v="N"/>
    <s v="MACSS Dist Billed Revenue-03"/>
    <s v=""/>
    <x v="0"/>
    <s v="CAD0331215"/>
    <s v="S"/>
    <s v="KY"/>
    <s v="REV"/>
    <s v="974"/>
    <s v="GLBATCH"/>
    <n v="12"/>
    <n v="2016"/>
  </r>
  <r>
    <s v="110"/>
    <d v="2016-12-15T00:00:00"/>
    <x v="3"/>
    <x v="0"/>
    <s v="10828"/>
    <s v="GLNANDA"/>
    <n v="0"/>
    <n v="9"/>
    <s v="Billed Revenues"/>
    <s v="EXV"/>
    <s v="NONBU"/>
    <s v="G0000110"/>
    <s v="N"/>
    <s v="MACSS Dist Billed Revenue-03"/>
    <s v=""/>
    <x v="0"/>
    <s v="CAD0331215"/>
    <s v="S"/>
    <s v="KY"/>
    <s v="REV"/>
    <s v="974"/>
    <s v="GLBATCH"/>
    <n v="12"/>
    <n v="2016"/>
  </r>
  <r>
    <s v="110"/>
    <d v="2016-12-15T00:00:00"/>
    <x v="7"/>
    <x v="0"/>
    <s v="10828"/>
    <s v="GLNANDA"/>
    <n v="-32640.39"/>
    <n v="-268150"/>
    <s v="Billed Revenues"/>
    <s v="EXV"/>
    <s v="NONBU"/>
    <s v="G0000110"/>
    <s v="N"/>
    <s v="MACSS Dist Billed Revenue-03"/>
    <s v=""/>
    <x v="0"/>
    <s v="CAD0331215"/>
    <s v="S"/>
    <s v="KY"/>
    <s v="REV"/>
    <s v="974"/>
    <s v="GLBATCH"/>
    <n v="12"/>
    <n v="2016"/>
  </r>
  <r>
    <s v="110"/>
    <d v="2016-12-15T00:00:00"/>
    <x v="7"/>
    <x v="0"/>
    <s v="10828"/>
    <s v="GLNANDA"/>
    <n v="0"/>
    <n v="12"/>
    <s v="Billed Revenues"/>
    <s v="EXV"/>
    <s v="NONBU"/>
    <s v="G0000110"/>
    <s v="N"/>
    <s v="MACSS Dist Billed Revenue-03"/>
    <s v=""/>
    <x v="0"/>
    <s v="CAD0331215"/>
    <s v="S"/>
    <s v="KY"/>
    <s v="REV"/>
    <s v="974"/>
    <s v="GLBATCH"/>
    <n v="12"/>
    <n v="2016"/>
  </r>
  <r>
    <s v="110"/>
    <d v="2016-12-15T00:00:00"/>
    <x v="2"/>
    <x v="0"/>
    <s v="10828"/>
    <s v="GLNANDA"/>
    <n v="-365334.64"/>
    <n v="-3679504"/>
    <s v="Billed Revenues"/>
    <s v="EXV"/>
    <s v="NONBU"/>
    <s v="G0000110"/>
    <s v="N"/>
    <s v="MACSS Dist Billed Revenue-03"/>
    <s v=""/>
    <x v="0"/>
    <s v="CAD0331215"/>
    <s v="S"/>
    <s v="KY"/>
    <s v="REV"/>
    <s v="974"/>
    <s v="GLBATCH"/>
    <n v="12"/>
    <n v="2016"/>
  </r>
  <r>
    <s v="110"/>
    <d v="2016-12-15T00:00:00"/>
    <x v="2"/>
    <x v="0"/>
    <s v="10828"/>
    <s v="GLNANDA"/>
    <n v="0"/>
    <n v="1023"/>
    <s v="Billed Revenues"/>
    <s v="EXV"/>
    <s v="NONBU"/>
    <s v="G0000110"/>
    <s v="N"/>
    <s v="MACSS Dist Billed Revenue-03"/>
    <s v=""/>
    <x v="0"/>
    <s v="CAD0331215"/>
    <s v="S"/>
    <s v="KY"/>
    <s v="REV"/>
    <s v="974"/>
    <s v="GLBATCH"/>
    <n v="12"/>
    <n v="2016"/>
  </r>
  <r>
    <s v="110"/>
    <d v="2016-12-15T00:00:00"/>
    <x v="0"/>
    <x v="0"/>
    <s v="10828"/>
    <s v="GLNANDA"/>
    <n v="-31329.439999999999"/>
    <n v="-225804"/>
    <s v="Billed Revenues"/>
    <s v="EXV"/>
    <s v="NONBU"/>
    <s v="G0000110"/>
    <s v="N"/>
    <s v="MACSS Dist Billed Revenue-03"/>
    <s v=""/>
    <x v="0"/>
    <s v="CAD0331215"/>
    <s v="S"/>
    <s v="KY"/>
    <s v="REV"/>
    <s v="974"/>
    <s v="GLBATCH"/>
    <n v="12"/>
    <n v="2016"/>
  </r>
  <r>
    <s v="110"/>
    <d v="2016-12-15T00:00:00"/>
    <x v="0"/>
    <x v="0"/>
    <s v="10828"/>
    <s v="GLNANDA"/>
    <n v="0"/>
    <n v="24"/>
    <s v="Billed Revenues"/>
    <s v="EXV"/>
    <s v="NONBU"/>
    <s v="G0000110"/>
    <s v="N"/>
    <s v="MACSS Dist Billed Revenue-03"/>
    <s v=""/>
    <x v="0"/>
    <s v="CAD0331215"/>
    <s v="S"/>
    <s v="KY"/>
    <s v="REV"/>
    <s v="974"/>
    <s v="GLBATCH"/>
    <n v="12"/>
    <n v="2016"/>
  </r>
  <r>
    <s v="110"/>
    <d v="2016-12-15T00:00:00"/>
    <x v="3"/>
    <x v="0"/>
    <s v="10828"/>
    <s v="GLNANDA"/>
    <n v="-15475.19"/>
    <n v="-156262"/>
    <s v="Billed Revenues"/>
    <s v="EXV"/>
    <s v="NONBU"/>
    <s v="G0000110"/>
    <s v="N"/>
    <s v="MACSS Dist Billed Revenue-03"/>
    <s v=""/>
    <x v="0"/>
    <s v="CAD0331215"/>
    <s v="S"/>
    <s v="KY"/>
    <s v="REV"/>
    <s v="974"/>
    <s v="GLBATCH"/>
    <n v="12"/>
    <n v="2016"/>
  </r>
  <r>
    <s v="110"/>
    <d v="2016-12-15T00:00:00"/>
    <x v="4"/>
    <x v="0"/>
    <s v="10828"/>
    <s v="GLNANDA"/>
    <n v="0"/>
    <n v="3805"/>
    <s v="Billed Revenues"/>
    <s v="EXV"/>
    <s v="NONBU"/>
    <s v="G0000110"/>
    <s v="N"/>
    <s v="MACSS Dist Billed Revenue-03"/>
    <s v=""/>
    <x v="0"/>
    <s v="CAD0331215"/>
    <s v="S"/>
    <s v="KY"/>
    <s v="REV"/>
    <s v="974"/>
    <s v="GLBATCH"/>
    <n v="12"/>
    <n v="2016"/>
  </r>
  <r>
    <s v="110"/>
    <d v="2016-12-15T00:00:00"/>
    <x v="1"/>
    <x v="0"/>
    <s v="10828"/>
    <s v="GLNANDA"/>
    <n v="-288037.51"/>
    <n v="-2254584"/>
    <s v="Billed Revenues"/>
    <s v="EXV"/>
    <s v="NONBU"/>
    <s v="G0000110"/>
    <s v="N"/>
    <s v="MACSS Dist Billed Revenue-03"/>
    <s v=""/>
    <x v="0"/>
    <s v="CAD0331215"/>
    <s v="S"/>
    <s v="KY"/>
    <s v="REV"/>
    <s v="974"/>
    <s v="GLBATCH"/>
    <n v="12"/>
    <n v="2016"/>
  </r>
  <r>
    <s v="110"/>
    <d v="2016-12-15T00:00:00"/>
    <x v="1"/>
    <x v="0"/>
    <s v="10828"/>
    <s v="GLNANDA"/>
    <n v="0"/>
    <n v="1834"/>
    <s v="Billed Revenues"/>
    <s v="EXV"/>
    <s v="NONBU"/>
    <s v="G0000110"/>
    <s v="N"/>
    <s v="MACSS Dist Billed Revenue-03"/>
    <s v=""/>
    <x v="0"/>
    <s v="CAD0331215"/>
    <s v="S"/>
    <s v="KY"/>
    <s v="REV"/>
    <s v="974"/>
    <s v="GLBATCH"/>
    <n v="12"/>
    <n v="2016"/>
  </r>
  <r>
    <s v="110"/>
    <d v="2016-12-15T00:00:00"/>
    <x v="5"/>
    <x v="0"/>
    <s v="10828"/>
    <s v="GLNANDA"/>
    <n v="-48341.55"/>
    <n v="-373434"/>
    <s v="Billed Revenues"/>
    <s v="EXV"/>
    <s v="NONBU"/>
    <s v="G0000110"/>
    <s v="N"/>
    <s v="MACSS Dist Billed Revenue-03"/>
    <s v=""/>
    <x v="0"/>
    <s v="CAD0331215"/>
    <s v="S"/>
    <s v="KY"/>
    <s v="REV"/>
    <s v="974"/>
    <s v="GLBATCH"/>
    <n v="12"/>
    <n v="2016"/>
  </r>
  <r>
    <s v="110"/>
    <d v="2016-12-15T00:00:00"/>
    <x v="5"/>
    <x v="0"/>
    <s v="10828"/>
    <s v="GLNANDA"/>
    <n v="0"/>
    <n v="84"/>
    <s v="Billed Revenues"/>
    <s v="EXV"/>
    <s v="NONBU"/>
    <s v="G0000110"/>
    <s v="N"/>
    <s v="MACSS Dist Billed Revenue-03"/>
    <s v=""/>
    <x v="0"/>
    <s v="CAD0331215"/>
    <s v="S"/>
    <s v="KY"/>
    <s v="REV"/>
    <s v="974"/>
    <s v="GLBATCH"/>
    <n v="12"/>
    <n v="2016"/>
  </r>
  <r>
    <s v="110"/>
    <d v="2016-12-15T00:00:00"/>
    <x v="6"/>
    <x v="0"/>
    <s v="10828"/>
    <s v="GLNANDA"/>
    <n v="-98.6"/>
    <n v="-518"/>
    <s v="Billed Revenues"/>
    <s v="EXV"/>
    <s v="NONBU"/>
    <s v="G0000110"/>
    <s v="N"/>
    <s v="MACSS Dist Billed Revenue-03"/>
    <s v=""/>
    <x v="0"/>
    <s v="CAD0331215"/>
    <s v="S"/>
    <s v="KY"/>
    <s v="REV"/>
    <s v="974"/>
    <s v="GLBATCH"/>
    <n v="12"/>
    <n v="2016"/>
  </r>
  <r>
    <s v="110"/>
    <d v="2016-12-15T00:00:00"/>
    <x v="6"/>
    <x v="0"/>
    <s v="10828"/>
    <s v="GLNANDA"/>
    <n v="0"/>
    <n v="1"/>
    <s v="Billed Revenues"/>
    <s v="EXV"/>
    <s v="NONBU"/>
    <s v="G0000110"/>
    <s v="N"/>
    <s v="MACSS Dist Billed Revenue-03"/>
    <s v=""/>
    <x v="0"/>
    <s v="CAD0331215"/>
    <s v="S"/>
    <s v="KY"/>
    <s v="REV"/>
    <s v="974"/>
    <s v="GLBATCH"/>
    <n v="12"/>
    <n v="2016"/>
  </r>
  <r>
    <s v="110"/>
    <d v="2016-12-15T00:00:00"/>
    <x v="2"/>
    <x v="0"/>
    <s v="10828"/>
    <s v="GLNANDA"/>
    <n v="0"/>
    <n v="989"/>
    <s v="Billed Revenues"/>
    <s v="EXV"/>
    <s v="NONBU"/>
    <s v="G0000110"/>
    <s v="N"/>
    <s v="MACSS Dist Billed Revenue-03"/>
    <s v=""/>
    <x v="0"/>
    <s v="CAD0331216"/>
    <s v="S"/>
    <s v="KY"/>
    <s v="REV"/>
    <s v="974"/>
    <s v="GLBATCH"/>
    <n v="12"/>
    <n v="2016"/>
  </r>
  <r>
    <s v="110"/>
    <d v="2016-12-15T00:00:00"/>
    <x v="2"/>
    <x v="0"/>
    <s v="10828"/>
    <s v="GLNANDA"/>
    <n v="-188435.85"/>
    <n v="-1435364"/>
    <s v="Billed Revenues"/>
    <s v="EXV"/>
    <s v="NONBU"/>
    <s v="G0000110"/>
    <s v="N"/>
    <s v="MACSS Dist Billed Revenue-03"/>
    <s v=""/>
    <x v="0"/>
    <s v="CAD0331216"/>
    <s v="S"/>
    <s v="KY"/>
    <s v="REV"/>
    <s v="974"/>
    <s v="GLBATCH"/>
    <n v="12"/>
    <n v="2016"/>
  </r>
  <r>
    <s v="110"/>
    <d v="2016-12-15T00:00:00"/>
    <x v="3"/>
    <x v="0"/>
    <s v="10828"/>
    <s v="GLNANDA"/>
    <n v="-182484.31"/>
    <n v="-1877578"/>
    <s v="Billed Revenues"/>
    <s v="EXV"/>
    <s v="NONBU"/>
    <s v="G0000110"/>
    <s v="N"/>
    <s v="MACSS Dist Billed Revenue-03"/>
    <s v=""/>
    <x v="0"/>
    <s v="CAD0331216"/>
    <s v="S"/>
    <s v="KY"/>
    <s v="REV"/>
    <s v="974"/>
    <s v="GLBATCH"/>
    <n v="12"/>
    <n v="2016"/>
  </r>
  <r>
    <s v="110"/>
    <d v="2016-12-15T00:00:00"/>
    <x v="0"/>
    <x v="0"/>
    <s v="10828"/>
    <s v="GLNANDA"/>
    <n v="0"/>
    <n v="47"/>
    <s v="Billed Revenues"/>
    <s v="EXV"/>
    <s v="NONBU"/>
    <s v="G0000110"/>
    <s v="N"/>
    <s v="MACSS Dist Billed Revenue-03"/>
    <s v=""/>
    <x v="0"/>
    <s v="CAD0331216"/>
    <s v="S"/>
    <s v="KY"/>
    <s v="REV"/>
    <s v="974"/>
    <s v="GLBATCH"/>
    <n v="12"/>
    <n v="2016"/>
  </r>
  <r>
    <s v="110"/>
    <d v="2016-12-15T00:00:00"/>
    <x v="0"/>
    <x v="0"/>
    <s v="10828"/>
    <s v="GLNANDA"/>
    <n v="-80153.210000000006"/>
    <n v="-706904"/>
    <s v="Billed Revenues"/>
    <s v="EXV"/>
    <s v="NONBU"/>
    <s v="G0000110"/>
    <s v="N"/>
    <s v="MACSS Dist Billed Revenue-03"/>
    <s v=""/>
    <x v="0"/>
    <s v="CAD0331216"/>
    <s v="S"/>
    <s v="KY"/>
    <s v="REV"/>
    <s v="974"/>
    <s v="GLBATCH"/>
    <n v="12"/>
    <n v="2016"/>
  </r>
  <r>
    <s v="110"/>
    <d v="2016-12-15T00:00:00"/>
    <x v="7"/>
    <x v="0"/>
    <s v="10828"/>
    <s v="GLNANDA"/>
    <n v="-78488.83"/>
    <n v="-603882"/>
    <s v="Billed Revenues"/>
    <s v="EXV"/>
    <s v="NONBU"/>
    <s v="G0000110"/>
    <s v="N"/>
    <s v="MACSS Dist Billed Revenue-03"/>
    <s v=""/>
    <x v="0"/>
    <s v="CAD0331216"/>
    <s v="S"/>
    <s v="KY"/>
    <s v="REV"/>
    <s v="974"/>
    <s v="GLBATCH"/>
    <n v="12"/>
    <n v="2016"/>
  </r>
  <r>
    <s v="110"/>
    <d v="2016-12-15T00:00:00"/>
    <x v="7"/>
    <x v="0"/>
    <s v="10828"/>
    <s v="GLNANDA"/>
    <n v="0"/>
    <n v="20"/>
    <s v="Billed Revenues"/>
    <s v="EXV"/>
    <s v="NONBU"/>
    <s v="G0000110"/>
    <s v="N"/>
    <s v="MACSS Dist Billed Revenue-03"/>
    <s v=""/>
    <x v="0"/>
    <s v="CAD0331216"/>
    <s v="S"/>
    <s v="KY"/>
    <s v="REV"/>
    <s v="974"/>
    <s v="GLBATCH"/>
    <n v="12"/>
    <n v="2016"/>
  </r>
  <r>
    <s v="110"/>
    <d v="2016-12-15T00:00:00"/>
    <x v="6"/>
    <x v="0"/>
    <s v="10828"/>
    <s v="GLNANDA"/>
    <n v="0"/>
    <n v="7"/>
    <s v="Billed Revenues"/>
    <s v="EXV"/>
    <s v="NONBU"/>
    <s v="G0000110"/>
    <s v="N"/>
    <s v="MACSS Dist Billed Revenue-03"/>
    <s v=""/>
    <x v="0"/>
    <s v="CAD0331216"/>
    <s v="S"/>
    <s v="KY"/>
    <s v="REV"/>
    <s v="974"/>
    <s v="GLBATCH"/>
    <n v="12"/>
    <n v="2016"/>
  </r>
  <r>
    <s v="110"/>
    <d v="2016-12-15T00:00:00"/>
    <x v="6"/>
    <x v="0"/>
    <s v="10828"/>
    <s v="GLNANDA"/>
    <n v="-353.13"/>
    <n v="-1444"/>
    <s v="Billed Revenues"/>
    <s v="EXV"/>
    <s v="NONBU"/>
    <s v="G0000110"/>
    <s v="N"/>
    <s v="MACSS Dist Billed Revenue-03"/>
    <s v=""/>
    <x v="0"/>
    <s v="CAD0331216"/>
    <s v="S"/>
    <s v="KY"/>
    <s v="REV"/>
    <s v="974"/>
    <s v="GLBATCH"/>
    <n v="12"/>
    <n v="2016"/>
  </r>
  <r>
    <s v="110"/>
    <d v="2016-12-15T00:00:00"/>
    <x v="4"/>
    <x v="0"/>
    <s v="10828"/>
    <s v="GLNANDA"/>
    <n v="-845093.21"/>
    <n v="-6869538"/>
    <s v="Billed Revenues"/>
    <s v="EXV"/>
    <s v="NONBU"/>
    <s v="G0000110"/>
    <s v="N"/>
    <s v="MACSS Dist Billed Revenue-03"/>
    <s v=""/>
    <x v="0"/>
    <s v="CAD0331216"/>
    <s v="S"/>
    <s v="KY"/>
    <s v="REV"/>
    <s v="974"/>
    <s v="GLBATCH"/>
    <n v="12"/>
    <n v="2016"/>
  </r>
  <r>
    <s v="110"/>
    <d v="2016-12-15T00:00:00"/>
    <x v="4"/>
    <x v="0"/>
    <s v="10828"/>
    <s v="GLNANDA"/>
    <n v="0"/>
    <n v="3673"/>
    <s v="Billed Revenues"/>
    <s v="EXV"/>
    <s v="NONBU"/>
    <s v="G0000110"/>
    <s v="N"/>
    <s v="MACSS Dist Billed Revenue-03"/>
    <s v=""/>
    <x v="0"/>
    <s v="CAD0331216"/>
    <s v="S"/>
    <s v="KY"/>
    <s v="REV"/>
    <s v="974"/>
    <s v="GLBATCH"/>
    <n v="12"/>
    <n v="2016"/>
  </r>
  <r>
    <s v="110"/>
    <d v="2016-12-15T00:00:00"/>
    <x v="1"/>
    <x v="0"/>
    <s v="10828"/>
    <s v="GLNANDA"/>
    <n v="-411940.87"/>
    <n v="-3221289"/>
    <s v="Billed Revenues"/>
    <s v="EXV"/>
    <s v="NONBU"/>
    <s v="G0000110"/>
    <s v="N"/>
    <s v="MACSS Dist Billed Revenue-03"/>
    <s v=""/>
    <x v="0"/>
    <s v="CAD0331216"/>
    <s v="S"/>
    <s v="KY"/>
    <s v="REV"/>
    <s v="974"/>
    <s v="GLBATCH"/>
    <n v="12"/>
    <n v="2016"/>
  </r>
  <r>
    <s v="110"/>
    <d v="2016-12-15T00:00:00"/>
    <x v="1"/>
    <x v="0"/>
    <s v="10828"/>
    <s v="GLNANDA"/>
    <n v="0"/>
    <n v="2829"/>
    <s v="Billed Revenues"/>
    <s v="EXV"/>
    <s v="NONBU"/>
    <s v="G0000110"/>
    <s v="N"/>
    <s v="MACSS Dist Billed Revenue-03"/>
    <s v=""/>
    <x v="0"/>
    <s v="CAD0331216"/>
    <s v="S"/>
    <s v="KY"/>
    <s v="REV"/>
    <s v="974"/>
    <s v="GLBATCH"/>
    <n v="12"/>
    <n v="2016"/>
  </r>
  <r>
    <s v="110"/>
    <d v="2016-12-15T00:00:00"/>
    <x v="5"/>
    <x v="0"/>
    <s v="10828"/>
    <s v="GLNANDA"/>
    <n v="0"/>
    <n v="84"/>
    <s v="Billed Revenues"/>
    <s v="EXV"/>
    <s v="NONBU"/>
    <s v="G0000110"/>
    <s v="N"/>
    <s v="MACSS Dist Billed Revenue-03"/>
    <s v=""/>
    <x v="0"/>
    <s v="CAD0331216"/>
    <s v="S"/>
    <s v="KY"/>
    <s v="REV"/>
    <s v="974"/>
    <s v="GLBATCH"/>
    <n v="12"/>
    <n v="2016"/>
  </r>
  <r>
    <s v="110"/>
    <d v="2016-12-15T00:00:00"/>
    <x v="5"/>
    <x v="0"/>
    <s v="10828"/>
    <s v="GLNANDA"/>
    <n v="-44917.9"/>
    <n v="-347047"/>
    <s v="Billed Revenues"/>
    <s v="EXV"/>
    <s v="NONBU"/>
    <s v="G0000110"/>
    <s v="N"/>
    <s v="MACSS Dist Billed Revenue-03"/>
    <s v=""/>
    <x v="0"/>
    <s v="CAD0331216"/>
    <s v="S"/>
    <s v="KY"/>
    <s v="REV"/>
    <s v="974"/>
    <s v="GLBATCH"/>
    <n v="12"/>
    <n v="2016"/>
  </r>
  <r>
    <s v="110"/>
    <d v="2016-12-15T00:00:00"/>
    <x v="3"/>
    <x v="0"/>
    <s v="10828"/>
    <s v="GLNANDA"/>
    <n v="0"/>
    <n v="12"/>
    <s v="Billed Revenues"/>
    <s v="EXV"/>
    <s v="NONBU"/>
    <s v="G0000110"/>
    <s v="N"/>
    <s v="MACSS Dist Billed Revenue-03"/>
    <s v=""/>
    <x v="0"/>
    <s v="CAD0331216"/>
    <s v="S"/>
    <s v="KY"/>
    <s v="REV"/>
    <s v="974"/>
    <s v="GLBATCH"/>
    <n v="12"/>
    <n v="2016"/>
  </r>
  <r>
    <s v="110"/>
    <d v="2016-12-15T00:00:00"/>
    <x v="3"/>
    <x v="0"/>
    <s v="10828"/>
    <s v="GLNANDA"/>
    <n v="-23440.3"/>
    <n v="-204541"/>
    <s v="Billed Revenues"/>
    <s v="EXV"/>
    <s v="NONBU"/>
    <s v="G0000110"/>
    <s v="N"/>
    <s v="MACSS Dist Billed Revenue-03"/>
    <s v=""/>
    <x v="0"/>
    <s v="CAD0331219"/>
    <s v="S"/>
    <s v="KY"/>
    <s v="REV"/>
    <s v="974"/>
    <s v="GLBATCH"/>
    <n v="12"/>
    <n v="2016"/>
  </r>
  <r>
    <s v="110"/>
    <d v="2016-12-15T00:00:00"/>
    <x v="6"/>
    <x v="0"/>
    <s v="10828"/>
    <s v="GLNANDA"/>
    <n v="0"/>
    <n v="9"/>
    <s v="Billed Revenues"/>
    <s v="EXV"/>
    <s v="NONBU"/>
    <s v="G0000110"/>
    <s v="N"/>
    <s v="MACSS Dist Billed Revenue-03"/>
    <s v=""/>
    <x v="0"/>
    <s v="CAD0331219"/>
    <s v="S"/>
    <s v="KY"/>
    <s v="REV"/>
    <s v="974"/>
    <s v="GLBATCH"/>
    <n v="12"/>
    <n v="2016"/>
  </r>
  <r>
    <s v="110"/>
    <d v="2016-12-15T00:00:00"/>
    <x v="6"/>
    <x v="0"/>
    <s v="10828"/>
    <s v="GLNANDA"/>
    <n v="-2454.21"/>
    <n v="-17863"/>
    <s v="Billed Revenues"/>
    <s v="EXV"/>
    <s v="NONBU"/>
    <s v="G0000110"/>
    <s v="N"/>
    <s v="MACSS Dist Billed Revenue-03"/>
    <s v=""/>
    <x v="0"/>
    <s v="CAD0331219"/>
    <s v="S"/>
    <s v="KY"/>
    <s v="REV"/>
    <s v="974"/>
    <s v="GLBATCH"/>
    <n v="12"/>
    <n v="2016"/>
  </r>
  <r>
    <s v="110"/>
    <d v="2016-12-15T00:00:00"/>
    <x v="7"/>
    <x v="0"/>
    <s v="10828"/>
    <s v="GLNANDA"/>
    <n v="0"/>
    <n v="17"/>
    <s v="Billed Revenues"/>
    <s v="EXV"/>
    <s v="NONBU"/>
    <s v="G0000110"/>
    <s v="N"/>
    <s v="MACSS Dist Billed Revenue-03"/>
    <s v=""/>
    <x v="0"/>
    <s v="CAD0331219"/>
    <s v="S"/>
    <s v="KY"/>
    <s v="REV"/>
    <s v="974"/>
    <s v="GLBATCH"/>
    <n v="12"/>
    <n v="2016"/>
  </r>
  <r>
    <s v="110"/>
    <d v="2016-12-15T00:00:00"/>
    <x v="7"/>
    <x v="0"/>
    <s v="10828"/>
    <s v="GLNANDA"/>
    <n v="-52724.67"/>
    <n v="-398399"/>
    <s v="Billed Revenues"/>
    <s v="EXV"/>
    <s v="NONBU"/>
    <s v="G0000110"/>
    <s v="N"/>
    <s v="MACSS Dist Billed Revenue-03"/>
    <s v=""/>
    <x v="0"/>
    <s v="CAD0331219"/>
    <s v="S"/>
    <s v="KY"/>
    <s v="REV"/>
    <s v="974"/>
    <s v="GLBATCH"/>
    <n v="12"/>
    <n v="2016"/>
  </r>
  <r>
    <s v="110"/>
    <d v="2016-12-15T00:00:00"/>
    <x v="5"/>
    <x v="0"/>
    <s v="10828"/>
    <s v="GLNANDA"/>
    <n v="0"/>
    <n v="100"/>
    <s v="Billed Revenues"/>
    <s v="EXV"/>
    <s v="NONBU"/>
    <s v="G0000110"/>
    <s v="N"/>
    <s v="MACSS Dist Billed Revenue-03"/>
    <s v=""/>
    <x v="0"/>
    <s v="CAD0331219"/>
    <s v="S"/>
    <s v="KY"/>
    <s v="REV"/>
    <s v="974"/>
    <s v="GLBATCH"/>
    <n v="12"/>
    <n v="2016"/>
  </r>
  <r>
    <s v="110"/>
    <d v="2016-12-15T00:00:00"/>
    <x v="5"/>
    <x v="0"/>
    <s v="10828"/>
    <s v="GLNANDA"/>
    <n v="-63414.19"/>
    <n v="-490474"/>
    <s v="Billed Revenues"/>
    <s v="EXV"/>
    <s v="NONBU"/>
    <s v="G0000110"/>
    <s v="N"/>
    <s v="MACSS Dist Billed Revenue-03"/>
    <s v=""/>
    <x v="0"/>
    <s v="CAD0331219"/>
    <s v="S"/>
    <s v="KY"/>
    <s v="REV"/>
    <s v="974"/>
    <s v="GLBATCH"/>
    <n v="12"/>
    <n v="2016"/>
  </r>
  <r>
    <s v="110"/>
    <d v="2016-12-15T00:00:00"/>
    <x v="0"/>
    <x v="0"/>
    <s v="10828"/>
    <s v="GLNANDA"/>
    <n v="-208022.35"/>
    <n v="-2574323"/>
    <s v="Billed Revenues"/>
    <s v="EXV"/>
    <s v="NONBU"/>
    <s v="G0000110"/>
    <s v="N"/>
    <s v="MACSS Dist Billed Revenue-03"/>
    <s v=""/>
    <x v="0"/>
    <s v="CAD0331219"/>
    <s v="S"/>
    <s v="KY"/>
    <s v="REV"/>
    <s v="974"/>
    <s v="GLBATCH"/>
    <n v="12"/>
    <n v="2016"/>
  </r>
  <r>
    <s v="110"/>
    <d v="2016-12-15T00:00:00"/>
    <x v="0"/>
    <x v="0"/>
    <s v="10828"/>
    <s v="GLNANDA"/>
    <n v="0"/>
    <n v="73"/>
    <s v="Billed Revenues"/>
    <s v="EXV"/>
    <s v="NONBU"/>
    <s v="G0000110"/>
    <s v="N"/>
    <s v="MACSS Dist Billed Revenue-03"/>
    <s v=""/>
    <x v="0"/>
    <s v="CAD0331219"/>
    <s v="S"/>
    <s v="KY"/>
    <s v="REV"/>
    <s v="974"/>
    <s v="GLBATCH"/>
    <n v="12"/>
    <n v="2016"/>
  </r>
  <r>
    <s v="110"/>
    <d v="2016-12-15T00:00:00"/>
    <x v="4"/>
    <x v="0"/>
    <s v="10828"/>
    <s v="GLNANDA"/>
    <n v="-994628.25"/>
    <n v="-8099798"/>
    <s v="Billed Revenues"/>
    <s v="EXV"/>
    <s v="NONBU"/>
    <s v="G0000110"/>
    <s v="N"/>
    <s v="MACSS Dist Billed Revenue-03"/>
    <s v=""/>
    <x v="0"/>
    <s v="CAD0331219"/>
    <s v="S"/>
    <s v="KY"/>
    <s v="REV"/>
    <s v="974"/>
    <s v="GLBATCH"/>
    <n v="12"/>
    <n v="2016"/>
  </r>
  <r>
    <s v="110"/>
    <d v="2016-12-15T00:00:00"/>
    <x v="4"/>
    <x v="0"/>
    <s v="10828"/>
    <s v="GLNANDA"/>
    <n v="0"/>
    <n v="4201"/>
    <s v="Billed Revenues"/>
    <s v="EXV"/>
    <s v="NONBU"/>
    <s v="G0000110"/>
    <s v="N"/>
    <s v="MACSS Dist Billed Revenue-03"/>
    <s v=""/>
    <x v="0"/>
    <s v="CAD0331219"/>
    <s v="S"/>
    <s v="KY"/>
    <s v="REV"/>
    <s v="974"/>
    <s v="GLBATCH"/>
    <n v="12"/>
    <n v="2016"/>
  </r>
  <r>
    <s v="110"/>
    <d v="2016-12-15T00:00:00"/>
    <x v="1"/>
    <x v="0"/>
    <s v="10828"/>
    <s v="GLNANDA"/>
    <n v="-316227.90999999997"/>
    <n v="-2483219"/>
    <s v="Billed Revenues"/>
    <s v="EXV"/>
    <s v="NONBU"/>
    <s v="G0000110"/>
    <s v="N"/>
    <s v="MACSS Dist Billed Revenue-03"/>
    <s v=""/>
    <x v="0"/>
    <s v="CAD0331219"/>
    <s v="S"/>
    <s v="KY"/>
    <s v="REV"/>
    <s v="974"/>
    <s v="GLBATCH"/>
    <n v="12"/>
    <n v="2016"/>
  </r>
  <r>
    <s v="110"/>
    <d v="2016-12-15T00:00:00"/>
    <x v="1"/>
    <x v="0"/>
    <s v="10828"/>
    <s v="GLNANDA"/>
    <n v="0"/>
    <n v="1990"/>
    <s v="Billed Revenues"/>
    <s v="EXV"/>
    <s v="NONBU"/>
    <s v="G0000110"/>
    <s v="N"/>
    <s v="MACSS Dist Billed Revenue-03"/>
    <s v=""/>
    <x v="0"/>
    <s v="CAD0331219"/>
    <s v="S"/>
    <s v="KY"/>
    <s v="REV"/>
    <s v="974"/>
    <s v="GLBATCH"/>
    <n v="12"/>
    <n v="2016"/>
  </r>
  <r>
    <s v="110"/>
    <d v="2016-12-15T00:00:00"/>
    <x v="3"/>
    <x v="0"/>
    <s v="10828"/>
    <s v="GLNANDA"/>
    <n v="0"/>
    <n v="17"/>
    <s v="Billed Revenues"/>
    <s v="EXV"/>
    <s v="NONBU"/>
    <s v="G0000110"/>
    <s v="N"/>
    <s v="MACSS Dist Billed Revenue-03"/>
    <s v=""/>
    <x v="0"/>
    <s v="CAD0331219"/>
    <s v="S"/>
    <s v="KY"/>
    <s v="REV"/>
    <s v="974"/>
    <s v="GLBATCH"/>
    <n v="12"/>
    <n v="2016"/>
  </r>
  <r>
    <s v="110"/>
    <d v="2016-12-15T00:00:00"/>
    <x v="2"/>
    <x v="0"/>
    <s v="10828"/>
    <s v="GLNANDA"/>
    <n v="0"/>
    <n v="1246"/>
    <s v="Billed Revenues"/>
    <s v="EXV"/>
    <s v="NONBU"/>
    <s v="G0000110"/>
    <s v="N"/>
    <s v="MACSS Dist Billed Revenue-03"/>
    <s v=""/>
    <x v="0"/>
    <s v="CAD0331219"/>
    <s v="S"/>
    <s v="KY"/>
    <s v="REV"/>
    <s v="974"/>
    <s v="GLBATCH"/>
    <n v="12"/>
    <n v="2016"/>
  </r>
  <r>
    <s v="110"/>
    <d v="2016-12-15T00:00:00"/>
    <x v="2"/>
    <x v="0"/>
    <s v="10828"/>
    <s v="GLNANDA"/>
    <n v="-334780.69"/>
    <n v="-2428751"/>
    <s v="Billed Revenues"/>
    <s v="EXV"/>
    <s v="NONBU"/>
    <s v="G0000110"/>
    <s v="N"/>
    <s v="MACSS Dist Billed Revenue-03"/>
    <s v=""/>
    <x v="0"/>
    <s v="CAD0331219"/>
    <s v="S"/>
    <s v="KY"/>
    <s v="REV"/>
    <s v="974"/>
    <s v="GLBATCH"/>
    <n v="12"/>
    <n v="2016"/>
  </r>
  <r>
    <s v="110"/>
    <d v="2016-12-15T00:00:00"/>
    <x v="2"/>
    <x v="0"/>
    <s v="10828"/>
    <s v="GLNANDA"/>
    <n v="-315025.63"/>
    <n v="-2302570"/>
    <s v="Billed Revenues"/>
    <s v="EXV"/>
    <s v="NONBU"/>
    <s v="G0000110"/>
    <s v="N"/>
    <s v="MACSS Dist Billed Revenue-03"/>
    <s v=""/>
    <x v="0"/>
    <s v="CAD0331220"/>
    <s v="S"/>
    <s v="KY"/>
    <s v="REV"/>
    <s v="974"/>
    <s v="GLBATCH"/>
    <n v="12"/>
    <n v="2016"/>
  </r>
  <r>
    <s v="110"/>
    <d v="2016-12-15T00:00:00"/>
    <x v="5"/>
    <x v="0"/>
    <s v="10828"/>
    <s v="GLNANDA"/>
    <n v="0"/>
    <n v="156"/>
    <s v="Billed Revenues"/>
    <s v="EXV"/>
    <s v="NONBU"/>
    <s v="G0000110"/>
    <s v="N"/>
    <s v="MACSS Dist Billed Revenue-03"/>
    <s v=""/>
    <x v="0"/>
    <s v="CAD0331220"/>
    <s v="S"/>
    <s v="KY"/>
    <s v="REV"/>
    <s v="974"/>
    <s v="GLBATCH"/>
    <n v="12"/>
    <n v="2016"/>
  </r>
  <r>
    <s v="110"/>
    <d v="2016-12-15T00:00:00"/>
    <x v="6"/>
    <x v="0"/>
    <s v="10828"/>
    <s v="GLNANDA"/>
    <n v="-805.49"/>
    <n v="-4474"/>
    <s v="Billed Revenues"/>
    <s v="EXV"/>
    <s v="NONBU"/>
    <s v="G0000110"/>
    <s v="N"/>
    <s v="MACSS Dist Billed Revenue-03"/>
    <s v=""/>
    <x v="0"/>
    <s v="CAD0331220"/>
    <s v="S"/>
    <s v="KY"/>
    <s v="REV"/>
    <s v="974"/>
    <s v="GLBATCH"/>
    <n v="12"/>
    <n v="2016"/>
  </r>
  <r>
    <s v="110"/>
    <d v="2016-12-15T00:00:00"/>
    <x v="6"/>
    <x v="0"/>
    <s v="10828"/>
    <s v="GLNANDA"/>
    <n v="0"/>
    <n v="13"/>
    <s v="Billed Revenues"/>
    <s v="EXV"/>
    <s v="NONBU"/>
    <s v="G0000110"/>
    <s v="N"/>
    <s v="MACSS Dist Billed Revenue-03"/>
    <s v=""/>
    <x v="0"/>
    <s v="CAD0331220"/>
    <s v="S"/>
    <s v="KY"/>
    <s v="REV"/>
    <s v="974"/>
    <s v="GLBATCH"/>
    <n v="12"/>
    <n v="2016"/>
  </r>
  <r>
    <s v="110"/>
    <d v="2016-12-15T00:00:00"/>
    <x v="3"/>
    <x v="0"/>
    <s v="10828"/>
    <s v="GLNANDA"/>
    <n v="-21132.52"/>
    <n v="-143384"/>
    <s v="Billed Revenues"/>
    <s v="EXV"/>
    <s v="NONBU"/>
    <s v="G0000110"/>
    <s v="N"/>
    <s v="MACSS Dist Billed Revenue-03"/>
    <s v=""/>
    <x v="0"/>
    <s v="CAD0331220"/>
    <s v="S"/>
    <s v="KY"/>
    <s v="REV"/>
    <s v="974"/>
    <s v="GLBATCH"/>
    <n v="12"/>
    <n v="2016"/>
  </r>
  <r>
    <s v="110"/>
    <d v="2016-12-15T00:00:00"/>
    <x v="3"/>
    <x v="0"/>
    <s v="10828"/>
    <s v="GLNANDA"/>
    <n v="0"/>
    <n v="7"/>
    <s v="Billed Revenues"/>
    <s v="EXV"/>
    <s v="NONBU"/>
    <s v="G0000110"/>
    <s v="N"/>
    <s v="MACSS Dist Billed Revenue-03"/>
    <s v=""/>
    <x v="0"/>
    <s v="CAD0331220"/>
    <s v="S"/>
    <s v="KY"/>
    <s v="REV"/>
    <s v="974"/>
    <s v="GLBATCH"/>
    <n v="12"/>
    <n v="2016"/>
  </r>
  <r>
    <s v="110"/>
    <d v="2016-12-15T00:00:00"/>
    <x v="7"/>
    <x v="0"/>
    <s v="10828"/>
    <s v="GLNANDA"/>
    <n v="-87549.49"/>
    <n v="-704519"/>
    <s v="Billed Revenues"/>
    <s v="EXV"/>
    <s v="NONBU"/>
    <s v="G0000110"/>
    <s v="N"/>
    <s v="MACSS Dist Billed Revenue-03"/>
    <s v=""/>
    <x v="0"/>
    <s v="CAD0331220"/>
    <s v="S"/>
    <s v="KY"/>
    <s v="REV"/>
    <s v="974"/>
    <s v="GLBATCH"/>
    <n v="12"/>
    <n v="2016"/>
  </r>
  <r>
    <s v="110"/>
    <d v="2016-12-15T00:00:00"/>
    <x v="7"/>
    <x v="0"/>
    <s v="10828"/>
    <s v="GLNANDA"/>
    <n v="0"/>
    <n v="34"/>
    <s v="Billed Revenues"/>
    <s v="EXV"/>
    <s v="NONBU"/>
    <s v="G0000110"/>
    <s v="N"/>
    <s v="MACSS Dist Billed Revenue-03"/>
    <s v=""/>
    <x v="0"/>
    <s v="CAD0331220"/>
    <s v="S"/>
    <s v="KY"/>
    <s v="REV"/>
    <s v="974"/>
    <s v="GLBATCH"/>
    <n v="12"/>
    <n v="2016"/>
  </r>
  <r>
    <s v="110"/>
    <d v="2016-12-15T00:00:00"/>
    <x v="5"/>
    <x v="0"/>
    <s v="10828"/>
    <s v="GLNANDA"/>
    <n v="-117432.94"/>
    <n v="-932655"/>
    <s v="Billed Revenues"/>
    <s v="EXV"/>
    <s v="NONBU"/>
    <s v="G0000110"/>
    <s v="N"/>
    <s v="MACSS Dist Billed Revenue-03"/>
    <s v=""/>
    <x v="0"/>
    <s v="CAD0331220"/>
    <s v="S"/>
    <s v="KY"/>
    <s v="REV"/>
    <s v="974"/>
    <s v="GLBATCH"/>
    <n v="12"/>
    <n v="2016"/>
  </r>
  <r>
    <s v="110"/>
    <d v="2016-12-15T00:00:00"/>
    <x v="2"/>
    <x v="0"/>
    <s v="10828"/>
    <s v="GLNANDA"/>
    <n v="0"/>
    <n v="1116"/>
    <s v="Billed Revenues"/>
    <s v="EXV"/>
    <s v="NONBU"/>
    <s v="G0000110"/>
    <s v="N"/>
    <s v="MACSS Dist Billed Revenue-03"/>
    <s v=""/>
    <x v="0"/>
    <s v="CAD0331220"/>
    <s v="S"/>
    <s v="KY"/>
    <s v="REV"/>
    <s v="974"/>
    <s v="GLBATCH"/>
    <n v="12"/>
    <n v="2016"/>
  </r>
  <r>
    <s v="110"/>
    <d v="2016-12-15T00:00:00"/>
    <x v="0"/>
    <x v="0"/>
    <s v="10828"/>
    <s v="GLNANDA"/>
    <n v="-32474.67"/>
    <n v="-269175"/>
    <s v="Billed Revenues"/>
    <s v="EXV"/>
    <s v="NONBU"/>
    <s v="G0000110"/>
    <s v="N"/>
    <s v="MACSS Dist Billed Revenue-03"/>
    <s v=""/>
    <x v="0"/>
    <s v="CAD0331220"/>
    <s v="S"/>
    <s v="KY"/>
    <s v="REV"/>
    <s v="974"/>
    <s v="GLBATCH"/>
    <n v="12"/>
    <n v="2016"/>
  </r>
  <r>
    <s v="110"/>
    <d v="2016-12-15T00:00:00"/>
    <x v="0"/>
    <x v="0"/>
    <s v="10828"/>
    <s v="GLNANDA"/>
    <n v="0"/>
    <n v="51"/>
    <s v="Billed Revenues"/>
    <s v="EXV"/>
    <s v="NONBU"/>
    <s v="G0000110"/>
    <s v="N"/>
    <s v="MACSS Dist Billed Revenue-03"/>
    <s v=""/>
    <x v="0"/>
    <s v="CAD0331220"/>
    <s v="S"/>
    <s v="KY"/>
    <s v="REV"/>
    <s v="974"/>
    <s v="GLBATCH"/>
    <n v="12"/>
    <n v="2016"/>
  </r>
  <r>
    <s v="110"/>
    <d v="2016-12-15T00:00:00"/>
    <x v="4"/>
    <x v="0"/>
    <s v="10828"/>
    <s v="GLNANDA"/>
    <n v="-955426.57"/>
    <n v="-7818194"/>
    <s v="Billed Revenues"/>
    <s v="EXV"/>
    <s v="NONBU"/>
    <s v="G0000110"/>
    <s v="N"/>
    <s v="MACSS Dist Billed Revenue-03"/>
    <s v=""/>
    <x v="0"/>
    <s v="CAD0331220"/>
    <s v="S"/>
    <s v="KY"/>
    <s v="REV"/>
    <s v="974"/>
    <s v="GLBATCH"/>
    <n v="12"/>
    <n v="2016"/>
  </r>
  <r>
    <s v="110"/>
    <d v="2016-12-15T00:00:00"/>
    <x v="4"/>
    <x v="0"/>
    <s v="10828"/>
    <s v="GLNANDA"/>
    <n v="0"/>
    <n v="3749"/>
    <s v="Billed Revenues"/>
    <s v="EXV"/>
    <s v="NONBU"/>
    <s v="G0000110"/>
    <s v="N"/>
    <s v="MACSS Dist Billed Revenue-03"/>
    <s v=""/>
    <x v="0"/>
    <s v="CAD0331220"/>
    <s v="S"/>
    <s v="KY"/>
    <s v="REV"/>
    <s v="974"/>
    <s v="GLBATCH"/>
    <n v="12"/>
    <n v="2016"/>
  </r>
  <r>
    <s v="110"/>
    <d v="2016-12-15T00:00:00"/>
    <x v="1"/>
    <x v="0"/>
    <s v="10828"/>
    <s v="GLNANDA"/>
    <n v="-322484.09999999998"/>
    <n v="-2529803"/>
    <s v="Billed Revenues"/>
    <s v="EXV"/>
    <s v="NONBU"/>
    <s v="G0000110"/>
    <s v="N"/>
    <s v="MACSS Dist Billed Revenue-03"/>
    <s v=""/>
    <x v="0"/>
    <s v="CAD0331220"/>
    <s v="S"/>
    <s v="KY"/>
    <s v="REV"/>
    <s v="974"/>
    <s v="GLBATCH"/>
    <n v="12"/>
    <n v="2016"/>
  </r>
  <r>
    <s v="110"/>
    <d v="2016-12-15T00:00:00"/>
    <x v="1"/>
    <x v="0"/>
    <s v="10828"/>
    <s v="GLNANDA"/>
    <n v="0"/>
    <n v="2071"/>
    <s v="Billed Revenues"/>
    <s v="EXV"/>
    <s v="NONBU"/>
    <s v="G0000110"/>
    <s v="N"/>
    <s v="MACSS Dist Billed Revenue-03"/>
    <s v=""/>
    <x v="0"/>
    <s v="CAD0331220"/>
    <s v="S"/>
    <s v="KY"/>
    <s v="REV"/>
    <s v="974"/>
    <s v="GLBATCH"/>
    <n v="12"/>
    <n v="2016"/>
  </r>
  <r>
    <s v="110"/>
    <d v="2016-12-15T00:00:00"/>
    <x v="5"/>
    <x v="0"/>
    <s v="10828"/>
    <s v="GLNANDA"/>
    <n v="-103204.29"/>
    <n v="-812175"/>
    <s v="Billed Revenues"/>
    <s v="EXV"/>
    <s v="NONBU"/>
    <s v="G0000110"/>
    <s v="N"/>
    <s v="MACSS Dist Billed Revenue-03"/>
    <s v=""/>
    <x v="0"/>
    <s v="CAD0331221"/>
    <s v="S"/>
    <s v="KY"/>
    <s v="REV"/>
    <s v="974"/>
    <s v="GLBATCH"/>
    <n v="12"/>
    <n v="2016"/>
  </r>
  <r>
    <s v="110"/>
    <d v="2016-12-15T00:00:00"/>
    <x v="1"/>
    <x v="0"/>
    <s v="10828"/>
    <s v="GLNANDA"/>
    <n v="0"/>
    <n v="2349"/>
    <s v="Billed Revenues"/>
    <s v="EXV"/>
    <s v="NONBU"/>
    <s v="G0000110"/>
    <s v="N"/>
    <s v="MACSS Dist Billed Revenue-03"/>
    <s v=""/>
    <x v="0"/>
    <s v="CAD0331221"/>
    <s v="S"/>
    <s v="KY"/>
    <s v="REV"/>
    <s v="974"/>
    <s v="GLBATCH"/>
    <n v="12"/>
    <n v="2016"/>
  </r>
  <r>
    <s v="110"/>
    <d v="2016-12-15T00:00:00"/>
    <x v="2"/>
    <x v="0"/>
    <s v="10828"/>
    <s v="GLNANDA"/>
    <n v="-353860.81"/>
    <n v="-2584726"/>
    <s v="Billed Revenues"/>
    <s v="EXV"/>
    <s v="NONBU"/>
    <s v="G0000110"/>
    <s v="N"/>
    <s v="MACSS Dist Billed Revenue-03"/>
    <s v=""/>
    <x v="0"/>
    <s v="CAD0331221"/>
    <s v="S"/>
    <s v="KY"/>
    <s v="REV"/>
    <s v="974"/>
    <s v="GLBATCH"/>
    <n v="12"/>
    <n v="2016"/>
  </r>
  <r>
    <s v="110"/>
    <d v="2016-12-15T00:00:00"/>
    <x v="2"/>
    <x v="0"/>
    <s v="10828"/>
    <s v="GLNANDA"/>
    <n v="0"/>
    <n v="1140"/>
    <s v="Billed Revenues"/>
    <s v="EXV"/>
    <s v="NONBU"/>
    <s v="G0000110"/>
    <s v="N"/>
    <s v="MACSS Dist Billed Revenue-03"/>
    <s v=""/>
    <x v="0"/>
    <s v="CAD0331221"/>
    <s v="S"/>
    <s v="KY"/>
    <s v="REV"/>
    <s v="974"/>
    <s v="GLBATCH"/>
    <n v="12"/>
    <n v="2016"/>
  </r>
  <r>
    <s v="110"/>
    <d v="2016-12-15T00:00:00"/>
    <x v="3"/>
    <x v="0"/>
    <s v="10828"/>
    <s v="GLNANDA"/>
    <n v="-93627.51"/>
    <n v="-777206"/>
    <s v="Billed Revenues"/>
    <s v="EXV"/>
    <s v="NONBU"/>
    <s v="G0000110"/>
    <s v="N"/>
    <s v="MACSS Dist Billed Revenue-03"/>
    <s v=""/>
    <x v="0"/>
    <s v="CAD0331221"/>
    <s v="S"/>
    <s v="KY"/>
    <s v="REV"/>
    <s v="974"/>
    <s v="GLBATCH"/>
    <n v="12"/>
    <n v="2016"/>
  </r>
  <r>
    <s v="110"/>
    <d v="2016-12-15T00:00:00"/>
    <x v="3"/>
    <x v="0"/>
    <s v="10828"/>
    <s v="GLNANDA"/>
    <n v="0"/>
    <n v="10"/>
    <s v="Billed Revenues"/>
    <s v="EXV"/>
    <s v="NONBU"/>
    <s v="G0000110"/>
    <s v="N"/>
    <s v="MACSS Dist Billed Revenue-03"/>
    <s v=""/>
    <x v="0"/>
    <s v="CAD0331221"/>
    <s v="S"/>
    <s v="KY"/>
    <s v="REV"/>
    <s v="974"/>
    <s v="GLBATCH"/>
    <n v="12"/>
    <n v="2016"/>
  </r>
  <r>
    <s v="110"/>
    <d v="2016-12-15T00:00:00"/>
    <x v="0"/>
    <x v="0"/>
    <s v="10828"/>
    <s v="GLNANDA"/>
    <n v="-92567.06"/>
    <n v="-1212280"/>
    <s v="Billed Revenues"/>
    <s v="EXV"/>
    <s v="NONBU"/>
    <s v="G0000110"/>
    <s v="N"/>
    <s v="MACSS Dist Billed Revenue-03"/>
    <s v=""/>
    <x v="0"/>
    <s v="CAD0331221"/>
    <s v="S"/>
    <s v="KY"/>
    <s v="REV"/>
    <s v="974"/>
    <s v="GLBATCH"/>
    <n v="12"/>
    <n v="2016"/>
  </r>
  <r>
    <s v="110"/>
    <d v="2016-12-15T00:00:00"/>
    <x v="0"/>
    <x v="0"/>
    <s v="10828"/>
    <s v="GLNANDA"/>
    <n v="0"/>
    <n v="85"/>
    <s v="Billed Revenues"/>
    <s v="EXV"/>
    <s v="NONBU"/>
    <s v="G0000110"/>
    <s v="N"/>
    <s v="MACSS Dist Billed Revenue-03"/>
    <s v=""/>
    <x v="0"/>
    <s v="CAD0331221"/>
    <s v="S"/>
    <s v="KY"/>
    <s v="REV"/>
    <s v="974"/>
    <s v="GLBATCH"/>
    <n v="12"/>
    <n v="2016"/>
  </r>
  <r>
    <s v="110"/>
    <d v="2016-12-15T00:00:00"/>
    <x v="6"/>
    <x v="0"/>
    <s v="10828"/>
    <s v="GLNANDA"/>
    <n v="-1021.72"/>
    <n v="-4021"/>
    <s v="Billed Revenues"/>
    <s v="EXV"/>
    <s v="NONBU"/>
    <s v="G0000110"/>
    <s v="N"/>
    <s v="MACSS Dist Billed Revenue-03"/>
    <s v=""/>
    <x v="0"/>
    <s v="CAD0331221"/>
    <s v="S"/>
    <s v="KY"/>
    <s v="REV"/>
    <s v="974"/>
    <s v="GLBATCH"/>
    <n v="12"/>
    <n v="2016"/>
  </r>
  <r>
    <s v="110"/>
    <d v="2016-12-15T00:00:00"/>
    <x v="6"/>
    <x v="0"/>
    <s v="10828"/>
    <s v="GLNANDA"/>
    <n v="0"/>
    <n v="15"/>
    <s v="Billed Revenues"/>
    <s v="EXV"/>
    <s v="NONBU"/>
    <s v="G0000110"/>
    <s v="N"/>
    <s v="MACSS Dist Billed Revenue-03"/>
    <s v=""/>
    <x v="0"/>
    <s v="CAD0331221"/>
    <s v="S"/>
    <s v="KY"/>
    <s v="REV"/>
    <s v="974"/>
    <s v="GLBATCH"/>
    <n v="12"/>
    <n v="2016"/>
  </r>
  <r>
    <s v="110"/>
    <d v="2016-12-15T00:00:00"/>
    <x v="4"/>
    <x v="0"/>
    <s v="10828"/>
    <s v="GLNANDA"/>
    <n v="-913725.69"/>
    <n v="-7452466"/>
    <s v="Billed Revenues"/>
    <s v="EXV"/>
    <s v="NONBU"/>
    <s v="G0000110"/>
    <s v="N"/>
    <s v="MACSS Dist Billed Revenue-03"/>
    <s v=""/>
    <x v="0"/>
    <s v="CAD0331221"/>
    <s v="S"/>
    <s v="KY"/>
    <s v="REV"/>
    <s v="974"/>
    <s v="GLBATCH"/>
    <n v="12"/>
    <n v="2016"/>
  </r>
  <r>
    <s v="110"/>
    <d v="2016-12-15T00:00:00"/>
    <x v="4"/>
    <x v="0"/>
    <s v="10828"/>
    <s v="GLNANDA"/>
    <n v="0"/>
    <n v="3837"/>
    <s v="Billed Revenues"/>
    <s v="EXV"/>
    <s v="NONBU"/>
    <s v="G0000110"/>
    <s v="N"/>
    <s v="MACSS Dist Billed Revenue-03"/>
    <s v=""/>
    <x v="0"/>
    <s v="CAD0331221"/>
    <s v="S"/>
    <s v="KY"/>
    <s v="REV"/>
    <s v="974"/>
    <s v="GLBATCH"/>
    <n v="12"/>
    <n v="2016"/>
  </r>
  <r>
    <s v="110"/>
    <d v="2016-12-15T00:00:00"/>
    <x v="7"/>
    <x v="0"/>
    <s v="10828"/>
    <s v="GLNANDA"/>
    <n v="-76653.460000000006"/>
    <n v="-604049"/>
    <s v="Billed Revenues"/>
    <s v="EXV"/>
    <s v="NONBU"/>
    <s v="G0000110"/>
    <s v="N"/>
    <s v="MACSS Dist Billed Revenue-03"/>
    <s v=""/>
    <x v="0"/>
    <s v="CAD0331221"/>
    <s v="S"/>
    <s v="KY"/>
    <s v="REV"/>
    <s v="974"/>
    <s v="GLBATCH"/>
    <n v="12"/>
    <n v="2016"/>
  </r>
  <r>
    <s v="110"/>
    <d v="2016-12-15T00:00:00"/>
    <x v="7"/>
    <x v="0"/>
    <s v="10828"/>
    <s v="GLNANDA"/>
    <n v="0"/>
    <n v="25"/>
    <s v="Billed Revenues"/>
    <s v="EXV"/>
    <s v="NONBU"/>
    <s v="G0000110"/>
    <s v="N"/>
    <s v="MACSS Dist Billed Revenue-03"/>
    <s v=""/>
    <x v="0"/>
    <s v="CAD0331221"/>
    <s v="S"/>
    <s v="KY"/>
    <s v="REV"/>
    <s v="974"/>
    <s v="GLBATCH"/>
    <n v="12"/>
    <n v="2016"/>
  </r>
  <r>
    <s v="110"/>
    <d v="2016-12-15T00:00:00"/>
    <x v="1"/>
    <x v="0"/>
    <s v="10828"/>
    <s v="GLNANDA"/>
    <n v="-368847.61"/>
    <n v="-2905547"/>
    <s v="Billed Revenues"/>
    <s v="EXV"/>
    <s v="NONBU"/>
    <s v="G0000110"/>
    <s v="N"/>
    <s v="MACSS Dist Billed Revenue-03"/>
    <s v=""/>
    <x v="0"/>
    <s v="CAD0331221"/>
    <s v="S"/>
    <s v="KY"/>
    <s v="REV"/>
    <s v="974"/>
    <s v="GLBATCH"/>
    <n v="12"/>
    <n v="2016"/>
  </r>
  <r>
    <s v="110"/>
    <d v="2016-12-15T00:00:00"/>
    <x v="5"/>
    <x v="0"/>
    <s v="10828"/>
    <s v="GLNANDA"/>
    <n v="0"/>
    <n v="152"/>
    <s v="Billed Revenues"/>
    <s v="EXV"/>
    <s v="NONBU"/>
    <s v="G0000110"/>
    <s v="N"/>
    <s v="MACSS Dist Billed Revenue-03"/>
    <s v=""/>
    <x v="0"/>
    <s v="CAD0331221"/>
    <s v="S"/>
    <s v="KY"/>
    <s v="REV"/>
    <s v="974"/>
    <s v="GLBATCH"/>
    <n v="12"/>
    <n v="2016"/>
  </r>
  <r>
    <s v="110"/>
    <d v="2016-12-15T00:00:00"/>
    <x v="4"/>
    <x v="0"/>
    <s v="10828"/>
    <s v="GLNANDA"/>
    <n v="0"/>
    <n v="3911"/>
    <s v="Billed Revenues"/>
    <s v="EXV"/>
    <s v="NONBU"/>
    <s v="G0000110"/>
    <s v="N"/>
    <s v="MACSS Dist Billed Revenue-03"/>
    <s v=""/>
    <x v="0"/>
    <s v="CAD0331222"/>
    <s v="S"/>
    <s v="KY"/>
    <s v="REV"/>
    <s v="974"/>
    <s v="GLBATCH"/>
    <n v="12"/>
    <n v="2016"/>
  </r>
  <r>
    <s v="110"/>
    <d v="2016-12-15T00:00:00"/>
    <x v="4"/>
    <x v="0"/>
    <s v="10828"/>
    <s v="GLNANDA"/>
    <n v="-989066.43"/>
    <n v="-8099701"/>
    <s v="Billed Revenues"/>
    <s v="EXV"/>
    <s v="NONBU"/>
    <s v="G0000110"/>
    <s v="N"/>
    <s v="MACSS Dist Billed Revenue-03"/>
    <s v=""/>
    <x v="0"/>
    <s v="CAD0331222"/>
    <s v="S"/>
    <s v="KY"/>
    <s v="REV"/>
    <s v="974"/>
    <s v="GLBATCH"/>
    <n v="12"/>
    <n v="2016"/>
  </r>
  <r>
    <s v="110"/>
    <d v="2016-12-15T00:00:00"/>
    <x v="1"/>
    <x v="0"/>
    <s v="10828"/>
    <s v="GLNANDA"/>
    <n v="0"/>
    <n v="2492"/>
    <s v="Billed Revenues"/>
    <s v="EXV"/>
    <s v="NONBU"/>
    <s v="G0000110"/>
    <s v="N"/>
    <s v="MACSS Dist Billed Revenue-03"/>
    <s v=""/>
    <x v="0"/>
    <s v="CAD0331222"/>
    <s v="S"/>
    <s v="KY"/>
    <s v="REV"/>
    <s v="974"/>
    <s v="GLBATCH"/>
    <n v="12"/>
    <n v="2016"/>
  </r>
  <r>
    <s v="110"/>
    <d v="2016-12-15T00:00:00"/>
    <x v="1"/>
    <x v="0"/>
    <s v="10828"/>
    <s v="GLNANDA"/>
    <n v="-391982.47"/>
    <n v="-3092771"/>
    <s v="Billed Revenues"/>
    <s v="EXV"/>
    <s v="NONBU"/>
    <s v="G0000110"/>
    <s v="N"/>
    <s v="MACSS Dist Billed Revenue-03"/>
    <s v=""/>
    <x v="0"/>
    <s v="CAD0331222"/>
    <s v="S"/>
    <s v="KY"/>
    <s v="REV"/>
    <s v="974"/>
    <s v="GLBATCH"/>
    <n v="12"/>
    <n v="2016"/>
  </r>
  <r>
    <s v="110"/>
    <d v="2016-12-15T00:00:00"/>
    <x v="2"/>
    <x v="0"/>
    <s v="10828"/>
    <s v="GLNANDA"/>
    <n v="0"/>
    <n v="1075"/>
    <s v="Billed Revenues"/>
    <s v="EXV"/>
    <s v="NONBU"/>
    <s v="G0000110"/>
    <s v="N"/>
    <s v="MACSS Dist Billed Revenue-03"/>
    <s v=""/>
    <x v="0"/>
    <s v="CAD0331222"/>
    <s v="S"/>
    <s v="KY"/>
    <s v="REV"/>
    <s v="974"/>
    <s v="GLBATCH"/>
    <n v="12"/>
    <n v="2016"/>
  </r>
  <r>
    <s v="110"/>
    <d v="2016-12-15T00:00:00"/>
    <x v="2"/>
    <x v="0"/>
    <s v="10828"/>
    <s v="GLNANDA"/>
    <n v="-290307.48"/>
    <n v="-2131377"/>
    <s v="Billed Revenues"/>
    <s v="EXV"/>
    <s v="NONBU"/>
    <s v="G0000110"/>
    <s v="N"/>
    <s v="MACSS Dist Billed Revenue-03"/>
    <s v=""/>
    <x v="0"/>
    <s v="CAD0331222"/>
    <s v="S"/>
    <s v="KY"/>
    <s v="REV"/>
    <s v="974"/>
    <s v="GLBATCH"/>
    <n v="12"/>
    <n v="2016"/>
  </r>
  <r>
    <s v="110"/>
    <d v="2016-12-15T00:00:00"/>
    <x v="0"/>
    <x v="0"/>
    <s v="10828"/>
    <s v="GLNANDA"/>
    <n v="0"/>
    <n v="32"/>
    <s v="Billed Revenues"/>
    <s v="EXV"/>
    <s v="NONBU"/>
    <s v="G0000110"/>
    <s v="N"/>
    <s v="MACSS Dist Billed Revenue-03"/>
    <s v=""/>
    <x v="0"/>
    <s v="CAD0331222"/>
    <s v="S"/>
    <s v="KY"/>
    <s v="REV"/>
    <s v="974"/>
    <s v="GLBATCH"/>
    <n v="12"/>
    <n v="2016"/>
  </r>
  <r>
    <s v="110"/>
    <d v="2016-12-15T00:00:00"/>
    <x v="0"/>
    <x v="0"/>
    <s v="10828"/>
    <s v="GLNANDA"/>
    <n v="-6605.67"/>
    <n v="-42912"/>
    <s v="Billed Revenues"/>
    <s v="EXV"/>
    <s v="NONBU"/>
    <s v="G0000110"/>
    <s v="N"/>
    <s v="MACSS Dist Billed Revenue-03"/>
    <s v=""/>
    <x v="0"/>
    <s v="CAD0331222"/>
    <s v="S"/>
    <s v="KY"/>
    <s v="REV"/>
    <s v="974"/>
    <s v="GLBATCH"/>
    <n v="12"/>
    <n v="2016"/>
  </r>
  <r>
    <s v="110"/>
    <d v="2016-12-15T00:00:00"/>
    <x v="3"/>
    <x v="0"/>
    <s v="10828"/>
    <s v="GLNANDA"/>
    <n v="0"/>
    <n v="8"/>
    <s v="Billed Revenues"/>
    <s v="EXV"/>
    <s v="NONBU"/>
    <s v="G0000110"/>
    <s v="N"/>
    <s v="MACSS Dist Billed Revenue-03"/>
    <s v=""/>
    <x v="0"/>
    <s v="CAD0331222"/>
    <s v="S"/>
    <s v="KY"/>
    <s v="REV"/>
    <s v="974"/>
    <s v="GLBATCH"/>
    <n v="12"/>
    <n v="2016"/>
  </r>
  <r>
    <s v="110"/>
    <d v="2016-12-15T00:00:00"/>
    <x v="3"/>
    <x v="0"/>
    <s v="10828"/>
    <s v="GLNANDA"/>
    <n v="-282275.20000000001"/>
    <n v="-3276851"/>
    <s v="Billed Revenues"/>
    <s v="EXV"/>
    <s v="NONBU"/>
    <s v="G0000110"/>
    <s v="N"/>
    <s v="MACSS Dist Billed Revenue-03"/>
    <s v=""/>
    <x v="0"/>
    <s v="CAD0331222"/>
    <s v="S"/>
    <s v="KY"/>
    <s v="REV"/>
    <s v="974"/>
    <s v="GLBATCH"/>
    <n v="12"/>
    <n v="2016"/>
  </r>
  <r>
    <s v="110"/>
    <d v="2016-12-15T00:00:00"/>
    <x v="7"/>
    <x v="0"/>
    <s v="10828"/>
    <s v="GLNANDA"/>
    <n v="0"/>
    <n v="45"/>
    <s v="Billed Revenues"/>
    <s v="EXV"/>
    <s v="NONBU"/>
    <s v="G0000110"/>
    <s v="N"/>
    <s v="MACSS Dist Billed Revenue-03"/>
    <s v=""/>
    <x v="0"/>
    <s v="CAD0331222"/>
    <s v="S"/>
    <s v="KY"/>
    <s v="REV"/>
    <s v="974"/>
    <s v="GLBATCH"/>
    <n v="12"/>
    <n v="2016"/>
  </r>
  <r>
    <s v="110"/>
    <d v="2016-12-15T00:00:00"/>
    <x v="7"/>
    <x v="0"/>
    <s v="10828"/>
    <s v="GLNANDA"/>
    <n v="-117398.39"/>
    <n v="-948539"/>
    <s v="Billed Revenues"/>
    <s v="EXV"/>
    <s v="NONBU"/>
    <s v="G0000110"/>
    <s v="N"/>
    <s v="MACSS Dist Billed Revenue-03"/>
    <s v=""/>
    <x v="0"/>
    <s v="CAD0331222"/>
    <s v="S"/>
    <s v="KY"/>
    <s v="REV"/>
    <s v="974"/>
    <s v="GLBATCH"/>
    <n v="12"/>
    <n v="2016"/>
  </r>
  <r>
    <s v="110"/>
    <d v="2016-12-15T00:00:00"/>
    <x v="5"/>
    <x v="0"/>
    <s v="10828"/>
    <s v="GLNANDA"/>
    <n v="0"/>
    <n v="137"/>
    <s v="Billed Revenues"/>
    <s v="EXV"/>
    <s v="NONBU"/>
    <s v="G0000110"/>
    <s v="N"/>
    <s v="MACSS Dist Billed Revenue-03"/>
    <s v=""/>
    <x v="0"/>
    <s v="CAD0331222"/>
    <s v="S"/>
    <s v="KY"/>
    <s v="REV"/>
    <s v="974"/>
    <s v="GLBATCH"/>
    <n v="12"/>
    <n v="2016"/>
  </r>
  <r>
    <s v="110"/>
    <d v="2016-12-15T00:00:00"/>
    <x v="5"/>
    <x v="0"/>
    <s v="10828"/>
    <s v="GLNANDA"/>
    <n v="-100768.84"/>
    <n v="-801843"/>
    <s v="Billed Revenues"/>
    <s v="EXV"/>
    <s v="NONBU"/>
    <s v="G0000110"/>
    <s v="N"/>
    <s v="MACSS Dist Billed Revenue-03"/>
    <s v=""/>
    <x v="0"/>
    <s v="CAD0331222"/>
    <s v="S"/>
    <s v="KY"/>
    <s v="REV"/>
    <s v="974"/>
    <s v="GLBATCH"/>
    <n v="12"/>
    <n v="2016"/>
  </r>
  <r>
    <s v="110"/>
    <d v="2016-12-15T00:00:00"/>
    <x v="6"/>
    <x v="0"/>
    <s v="10828"/>
    <s v="GLNANDA"/>
    <n v="0"/>
    <n v="8"/>
    <s v="Billed Revenues"/>
    <s v="EXV"/>
    <s v="NONBU"/>
    <s v="G0000110"/>
    <s v="N"/>
    <s v="MACSS Dist Billed Revenue-03"/>
    <s v=""/>
    <x v="0"/>
    <s v="CAD0331222"/>
    <s v="S"/>
    <s v="KY"/>
    <s v="REV"/>
    <s v="974"/>
    <s v="GLBATCH"/>
    <n v="12"/>
    <n v="2016"/>
  </r>
  <r>
    <s v="110"/>
    <d v="2016-12-15T00:00:00"/>
    <x v="6"/>
    <x v="0"/>
    <s v="10828"/>
    <s v="GLNANDA"/>
    <n v="-504.94"/>
    <n v="-2529"/>
    <s v="Billed Revenues"/>
    <s v="EXV"/>
    <s v="NONBU"/>
    <s v="G0000110"/>
    <s v="N"/>
    <s v="MACSS Dist Billed Revenue-03"/>
    <s v=""/>
    <x v="0"/>
    <s v="CAD0331222"/>
    <s v="S"/>
    <s v="KY"/>
    <s v="REV"/>
    <s v="974"/>
    <s v="GLBATCH"/>
    <n v="12"/>
    <n v="2016"/>
  </r>
  <r>
    <s v="110"/>
    <d v="2016-12-15T00:00:00"/>
    <x v="7"/>
    <x v="0"/>
    <s v="10828"/>
    <s v="GLNANDA"/>
    <n v="0"/>
    <n v="37"/>
    <s v="Billed Revenues"/>
    <s v="EXV"/>
    <s v="NONBU"/>
    <s v="G0000110"/>
    <s v="N"/>
    <s v="MACSS Dist Billed Revenue-03"/>
    <s v=""/>
    <x v="0"/>
    <s v="CAD0331227"/>
    <s v="S"/>
    <s v="KY"/>
    <s v="REV"/>
    <s v="974"/>
    <s v="GLBATCH"/>
    <n v="12"/>
    <n v="2016"/>
  </r>
  <r>
    <s v="110"/>
    <d v="2016-12-15T00:00:00"/>
    <x v="6"/>
    <x v="0"/>
    <s v="10828"/>
    <s v="GLNANDA"/>
    <n v="-853.87"/>
    <n v="-2310"/>
    <s v="Billed Revenues"/>
    <s v="EXV"/>
    <s v="NONBU"/>
    <s v="G0000110"/>
    <s v="N"/>
    <s v="MACSS Dist Billed Revenue-03"/>
    <s v=""/>
    <x v="0"/>
    <s v="CAD0331227"/>
    <s v="S"/>
    <s v="KY"/>
    <s v="REV"/>
    <s v="974"/>
    <s v="GLBATCH"/>
    <n v="12"/>
    <n v="2016"/>
  </r>
  <r>
    <s v="110"/>
    <d v="2016-12-15T00:00:00"/>
    <x v="4"/>
    <x v="0"/>
    <s v="10828"/>
    <s v="GLNANDA"/>
    <n v="0"/>
    <n v="4168"/>
    <s v="Billed Revenues"/>
    <s v="EXV"/>
    <s v="NONBU"/>
    <s v="G0000110"/>
    <s v="N"/>
    <s v="MACSS Dist Billed Revenue-03"/>
    <s v=""/>
    <x v="0"/>
    <s v="CAD0331227"/>
    <s v="S"/>
    <s v="KY"/>
    <s v="REV"/>
    <s v="974"/>
    <s v="GLBATCH"/>
    <n v="12"/>
    <n v="2016"/>
  </r>
  <r>
    <s v="110"/>
    <d v="2016-12-15T00:00:00"/>
    <x v="5"/>
    <x v="0"/>
    <s v="10828"/>
    <s v="GLNANDA"/>
    <n v="-57457.37"/>
    <n v="-434988"/>
    <s v="Billed Revenues"/>
    <s v="EXV"/>
    <s v="NONBU"/>
    <s v="G0000110"/>
    <s v="N"/>
    <s v="MACSS Dist Billed Revenue-03"/>
    <s v=""/>
    <x v="0"/>
    <s v="CAD0331227"/>
    <s v="S"/>
    <s v="KY"/>
    <s v="REV"/>
    <s v="974"/>
    <s v="GLBATCH"/>
    <n v="12"/>
    <n v="2016"/>
  </r>
  <r>
    <s v="110"/>
    <d v="2016-12-15T00:00:00"/>
    <x v="5"/>
    <x v="0"/>
    <s v="10828"/>
    <s v="GLNANDA"/>
    <n v="0"/>
    <n v="125"/>
    <s v="Billed Revenues"/>
    <s v="EXV"/>
    <s v="NONBU"/>
    <s v="G0000110"/>
    <s v="N"/>
    <s v="MACSS Dist Billed Revenue-03"/>
    <s v=""/>
    <x v="0"/>
    <s v="CAD0331227"/>
    <s v="S"/>
    <s v="KY"/>
    <s v="REV"/>
    <s v="974"/>
    <s v="GLBATCH"/>
    <n v="12"/>
    <n v="2016"/>
  </r>
  <r>
    <s v="110"/>
    <d v="2016-12-15T00:00:00"/>
    <x v="6"/>
    <x v="0"/>
    <s v="10828"/>
    <s v="GLNANDA"/>
    <n v="0"/>
    <n v="4"/>
    <s v="Billed Revenues"/>
    <s v="EXV"/>
    <s v="NONBU"/>
    <s v="G0000110"/>
    <s v="N"/>
    <s v="MACSS Dist Billed Revenue-03"/>
    <s v=""/>
    <x v="0"/>
    <s v="CAD0331227"/>
    <s v="S"/>
    <s v="KY"/>
    <s v="REV"/>
    <s v="974"/>
    <s v="GLBATCH"/>
    <n v="12"/>
    <n v="2016"/>
  </r>
  <r>
    <s v="110"/>
    <d v="2016-12-15T00:00:00"/>
    <x v="2"/>
    <x v="0"/>
    <s v="10828"/>
    <s v="GLNANDA"/>
    <n v="-320907.84000000003"/>
    <n v="-2449863"/>
    <s v="Billed Revenues"/>
    <s v="EXV"/>
    <s v="NONBU"/>
    <s v="G0000110"/>
    <s v="N"/>
    <s v="MACSS Dist Billed Revenue-03"/>
    <s v=""/>
    <x v="0"/>
    <s v="CAD0331227"/>
    <s v="S"/>
    <s v="KY"/>
    <s v="REV"/>
    <s v="974"/>
    <s v="GLBATCH"/>
    <n v="12"/>
    <n v="2016"/>
  </r>
  <r>
    <s v="110"/>
    <d v="2016-12-15T00:00:00"/>
    <x v="0"/>
    <x v="0"/>
    <s v="10828"/>
    <s v="GLNANDA"/>
    <n v="-787031.64"/>
    <n v="-11385315"/>
    <s v="Billed Revenues"/>
    <s v="EXV"/>
    <s v="NONBU"/>
    <s v="G0000110"/>
    <s v="N"/>
    <s v="MACSS Dist Billed Revenue-03"/>
    <s v=""/>
    <x v="0"/>
    <s v="CAD0331227"/>
    <s v="S"/>
    <s v="KY"/>
    <s v="REV"/>
    <s v="974"/>
    <s v="GLBATCH"/>
    <n v="12"/>
    <n v="2016"/>
  </r>
  <r>
    <s v="110"/>
    <d v="2016-12-15T00:00:00"/>
    <x v="0"/>
    <x v="0"/>
    <s v="10828"/>
    <s v="GLNANDA"/>
    <n v="0"/>
    <n v="38"/>
    <s v="Billed Revenues"/>
    <s v="EXV"/>
    <s v="NONBU"/>
    <s v="G0000110"/>
    <s v="N"/>
    <s v="MACSS Dist Billed Revenue-03"/>
    <s v=""/>
    <x v="0"/>
    <s v="CAD0331227"/>
    <s v="S"/>
    <s v="KY"/>
    <s v="REV"/>
    <s v="974"/>
    <s v="GLBATCH"/>
    <n v="12"/>
    <n v="2016"/>
  </r>
  <r>
    <s v="110"/>
    <d v="2016-12-15T00:00:00"/>
    <x v="2"/>
    <x v="0"/>
    <s v="10828"/>
    <s v="GLNANDA"/>
    <n v="0"/>
    <n v="1249"/>
    <s v="Billed Revenues"/>
    <s v="EXV"/>
    <s v="NONBU"/>
    <s v="G0000110"/>
    <s v="N"/>
    <s v="MACSS Dist Billed Revenue-03"/>
    <s v=""/>
    <x v="0"/>
    <s v="CAD0331227"/>
    <s v="S"/>
    <s v="KY"/>
    <s v="REV"/>
    <s v="974"/>
    <s v="GLBATCH"/>
    <n v="12"/>
    <n v="2016"/>
  </r>
  <r>
    <s v="110"/>
    <d v="2016-12-15T00:00:00"/>
    <x v="7"/>
    <x v="0"/>
    <s v="10828"/>
    <s v="GLNANDA"/>
    <n v="-82176.17"/>
    <n v="-663862"/>
    <s v="Billed Revenues"/>
    <s v="EXV"/>
    <s v="NONBU"/>
    <s v="G0000110"/>
    <s v="N"/>
    <s v="MACSS Dist Billed Revenue-03"/>
    <s v=""/>
    <x v="0"/>
    <s v="CAD0331227"/>
    <s v="S"/>
    <s v="KY"/>
    <s v="REV"/>
    <s v="974"/>
    <s v="GLBATCH"/>
    <n v="12"/>
    <n v="2016"/>
  </r>
  <r>
    <s v="110"/>
    <d v="2016-12-15T00:00:00"/>
    <x v="3"/>
    <x v="0"/>
    <s v="10828"/>
    <s v="GLNANDA"/>
    <n v="-343924.97"/>
    <n v="-4271505"/>
    <s v="Billed Revenues"/>
    <s v="EXV"/>
    <s v="NONBU"/>
    <s v="G0000110"/>
    <s v="N"/>
    <s v="MACSS Dist Billed Revenue-03"/>
    <s v=""/>
    <x v="0"/>
    <s v="CAD0331227"/>
    <s v="S"/>
    <s v="KY"/>
    <s v="REV"/>
    <s v="974"/>
    <s v="GLBATCH"/>
    <n v="12"/>
    <n v="2016"/>
  </r>
  <r>
    <s v="110"/>
    <d v="2016-12-15T00:00:00"/>
    <x v="3"/>
    <x v="0"/>
    <s v="10828"/>
    <s v="GLNANDA"/>
    <n v="0"/>
    <n v="13"/>
    <s v="Billed Revenues"/>
    <s v="EXV"/>
    <s v="NONBU"/>
    <s v="G0000110"/>
    <s v="N"/>
    <s v="MACSS Dist Billed Revenue-03"/>
    <s v=""/>
    <x v="0"/>
    <s v="CAD0331227"/>
    <s v="S"/>
    <s v="KY"/>
    <s v="REV"/>
    <s v="974"/>
    <s v="GLBATCH"/>
    <n v="12"/>
    <n v="2016"/>
  </r>
  <r>
    <s v="110"/>
    <d v="2016-12-15T00:00:00"/>
    <x v="1"/>
    <x v="0"/>
    <s v="10828"/>
    <s v="GLNANDA"/>
    <n v="-347453.58"/>
    <n v="-2744642"/>
    <s v="Billed Revenues"/>
    <s v="EXV"/>
    <s v="NONBU"/>
    <s v="G0000110"/>
    <s v="N"/>
    <s v="MACSS Dist Billed Revenue-03"/>
    <s v=""/>
    <x v="0"/>
    <s v="CAD0331227"/>
    <s v="S"/>
    <s v="KY"/>
    <s v="REV"/>
    <s v="974"/>
    <s v="GLBATCH"/>
    <n v="12"/>
    <n v="2016"/>
  </r>
  <r>
    <s v="110"/>
    <d v="2016-12-15T00:00:00"/>
    <x v="1"/>
    <x v="0"/>
    <s v="10828"/>
    <s v="GLNANDA"/>
    <n v="0"/>
    <n v="2089"/>
    <s v="Billed Revenues"/>
    <s v="EXV"/>
    <s v="NONBU"/>
    <s v="G0000110"/>
    <s v="N"/>
    <s v="MACSS Dist Billed Revenue-03"/>
    <s v=""/>
    <x v="0"/>
    <s v="CAD0331227"/>
    <s v="S"/>
    <s v="KY"/>
    <s v="REV"/>
    <s v="974"/>
    <s v="GLBATCH"/>
    <n v="12"/>
    <n v="2016"/>
  </r>
  <r>
    <s v="110"/>
    <d v="2016-12-15T00:00:00"/>
    <x v="4"/>
    <x v="0"/>
    <s v="10828"/>
    <s v="GLNANDA"/>
    <n v="-1044824.14"/>
    <n v="-8541198"/>
    <s v="Billed Revenues"/>
    <s v="EXV"/>
    <s v="NONBU"/>
    <s v="G0000110"/>
    <s v="N"/>
    <s v="MACSS Dist Billed Revenue-03"/>
    <s v=""/>
    <x v="0"/>
    <s v="CAD0331227"/>
    <s v="S"/>
    <s v="KY"/>
    <s v="REV"/>
    <s v="974"/>
    <s v="GLBATCH"/>
    <n v="12"/>
    <n v="2016"/>
  </r>
  <r>
    <s v="110"/>
    <d v="2016-12-15T00:00:00"/>
    <x v="5"/>
    <x v="0"/>
    <s v="10828"/>
    <s v="GLNANDA"/>
    <n v="-70846.350000000006"/>
    <n v="-519753"/>
    <s v="Billed Revenues"/>
    <s v="EXV"/>
    <s v="NONBU"/>
    <s v="G0000110"/>
    <s v="N"/>
    <s v="MACSS Dist Billed Revenue-03"/>
    <s v=""/>
    <x v="0"/>
    <s v="CAD0331228"/>
    <s v="S"/>
    <s v="KY"/>
    <s v="REV"/>
    <s v="974"/>
    <s v="GLBATCH"/>
    <n v="12"/>
    <n v="2016"/>
  </r>
  <r>
    <s v="110"/>
    <d v="2016-12-15T00:00:00"/>
    <x v="5"/>
    <x v="0"/>
    <s v="10828"/>
    <s v="GLNANDA"/>
    <n v="0"/>
    <n v="148"/>
    <s v="Billed Revenues"/>
    <s v="EXV"/>
    <s v="NONBU"/>
    <s v="G0000110"/>
    <s v="N"/>
    <s v="MACSS Dist Billed Revenue-03"/>
    <s v=""/>
    <x v="0"/>
    <s v="CAD0331228"/>
    <s v="S"/>
    <s v="KY"/>
    <s v="REV"/>
    <s v="974"/>
    <s v="GLBATCH"/>
    <n v="12"/>
    <n v="2016"/>
  </r>
  <r>
    <s v="110"/>
    <d v="2016-12-15T00:00:00"/>
    <x v="0"/>
    <x v="0"/>
    <s v="10828"/>
    <s v="GLNANDA"/>
    <n v="-148850.59"/>
    <n v="-1862989"/>
    <s v="Billed Revenues"/>
    <s v="EXV"/>
    <s v="NONBU"/>
    <s v="G0000110"/>
    <s v="N"/>
    <s v="MACSS Dist Billed Revenue-03"/>
    <s v=""/>
    <x v="0"/>
    <s v="CAD0331228"/>
    <s v="S"/>
    <s v="KY"/>
    <s v="REV"/>
    <s v="974"/>
    <s v="GLBATCH"/>
    <n v="12"/>
    <n v="2016"/>
  </r>
  <r>
    <s v="110"/>
    <d v="2016-12-15T00:00:00"/>
    <x v="0"/>
    <x v="0"/>
    <s v="10828"/>
    <s v="GLNANDA"/>
    <n v="0"/>
    <n v="57"/>
    <s v="Billed Revenues"/>
    <s v="EXV"/>
    <s v="NONBU"/>
    <s v="G0000110"/>
    <s v="N"/>
    <s v="MACSS Dist Billed Revenue-03"/>
    <s v=""/>
    <x v="0"/>
    <s v="CAD0331228"/>
    <s v="S"/>
    <s v="KY"/>
    <s v="REV"/>
    <s v="974"/>
    <s v="GLBATCH"/>
    <n v="12"/>
    <n v="2016"/>
  </r>
  <r>
    <s v="110"/>
    <d v="2016-12-15T00:00:00"/>
    <x v="3"/>
    <x v="0"/>
    <s v="10828"/>
    <s v="GLNANDA"/>
    <n v="-510251.4"/>
    <n v="-6004029"/>
    <s v="Billed Revenues"/>
    <s v="EXV"/>
    <s v="NONBU"/>
    <s v="G0000110"/>
    <s v="N"/>
    <s v="MACSS Dist Billed Revenue-03"/>
    <s v=""/>
    <x v="0"/>
    <s v="CAD0331228"/>
    <s v="S"/>
    <s v="KY"/>
    <s v="REV"/>
    <s v="974"/>
    <s v="GLBATCH"/>
    <n v="12"/>
    <n v="2016"/>
  </r>
  <r>
    <s v="110"/>
    <d v="2016-12-15T00:00:00"/>
    <x v="3"/>
    <x v="0"/>
    <s v="10828"/>
    <s v="GLNANDA"/>
    <n v="0"/>
    <n v="23"/>
    <s v="Billed Revenues"/>
    <s v="EXV"/>
    <s v="NONBU"/>
    <s v="G0000110"/>
    <s v="N"/>
    <s v="MACSS Dist Billed Revenue-03"/>
    <s v=""/>
    <x v="0"/>
    <s v="CAD0331228"/>
    <s v="S"/>
    <s v="KY"/>
    <s v="REV"/>
    <s v="974"/>
    <s v="GLBATCH"/>
    <n v="12"/>
    <n v="2016"/>
  </r>
  <r>
    <s v="110"/>
    <d v="2016-12-15T00:00:00"/>
    <x v="1"/>
    <x v="0"/>
    <s v="10828"/>
    <s v="GLNANDA"/>
    <n v="-374373.89"/>
    <n v="-2946173"/>
    <s v="Billed Revenues"/>
    <s v="EXV"/>
    <s v="NONBU"/>
    <s v="G0000110"/>
    <s v="N"/>
    <s v="MACSS Dist Billed Revenue-03"/>
    <s v=""/>
    <x v="0"/>
    <s v="CAD0331228"/>
    <s v="S"/>
    <s v="KY"/>
    <s v="REV"/>
    <s v="974"/>
    <s v="GLBATCH"/>
    <n v="12"/>
    <n v="2016"/>
  </r>
  <r>
    <s v="110"/>
    <d v="2016-12-15T00:00:00"/>
    <x v="1"/>
    <x v="0"/>
    <s v="10828"/>
    <s v="GLNANDA"/>
    <n v="0"/>
    <n v="2421"/>
    <s v="Billed Revenues"/>
    <s v="EXV"/>
    <s v="NONBU"/>
    <s v="G0000110"/>
    <s v="N"/>
    <s v="MACSS Dist Billed Revenue-03"/>
    <s v=""/>
    <x v="0"/>
    <s v="CAD0331228"/>
    <s v="S"/>
    <s v="KY"/>
    <s v="REV"/>
    <s v="974"/>
    <s v="GLBATCH"/>
    <n v="12"/>
    <n v="2016"/>
  </r>
  <r>
    <s v="110"/>
    <d v="2016-12-15T00:00:00"/>
    <x v="2"/>
    <x v="0"/>
    <s v="10828"/>
    <s v="GLNANDA"/>
    <n v="-668838.02"/>
    <n v="-5298196"/>
    <s v="Billed Revenues"/>
    <s v="EXV"/>
    <s v="NONBU"/>
    <s v="G0000110"/>
    <s v="N"/>
    <s v="MACSS Dist Billed Revenue-03"/>
    <s v=""/>
    <x v="0"/>
    <s v="CAD0331228"/>
    <s v="S"/>
    <s v="KY"/>
    <s v="REV"/>
    <s v="974"/>
    <s v="GLBATCH"/>
    <n v="12"/>
    <n v="2016"/>
  </r>
  <r>
    <s v="110"/>
    <d v="2016-12-15T00:00:00"/>
    <x v="2"/>
    <x v="0"/>
    <s v="10828"/>
    <s v="GLNANDA"/>
    <n v="0"/>
    <n v="1389"/>
    <s v="Billed Revenues"/>
    <s v="EXV"/>
    <s v="NONBU"/>
    <s v="G0000110"/>
    <s v="N"/>
    <s v="MACSS Dist Billed Revenue-03"/>
    <s v=""/>
    <x v="0"/>
    <s v="CAD0331228"/>
    <s v="S"/>
    <s v="KY"/>
    <s v="REV"/>
    <s v="974"/>
    <s v="GLBATCH"/>
    <n v="12"/>
    <n v="2016"/>
  </r>
  <r>
    <s v="110"/>
    <d v="2016-12-15T00:00:00"/>
    <x v="4"/>
    <x v="0"/>
    <s v="10828"/>
    <s v="GLNANDA"/>
    <n v="-824282.24"/>
    <n v="-6711838"/>
    <s v="Billed Revenues"/>
    <s v="EXV"/>
    <s v="NONBU"/>
    <s v="G0000110"/>
    <s v="N"/>
    <s v="MACSS Dist Billed Revenue-03"/>
    <s v=""/>
    <x v="0"/>
    <s v="CAD0331228"/>
    <s v="S"/>
    <s v="KY"/>
    <s v="REV"/>
    <s v="974"/>
    <s v="GLBATCH"/>
    <n v="12"/>
    <n v="2016"/>
  </r>
  <r>
    <s v="110"/>
    <d v="2016-12-15T00:00:00"/>
    <x v="4"/>
    <x v="0"/>
    <s v="10828"/>
    <s v="GLNANDA"/>
    <n v="0"/>
    <n v="3528"/>
    <s v="Billed Revenues"/>
    <s v="EXV"/>
    <s v="NONBU"/>
    <s v="G0000110"/>
    <s v="N"/>
    <s v="MACSS Dist Billed Revenue-03"/>
    <s v=""/>
    <x v="0"/>
    <s v="CAD0331228"/>
    <s v="S"/>
    <s v="KY"/>
    <s v="REV"/>
    <s v="974"/>
    <s v="GLBATCH"/>
    <n v="12"/>
    <n v="2016"/>
  </r>
  <r>
    <s v="110"/>
    <d v="2016-12-15T00:00:00"/>
    <x v="6"/>
    <x v="0"/>
    <s v="10828"/>
    <s v="GLNANDA"/>
    <n v="-958.91"/>
    <n v="-5296"/>
    <s v="Billed Revenues"/>
    <s v="EXV"/>
    <s v="NONBU"/>
    <s v="G0000110"/>
    <s v="N"/>
    <s v="MACSS Dist Billed Revenue-03"/>
    <s v=""/>
    <x v="0"/>
    <s v="CAD0331228"/>
    <s v="S"/>
    <s v="KY"/>
    <s v="REV"/>
    <s v="974"/>
    <s v="GLBATCH"/>
    <n v="12"/>
    <n v="2016"/>
  </r>
  <r>
    <s v="110"/>
    <d v="2016-12-15T00:00:00"/>
    <x v="6"/>
    <x v="0"/>
    <s v="10828"/>
    <s v="GLNANDA"/>
    <n v="0"/>
    <n v="15"/>
    <s v="Billed Revenues"/>
    <s v="EXV"/>
    <s v="NONBU"/>
    <s v="G0000110"/>
    <s v="N"/>
    <s v="MACSS Dist Billed Revenue-03"/>
    <s v=""/>
    <x v="0"/>
    <s v="CAD0331228"/>
    <s v="S"/>
    <s v="KY"/>
    <s v="REV"/>
    <s v="974"/>
    <s v="GLBATCH"/>
    <n v="12"/>
    <n v="2016"/>
  </r>
  <r>
    <s v="110"/>
    <d v="2016-12-15T00:00:00"/>
    <x v="7"/>
    <x v="0"/>
    <s v="10828"/>
    <s v="GLNANDA"/>
    <n v="0"/>
    <n v="29"/>
    <s v="Billed Revenues"/>
    <s v="EXV"/>
    <s v="NONBU"/>
    <s v="G0000110"/>
    <s v="N"/>
    <s v="MACSS Dist Billed Revenue-03"/>
    <s v=""/>
    <x v="0"/>
    <s v="CAD0331228"/>
    <s v="S"/>
    <s v="KY"/>
    <s v="REV"/>
    <s v="974"/>
    <s v="GLBATCH"/>
    <n v="12"/>
    <n v="2016"/>
  </r>
  <r>
    <s v="110"/>
    <d v="2016-12-15T00:00:00"/>
    <x v="7"/>
    <x v="0"/>
    <s v="10828"/>
    <s v="GLNANDA"/>
    <n v="-37851.83"/>
    <n v="-298953"/>
    <s v="Billed Revenues"/>
    <s v="EXV"/>
    <s v="NONBU"/>
    <s v="G0000110"/>
    <s v="N"/>
    <s v="MACSS Dist Billed Revenue-03"/>
    <s v=""/>
    <x v="0"/>
    <s v="CAD0331228"/>
    <s v="S"/>
    <s v="KY"/>
    <s v="REV"/>
    <s v="974"/>
    <s v="GLBATCH"/>
    <n v="12"/>
    <n v="2016"/>
  </r>
  <r>
    <s v="110"/>
    <d v="2016-12-15T00:00:00"/>
    <x v="7"/>
    <x v="0"/>
    <s v="10828"/>
    <s v="GLNANDA"/>
    <n v="-128006.56"/>
    <n v="-1050723"/>
    <s v="Billed Revenues"/>
    <s v="EXV"/>
    <s v="NONBU"/>
    <s v="G0000110"/>
    <s v="N"/>
    <s v="MACSS Dist Billed Revenue-03"/>
    <s v=""/>
    <x v="0"/>
    <s v="CAD0331229"/>
    <s v="S"/>
    <s v="KY"/>
    <s v="REV"/>
    <s v="974"/>
    <s v="GLBATCH"/>
    <n v="12"/>
    <n v="2016"/>
  </r>
  <r>
    <s v="110"/>
    <d v="2016-12-15T00:00:00"/>
    <x v="6"/>
    <x v="0"/>
    <s v="10828"/>
    <s v="GLNANDA"/>
    <n v="0"/>
    <n v="20"/>
    <s v="Billed Revenues"/>
    <s v="EXV"/>
    <s v="NONBU"/>
    <s v="G0000110"/>
    <s v="N"/>
    <s v="MACSS Dist Billed Revenue-03"/>
    <s v=""/>
    <x v="0"/>
    <s v="CAD0331229"/>
    <s v="S"/>
    <s v="KY"/>
    <s v="REV"/>
    <s v="974"/>
    <s v="GLBATCH"/>
    <n v="12"/>
    <n v="2016"/>
  </r>
  <r>
    <s v="110"/>
    <d v="2016-12-15T00:00:00"/>
    <x v="6"/>
    <x v="0"/>
    <s v="10828"/>
    <s v="GLNANDA"/>
    <n v="-4045.53"/>
    <n v="-28675"/>
    <s v="Billed Revenues"/>
    <s v="EXV"/>
    <s v="NONBU"/>
    <s v="G0000110"/>
    <s v="N"/>
    <s v="MACSS Dist Billed Revenue-03"/>
    <s v=""/>
    <x v="0"/>
    <s v="CAD0331229"/>
    <s v="S"/>
    <s v="KY"/>
    <s v="REV"/>
    <s v="974"/>
    <s v="GLBATCH"/>
    <n v="12"/>
    <n v="2016"/>
  </r>
  <r>
    <s v="110"/>
    <d v="2016-12-15T00:00:00"/>
    <x v="4"/>
    <x v="0"/>
    <s v="10828"/>
    <s v="GLNANDA"/>
    <n v="0"/>
    <n v="2963"/>
    <s v="Billed Revenues"/>
    <s v="EXV"/>
    <s v="NONBU"/>
    <s v="G0000110"/>
    <s v="N"/>
    <s v="MACSS Dist Billed Revenue-03"/>
    <s v=""/>
    <x v="0"/>
    <s v="CAD0331229"/>
    <s v="S"/>
    <s v="KY"/>
    <s v="REV"/>
    <s v="974"/>
    <s v="GLBATCH"/>
    <n v="12"/>
    <n v="2016"/>
  </r>
  <r>
    <s v="110"/>
    <d v="2016-12-15T00:00:00"/>
    <x v="4"/>
    <x v="0"/>
    <s v="10828"/>
    <s v="GLNANDA"/>
    <n v="-769707.05"/>
    <n v="-6303852"/>
    <s v="Billed Revenues"/>
    <s v="EXV"/>
    <s v="NONBU"/>
    <s v="G0000110"/>
    <s v="N"/>
    <s v="MACSS Dist Billed Revenue-03"/>
    <s v=""/>
    <x v="0"/>
    <s v="CAD0331229"/>
    <s v="S"/>
    <s v="KY"/>
    <s v="REV"/>
    <s v="974"/>
    <s v="GLBATCH"/>
    <n v="12"/>
    <n v="2016"/>
  </r>
  <r>
    <s v="110"/>
    <d v="2016-12-15T00:00:00"/>
    <x v="2"/>
    <x v="0"/>
    <s v="10828"/>
    <s v="GLNANDA"/>
    <n v="0"/>
    <n v="1195"/>
    <s v="Billed Revenues"/>
    <s v="EXV"/>
    <s v="NONBU"/>
    <s v="G0000110"/>
    <s v="N"/>
    <s v="MACSS Dist Billed Revenue-03"/>
    <s v=""/>
    <x v="0"/>
    <s v="CAD0331229"/>
    <s v="S"/>
    <s v="KY"/>
    <s v="REV"/>
    <s v="974"/>
    <s v="GLBATCH"/>
    <n v="12"/>
    <n v="2016"/>
  </r>
  <r>
    <s v="110"/>
    <d v="2016-12-15T00:00:00"/>
    <x v="2"/>
    <x v="0"/>
    <s v="10828"/>
    <s v="GLNANDA"/>
    <n v="-791240.47"/>
    <n v="-7104774"/>
    <s v="Billed Revenues"/>
    <s v="EXV"/>
    <s v="NONBU"/>
    <s v="G0000110"/>
    <s v="N"/>
    <s v="MACSS Dist Billed Revenue-03"/>
    <s v=""/>
    <x v="0"/>
    <s v="CAD0331229"/>
    <s v="S"/>
    <s v="KY"/>
    <s v="REV"/>
    <s v="974"/>
    <s v="GLBATCH"/>
    <n v="12"/>
    <n v="2016"/>
  </r>
  <r>
    <s v="110"/>
    <d v="2016-12-15T00:00:00"/>
    <x v="1"/>
    <x v="0"/>
    <s v="10828"/>
    <s v="GLNANDA"/>
    <n v="-420292.03"/>
    <n v="-3327530"/>
    <s v="Billed Revenues"/>
    <s v="EXV"/>
    <s v="NONBU"/>
    <s v="G0000110"/>
    <s v="N"/>
    <s v="MACSS Dist Billed Revenue-03"/>
    <s v=""/>
    <x v="0"/>
    <s v="CAD0331229"/>
    <s v="S"/>
    <s v="KY"/>
    <s v="REV"/>
    <s v="974"/>
    <s v="GLBATCH"/>
    <n v="12"/>
    <n v="2016"/>
  </r>
  <r>
    <s v="110"/>
    <d v="2016-12-15T00:00:00"/>
    <x v="1"/>
    <x v="0"/>
    <s v="10828"/>
    <s v="GLNANDA"/>
    <n v="0"/>
    <n v="2593"/>
    <s v="Billed Revenues"/>
    <s v="EXV"/>
    <s v="NONBU"/>
    <s v="G0000110"/>
    <s v="N"/>
    <s v="MACSS Dist Billed Revenue-03"/>
    <s v=""/>
    <x v="0"/>
    <s v="CAD0331229"/>
    <s v="S"/>
    <s v="KY"/>
    <s v="REV"/>
    <s v="974"/>
    <s v="GLBATCH"/>
    <n v="12"/>
    <n v="2016"/>
  </r>
  <r>
    <s v="110"/>
    <d v="2016-12-15T00:00:00"/>
    <x v="3"/>
    <x v="0"/>
    <s v="10828"/>
    <s v="GLNANDA"/>
    <n v="0"/>
    <n v="30"/>
    <s v="Billed Revenues"/>
    <s v="EXV"/>
    <s v="NONBU"/>
    <s v="G0000110"/>
    <s v="N"/>
    <s v="MACSS Dist Billed Revenue-03"/>
    <s v=""/>
    <x v="0"/>
    <s v="CAD0331229"/>
    <s v="S"/>
    <s v="KY"/>
    <s v="REV"/>
    <s v="974"/>
    <s v="GLBATCH"/>
    <n v="12"/>
    <n v="2016"/>
  </r>
  <r>
    <s v="110"/>
    <d v="2016-12-15T00:00:00"/>
    <x v="3"/>
    <x v="0"/>
    <s v="10828"/>
    <s v="GLNANDA"/>
    <n v="-652827.14"/>
    <n v="-7367643"/>
    <s v="Billed Revenues"/>
    <s v="EXV"/>
    <s v="NONBU"/>
    <s v="G0000110"/>
    <s v="N"/>
    <s v="MACSS Dist Billed Revenue-03"/>
    <s v=""/>
    <x v="0"/>
    <s v="CAD0331229"/>
    <s v="S"/>
    <s v="KY"/>
    <s v="REV"/>
    <s v="974"/>
    <s v="GLBATCH"/>
    <n v="12"/>
    <n v="2016"/>
  </r>
  <r>
    <s v="110"/>
    <d v="2016-12-15T00:00:00"/>
    <x v="0"/>
    <x v="0"/>
    <s v="10828"/>
    <s v="GLNANDA"/>
    <n v="0"/>
    <n v="50"/>
    <s v="Billed Revenues"/>
    <s v="EXV"/>
    <s v="NONBU"/>
    <s v="G0000110"/>
    <s v="N"/>
    <s v="MACSS Dist Billed Revenue-03"/>
    <s v=""/>
    <x v="0"/>
    <s v="CAD0331229"/>
    <s v="S"/>
    <s v="KY"/>
    <s v="REV"/>
    <s v="974"/>
    <s v="GLBATCH"/>
    <n v="12"/>
    <n v="2016"/>
  </r>
  <r>
    <s v="110"/>
    <d v="2016-12-15T00:00:00"/>
    <x v="0"/>
    <x v="0"/>
    <s v="10828"/>
    <s v="GLNANDA"/>
    <n v="-52397.69"/>
    <n v="-401395"/>
    <s v="Billed Revenues"/>
    <s v="EXV"/>
    <s v="NONBU"/>
    <s v="G0000110"/>
    <s v="N"/>
    <s v="MACSS Dist Billed Revenue-03"/>
    <s v=""/>
    <x v="0"/>
    <s v="CAD0331229"/>
    <s v="S"/>
    <s v="KY"/>
    <s v="REV"/>
    <s v="974"/>
    <s v="GLBATCH"/>
    <n v="12"/>
    <n v="2016"/>
  </r>
  <r>
    <s v="110"/>
    <d v="2016-12-15T00:00:00"/>
    <x v="5"/>
    <x v="0"/>
    <s v="10828"/>
    <s v="GLNANDA"/>
    <n v="0"/>
    <n v="197"/>
    <s v="Billed Revenues"/>
    <s v="EXV"/>
    <s v="NONBU"/>
    <s v="G0000110"/>
    <s v="N"/>
    <s v="MACSS Dist Billed Revenue-03"/>
    <s v=""/>
    <x v="0"/>
    <s v="CAD0331229"/>
    <s v="S"/>
    <s v="KY"/>
    <s v="REV"/>
    <s v="974"/>
    <s v="GLBATCH"/>
    <n v="12"/>
    <n v="2016"/>
  </r>
  <r>
    <s v="110"/>
    <d v="2016-12-15T00:00:00"/>
    <x v="5"/>
    <x v="0"/>
    <s v="10828"/>
    <s v="GLNANDA"/>
    <n v="-92216.77"/>
    <n v="-704548"/>
    <s v="Billed Revenues"/>
    <s v="EXV"/>
    <s v="NONBU"/>
    <s v="G0000110"/>
    <s v="N"/>
    <s v="MACSS Dist Billed Revenue-03"/>
    <s v=""/>
    <x v="0"/>
    <s v="CAD0331229"/>
    <s v="S"/>
    <s v="KY"/>
    <s v="REV"/>
    <s v="974"/>
    <s v="GLBATCH"/>
    <n v="12"/>
    <n v="2016"/>
  </r>
  <r>
    <s v="110"/>
    <d v="2016-12-15T00:00:00"/>
    <x v="7"/>
    <x v="0"/>
    <s v="10828"/>
    <s v="GLNANDA"/>
    <n v="0"/>
    <n v="40"/>
    <s v="Billed Revenues"/>
    <s v="EXV"/>
    <s v="NONBU"/>
    <s v="G0000110"/>
    <s v="N"/>
    <s v="MACSS Dist Billed Revenue-03"/>
    <s v=""/>
    <x v="0"/>
    <s v="CAD0331229"/>
    <s v="S"/>
    <s v="KY"/>
    <s v="REV"/>
    <s v="974"/>
    <s v="GLBATCH"/>
    <n v="12"/>
    <n v="2016"/>
  </r>
  <r>
    <s v="110"/>
    <d v="2017-01-15T00:00:00"/>
    <x v="1"/>
    <x v="0"/>
    <s v="10828"/>
    <s v="GLNANDA"/>
    <n v="0"/>
    <n v="2178"/>
    <s v="Billed Revenues"/>
    <s v="EXV"/>
    <s v="NONBU"/>
    <s v="G0000110"/>
    <s v="N"/>
    <s v="MACSS Dist Billed Revenue-03"/>
    <s v=""/>
    <x v="0"/>
    <s v="CAD0331230"/>
    <s v="S"/>
    <s v="KY"/>
    <s v="REV"/>
    <s v="974"/>
    <s v="GLBATCH"/>
    <n v="1"/>
    <n v="2017"/>
  </r>
  <r>
    <s v="110"/>
    <d v="2017-01-15T00:00:00"/>
    <x v="5"/>
    <x v="0"/>
    <s v="10828"/>
    <s v="GLNANDA"/>
    <n v="0"/>
    <n v="142"/>
    <s v="Billed Revenues"/>
    <s v="EXV"/>
    <s v="NONBU"/>
    <s v="G0000110"/>
    <s v="N"/>
    <s v="MACSS Dist Billed Revenue-03"/>
    <s v=""/>
    <x v="0"/>
    <s v="CAD0331230"/>
    <s v="S"/>
    <s v="KY"/>
    <s v="REV"/>
    <s v="974"/>
    <s v="GLBATCH"/>
    <n v="1"/>
    <n v="2017"/>
  </r>
  <r>
    <s v="110"/>
    <d v="2017-01-15T00:00:00"/>
    <x v="0"/>
    <x v="0"/>
    <s v="10828"/>
    <s v="GLNANDA"/>
    <n v="-253240.86"/>
    <n v="-2748207"/>
    <s v="Billed Revenues"/>
    <s v="EXV"/>
    <s v="NONBU"/>
    <s v="G0000110"/>
    <s v="N"/>
    <s v="MACSS Dist Billed Revenue-03"/>
    <s v=""/>
    <x v="0"/>
    <s v="CAD0331230"/>
    <s v="S"/>
    <s v="KY"/>
    <s v="REV"/>
    <s v="974"/>
    <s v="GLBATCH"/>
    <n v="1"/>
    <n v="2017"/>
  </r>
  <r>
    <s v="110"/>
    <d v="2017-01-15T00:00:00"/>
    <x v="0"/>
    <x v="0"/>
    <s v="10828"/>
    <s v="GLNANDA"/>
    <n v="0"/>
    <n v="49"/>
    <s v="Billed Revenues"/>
    <s v="EXV"/>
    <s v="NONBU"/>
    <s v="G0000110"/>
    <s v="N"/>
    <s v="MACSS Dist Billed Revenue-03"/>
    <s v=""/>
    <x v="0"/>
    <s v="CAD0331230"/>
    <s v="S"/>
    <s v="KY"/>
    <s v="REV"/>
    <s v="974"/>
    <s v="GLBATCH"/>
    <n v="1"/>
    <n v="2017"/>
  </r>
  <r>
    <s v="110"/>
    <d v="2017-01-15T00:00:00"/>
    <x v="3"/>
    <x v="0"/>
    <s v="10828"/>
    <s v="GLNANDA"/>
    <n v="-12764.8"/>
    <n v="-105771"/>
    <s v="Billed Revenues"/>
    <s v="EXV"/>
    <s v="NONBU"/>
    <s v="G0000110"/>
    <s v="N"/>
    <s v="MACSS Dist Billed Revenue-03"/>
    <s v=""/>
    <x v="0"/>
    <s v="CAD0331230"/>
    <s v="S"/>
    <s v="KY"/>
    <s v="REV"/>
    <s v="974"/>
    <s v="GLBATCH"/>
    <n v="1"/>
    <n v="2017"/>
  </r>
  <r>
    <s v="110"/>
    <d v="2017-01-15T00:00:00"/>
    <x v="3"/>
    <x v="0"/>
    <s v="10828"/>
    <s v="GLNANDA"/>
    <n v="0"/>
    <n v="10"/>
    <s v="Billed Revenues"/>
    <s v="EXV"/>
    <s v="NONBU"/>
    <s v="G0000110"/>
    <s v="N"/>
    <s v="MACSS Dist Billed Revenue-03"/>
    <s v=""/>
    <x v="0"/>
    <s v="CAD0331230"/>
    <s v="S"/>
    <s v="KY"/>
    <s v="REV"/>
    <s v="974"/>
    <s v="GLBATCH"/>
    <n v="1"/>
    <n v="2017"/>
  </r>
  <r>
    <s v="110"/>
    <d v="2017-01-15T00:00:00"/>
    <x v="7"/>
    <x v="0"/>
    <s v="10828"/>
    <s v="GLNANDA"/>
    <n v="-72349.94"/>
    <n v="-584816"/>
    <s v="Billed Revenues"/>
    <s v="EXV"/>
    <s v="NONBU"/>
    <s v="G0000110"/>
    <s v="N"/>
    <s v="MACSS Dist Billed Revenue-03"/>
    <s v=""/>
    <x v="0"/>
    <s v="CAD0331230"/>
    <s v="S"/>
    <s v="KY"/>
    <s v="REV"/>
    <s v="974"/>
    <s v="GLBATCH"/>
    <n v="1"/>
    <n v="2017"/>
  </r>
  <r>
    <s v="110"/>
    <d v="2017-01-15T00:00:00"/>
    <x v="4"/>
    <x v="0"/>
    <s v="10828"/>
    <s v="GLNANDA"/>
    <n v="-1140867.8899999999"/>
    <n v="-9634724"/>
    <s v="Billed Revenues"/>
    <s v="EXV"/>
    <s v="NONBU"/>
    <s v="G0000110"/>
    <s v="N"/>
    <s v="MACSS Dist Billed Revenue-03"/>
    <s v=""/>
    <x v="0"/>
    <s v="CAD0331230"/>
    <s v="S"/>
    <s v="KY"/>
    <s v="REV"/>
    <s v="974"/>
    <s v="GLBATCH"/>
    <n v="1"/>
    <n v="2017"/>
  </r>
  <r>
    <s v="110"/>
    <d v="2017-01-15T00:00:00"/>
    <x v="4"/>
    <x v="0"/>
    <s v="10828"/>
    <s v="GLNANDA"/>
    <n v="0"/>
    <n v="4850"/>
    <s v="Billed Revenues"/>
    <s v="EXV"/>
    <s v="NONBU"/>
    <s v="G0000110"/>
    <s v="N"/>
    <s v="MACSS Dist Billed Revenue-03"/>
    <s v=""/>
    <x v="0"/>
    <s v="CAD0331230"/>
    <s v="S"/>
    <s v="KY"/>
    <s v="REV"/>
    <s v="974"/>
    <s v="GLBATCH"/>
    <n v="1"/>
    <n v="2017"/>
  </r>
  <r>
    <s v="110"/>
    <d v="2017-01-15T00:00:00"/>
    <x v="1"/>
    <x v="0"/>
    <s v="10828"/>
    <s v="GLNANDA"/>
    <n v="-350716.54"/>
    <n v="-2869870"/>
    <s v="Billed Revenues"/>
    <s v="EXV"/>
    <s v="NONBU"/>
    <s v="G0000110"/>
    <s v="N"/>
    <s v="MACSS Dist Billed Revenue-03"/>
    <s v=""/>
    <x v="0"/>
    <s v="CAD0331230"/>
    <s v="S"/>
    <s v="KY"/>
    <s v="REV"/>
    <s v="974"/>
    <s v="GLBATCH"/>
    <n v="1"/>
    <n v="2017"/>
  </r>
  <r>
    <s v="110"/>
    <d v="2017-01-15T00:00:00"/>
    <x v="5"/>
    <x v="0"/>
    <s v="10828"/>
    <s v="GLNANDA"/>
    <n v="-79903.259999999995"/>
    <n v="-630989"/>
    <s v="Billed Revenues"/>
    <s v="EXV"/>
    <s v="NONBU"/>
    <s v="G0000110"/>
    <s v="N"/>
    <s v="MACSS Dist Billed Revenue-03"/>
    <s v=""/>
    <x v="0"/>
    <s v="CAD0331230"/>
    <s v="S"/>
    <s v="KY"/>
    <s v="REV"/>
    <s v="974"/>
    <s v="GLBATCH"/>
    <n v="1"/>
    <n v="2017"/>
  </r>
  <r>
    <s v="110"/>
    <d v="2017-01-15T00:00:00"/>
    <x v="2"/>
    <x v="0"/>
    <s v="10828"/>
    <s v="GLNANDA"/>
    <n v="-761567.75"/>
    <n v="-5816800"/>
    <s v="Billed Revenues"/>
    <s v="EXV"/>
    <s v="NONBU"/>
    <s v="G0000110"/>
    <s v="N"/>
    <s v="MACSS Dist Billed Revenue-03"/>
    <s v=""/>
    <x v="0"/>
    <s v="CAD0331230"/>
    <s v="S"/>
    <s v="KY"/>
    <s v="REV"/>
    <s v="974"/>
    <s v="GLBATCH"/>
    <n v="1"/>
    <n v="2017"/>
  </r>
  <r>
    <s v="110"/>
    <d v="2017-01-15T00:00:00"/>
    <x v="2"/>
    <x v="0"/>
    <s v="10828"/>
    <s v="GLNANDA"/>
    <n v="0"/>
    <n v="1714"/>
    <s v="Billed Revenues"/>
    <s v="EXV"/>
    <s v="NONBU"/>
    <s v="G0000110"/>
    <s v="N"/>
    <s v="MACSS Dist Billed Revenue-03"/>
    <s v=""/>
    <x v="0"/>
    <s v="CAD0331230"/>
    <s v="S"/>
    <s v="KY"/>
    <s v="REV"/>
    <s v="974"/>
    <s v="GLBATCH"/>
    <n v="1"/>
    <n v="2017"/>
  </r>
  <r>
    <s v="110"/>
    <d v="2017-01-15T00:00:00"/>
    <x v="6"/>
    <x v="0"/>
    <s v="10828"/>
    <s v="GLNANDA"/>
    <n v="-1076.3900000000001"/>
    <n v="-5566"/>
    <s v="Billed Revenues"/>
    <s v="EXV"/>
    <s v="NONBU"/>
    <s v="G0000110"/>
    <s v="N"/>
    <s v="MACSS Dist Billed Revenue-03"/>
    <s v=""/>
    <x v="0"/>
    <s v="CAD0331230"/>
    <s v="S"/>
    <s v="KY"/>
    <s v="REV"/>
    <s v="974"/>
    <s v="GLBATCH"/>
    <n v="1"/>
    <n v="2017"/>
  </r>
  <r>
    <s v="110"/>
    <d v="2017-01-15T00:00:00"/>
    <x v="6"/>
    <x v="0"/>
    <s v="10828"/>
    <s v="GLNANDA"/>
    <n v="0"/>
    <n v="20"/>
    <s v="Billed Revenues"/>
    <s v="EXV"/>
    <s v="NONBU"/>
    <s v="G0000110"/>
    <s v="N"/>
    <s v="MACSS Dist Billed Revenue-03"/>
    <s v=""/>
    <x v="0"/>
    <s v="CAD0331230"/>
    <s v="S"/>
    <s v="KY"/>
    <s v="REV"/>
    <s v="974"/>
    <s v="GLBATCH"/>
    <n v="1"/>
    <n v="2017"/>
  </r>
  <r>
    <s v="110"/>
    <d v="2017-01-15T00:00:00"/>
    <x v="7"/>
    <x v="0"/>
    <s v="10828"/>
    <s v="GLNANDA"/>
    <n v="0"/>
    <n v="23"/>
    <s v="Billed Revenues"/>
    <s v="EXV"/>
    <s v="NONBU"/>
    <s v="G0000110"/>
    <s v="N"/>
    <s v="MACSS Dist Billed Revenue-03"/>
    <s v=""/>
    <x v="0"/>
    <s v="CAD0331230"/>
    <s v="S"/>
    <s v="KY"/>
    <s v="REV"/>
    <s v="974"/>
    <s v="GLBATCH"/>
    <n v="1"/>
    <n v="2017"/>
  </r>
  <r>
    <s v="110"/>
    <d v="2016-12-15T00:00:00"/>
    <x v="3"/>
    <x v="0"/>
    <s v="10828"/>
    <s v="GLNANDA"/>
    <n v="-77454.44"/>
    <n v="-698724"/>
    <s v="Billed Revenues"/>
    <s v="EXV"/>
    <s v="NONBU"/>
    <s v="G0000110"/>
    <s v="N"/>
    <s v="MACSS Dist Billed Revenue-03"/>
    <s v=""/>
    <x v="0"/>
    <s v="CAD0331230"/>
    <s v="S"/>
    <s v="KY"/>
    <s v="REV"/>
    <s v="974"/>
    <s v="GLBATCH"/>
    <n v="12"/>
    <n v="2016"/>
  </r>
  <r>
    <s v="110"/>
    <d v="2016-12-15T00:00:00"/>
    <x v="7"/>
    <x v="0"/>
    <s v="10828"/>
    <s v="GLNANDA"/>
    <n v="0"/>
    <n v="5"/>
    <s v="Billed Revenues"/>
    <s v="EXV"/>
    <s v="NONBU"/>
    <s v="G0000110"/>
    <s v="N"/>
    <s v="MACSS Dist Billed Revenue-03"/>
    <s v=""/>
    <x v="0"/>
    <s v="CAD0331230"/>
    <s v="S"/>
    <s v="KY"/>
    <s v="REV"/>
    <s v="974"/>
    <s v="GLBATCH"/>
    <n v="12"/>
    <n v="2016"/>
  </r>
  <r>
    <s v="110"/>
    <d v="2016-12-15T00:00:00"/>
    <x v="1"/>
    <x v="0"/>
    <s v="10828"/>
    <s v="GLNANDA"/>
    <n v="0"/>
    <n v="38"/>
    <s v="Billed Revenues"/>
    <s v="EXV"/>
    <s v="NONBU"/>
    <s v="G0000110"/>
    <s v="N"/>
    <s v="MACSS Dist Billed Revenue-03"/>
    <s v=""/>
    <x v="0"/>
    <s v="CAD0331230"/>
    <s v="S"/>
    <s v="KY"/>
    <s v="REV"/>
    <s v="974"/>
    <s v="GLBATCH"/>
    <n v="12"/>
    <n v="2016"/>
  </r>
  <r>
    <s v="110"/>
    <d v="2016-12-15T00:00:00"/>
    <x v="3"/>
    <x v="0"/>
    <s v="10828"/>
    <s v="GLNANDA"/>
    <n v="0"/>
    <n v="9"/>
    <s v="Billed Revenues"/>
    <s v="EXV"/>
    <s v="NONBU"/>
    <s v="G0000110"/>
    <s v="N"/>
    <s v="MACSS Dist Billed Revenue-03"/>
    <s v=""/>
    <x v="0"/>
    <s v="CAD0331230"/>
    <s v="S"/>
    <s v="KY"/>
    <s v="REV"/>
    <s v="974"/>
    <s v="GLBATCH"/>
    <n v="12"/>
    <n v="2016"/>
  </r>
  <r>
    <s v="110"/>
    <d v="2016-12-15T00:00:00"/>
    <x v="5"/>
    <x v="0"/>
    <s v="10828"/>
    <s v="GLNANDA"/>
    <n v="-4040.37"/>
    <n v="-33450"/>
    <s v="Billed Revenues"/>
    <s v="EXV"/>
    <s v="NONBU"/>
    <s v="G0000110"/>
    <s v="N"/>
    <s v="MACSS Dist Billed Revenue-03"/>
    <s v=""/>
    <x v="0"/>
    <s v="CAD0331230"/>
    <s v="S"/>
    <s v="KY"/>
    <s v="REV"/>
    <s v="974"/>
    <s v="GLBATCH"/>
    <n v="12"/>
    <n v="2016"/>
  </r>
  <r>
    <s v="110"/>
    <d v="2016-12-15T00:00:00"/>
    <x v="2"/>
    <x v="0"/>
    <s v="10828"/>
    <s v="GLNANDA"/>
    <n v="-12270.02"/>
    <n v="-83789"/>
    <s v="Billed Revenues"/>
    <s v="EXV"/>
    <s v="NONBU"/>
    <s v="G0000110"/>
    <s v="N"/>
    <s v="MACSS Dist Billed Revenue-03"/>
    <s v=""/>
    <x v="0"/>
    <s v="CAD0331230"/>
    <s v="S"/>
    <s v="KY"/>
    <s v="REV"/>
    <s v="974"/>
    <s v="GLBATCH"/>
    <n v="12"/>
    <n v="2016"/>
  </r>
  <r>
    <s v="110"/>
    <d v="2016-12-15T00:00:00"/>
    <x v="2"/>
    <x v="0"/>
    <s v="10828"/>
    <s v="GLNANDA"/>
    <n v="0"/>
    <n v="42"/>
    <s v="Billed Revenues"/>
    <s v="EXV"/>
    <s v="NONBU"/>
    <s v="G0000110"/>
    <s v="N"/>
    <s v="MACSS Dist Billed Revenue-03"/>
    <s v=""/>
    <x v="0"/>
    <s v="CAD0331230"/>
    <s v="S"/>
    <s v="KY"/>
    <s v="REV"/>
    <s v="974"/>
    <s v="GLBATCH"/>
    <n v="12"/>
    <n v="2016"/>
  </r>
  <r>
    <s v="110"/>
    <d v="2016-12-15T00:00:00"/>
    <x v="4"/>
    <x v="0"/>
    <s v="10828"/>
    <s v="GLNANDA"/>
    <n v="-20556.87"/>
    <n v="-172233"/>
    <s v="Billed Revenues"/>
    <s v="EXV"/>
    <s v="NONBU"/>
    <s v="G0000110"/>
    <s v="N"/>
    <s v="MACSS Dist Billed Revenue-03"/>
    <s v=""/>
    <x v="0"/>
    <s v="CAD0331230"/>
    <s v="S"/>
    <s v="KY"/>
    <s v="REV"/>
    <s v="974"/>
    <s v="GLBATCH"/>
    <n v="12"/>
    <n v="2016"/>
  </r>
  <r>
    <s v="110"/>
    <d v="2016-12-15T00:00:00"/>
    <x v="4"/>
    <x v="0"/>
    <s v="10828"/>
    <s v="GLNANDA"/>
    <n v="0"/>
    <n v="55"/>
    <s v="Billed Revenues"/>
    <s v="EXV"/>
    <s v="NONBU"/>
    <s v="G0000110"/>
    <s v="N"/>
    <s v="MACSS Dist Billed Revenue-03"/>
    <s v=""/>
    <x v="0"/>
    <s v="CAD0331230"/>
    <s v="S"/>
    <s v="KY"/>
    <s v="REV"/>
    <s v="974"/>
    <s v="GLBATCH"/>
    <n v="12"/>
    <n v="2016"/>
  </r>
  <r>
    <s v="110"/>
    <d v="2016-12-15T00:00:00"/>
    <x v="5"/>
    <x v="0"/>
    <s v="10828"/>
    <s v="GLNANDA"/>
    <n v="0"/>
    <n v="6"/>
    <s v="Billed Revenues"/>
    <s v="EXV"/>
    <s v="NONBU"/>
    <s v="G0000110"/>
    <s v="N"/>
    <s v="MACSS Dist Billed Revenue-03"/>
    <s v=""/>
    <x v="0"/>
    <s v="CAD0331230"/>
    <s v="S"/>
    <s v="KY"/>
    <s v="REV"/>
    <s v="974"/>
    <s v="GLBATCH"/>
    <n v="12"/>
    <n v="2016"/>
  </r>
  <r>
    <s v="110"/>
    <d v="2016-12-15T00:00:00"/>
    <x v="0"/>
    <x v="0"/>
    <s v="10828"/>
    <s v="GLNANDA"/>
    <n v="-567.98"/>
    <n v="-3821"/>
    <s v="Billed Revenues"/>
    <s v="EXV"/>
    <s v="NONBU"/>
    <s v="G0000110"/>
    <s v="N"/>
    <s v="MACSS Dist Billed Revenue-03"/>
    <s v=""/>
    <x v="0"/>
    <s v="CAD0331230"/>
    <s v="S"/>
    <s v="KY"/>
    <s v="REV"/>
    <s v="974"/>
    <s v="GLBATCH"/>
    <n v="12"/>
    <n v="2016"/>
  </r>
  <r>
    <s v="110"/>
    <d v="2016-12-15T00:00:00"/>
    <x v="6"/>
    <x v="0"/>
    <s v="10828"/>
    <s v="GLNANDA"/>
    <n v="-25220.83"/>
    <n v="-161347"/>
    <s v="Billed Revenues"/>
    <s v="EXV"/>
    <s v="NONBU"/>
    <s v="G0000110"/>
    <s v="N"/>
    <s v="MACSS Dist Billed Revenue-03"/>
    <s v=""/>
    <x v="0"/>
    <s v="CAD0331230"/>
    <s v="S"/>
    <s v="KY"/>
    <s v="REV"/>
    <s v="974"/>
    <s v="GLBATCH"/>
    <n v="12"/>
    <n v="2016"/>
  </r>
  <r>
    <s v="110"/>
    <d v="2016-12-15T00:00:00"/>
    <x v="6"/>
    <x v="0"/>
    <s v="10828"/>
    <s v="GLNANDA"/>
    <n v="0"/>
    <n v="9"/>
    <s v="Billed Revenues"/>
    <s v="EXV"/>
    <s v="NONBU"/>
    <s v="G0000110"/>
    <s v="N"/>
    <s v="MACSS Dist Billed Revenue-03"/>
    <s v=""/>
    <x v="0"/>
    <s v="CAD0331230"/>
    <s v="S"/>
    <s v="KY"/>
    <s v="REV"/>
    <s v="974"/>
    <s v="GLBATCH"/>
    <n v="12"/>
    <n v="2016"/>
  </r>
  <r>
    <s v="110"/>
    <d v="2016-12-15T00:00:00"/>
    <x v="0"/>
    <x v="0"/>
    <s v="10828"/>
    <s v="GLNANDA"/>
    <n v="0"/>
    <n v="4"/>
    <s v="Billed Revenues"/>
    <s v="EXV"/>
    <s v="NONBU"/>
    <s v="G0000110"/>
    <s v="N"/>
    <s v="MACSS Dist Billed Revenue-03"/>
    <s v=""/>
    <x v="0"/>
    <s v="CAD0331230"/>
    <s v="S"/>
    <s v="KY"/>
    <s v="REV"/>
    <s v="974"/>
    <s v="GLBATCH"/>
    <n v="12"/>
    <n v="2016"/>
  </r>
  <r>
    <s v="110"/>
    <d v="2016-12-15T00:00:00"/>
    <x v="7"/>
    <x v="0"/>
    <s v="10828"/>
    <s v="GLNANDA"/>
    <n v="-8577.5300000000007"/>
    <n v="-70624"/>
    <s v="Billed Revenues"/>
    <s v="EXV"/>
    <s v="NONBU"/>
    <s v="G0000110"/>
    <s v="N"/>
    <s v="MACSS Dist Billed Revenue-03"/>
    <s v=""/>
    <x v="0"/>
    <s v="CAD0331230"/>
    <s v="S"/>
    <s v="KY"/>
    <s v="REV"/>
    <s v="974"/>
    <s v="GLBATCH"/>
    <n v="12"/>
    <n v="2016"/>
  </r>
  <r>
    <s v="110"/>
    <d v="2016-12-15T00:00:00"/>
    <x v="1"/>
    <x v="0"/>
    <s v="10828"/>
    <s v="GLNANDA"/>
    <n v="-9392.3799999999992"/>
    <n v="-77580"/>
    <s v="Billed Revenues"/>
    <s v="EXV"/>
    <s v="NONBU"/>
    <s v="G0000110"/>
    <s v="N"/>
    <s v="MACSS Dist Billed Revenue-03"/>
    <s v=""/>
    <x v="0"/>
    <s v="CAD0331230"/>
    <s v="S"/>
    <s v="KY"/>
    <s v="REV"/>
    <s v="974"/>
    <s v="GLBATCH"/>
    <n v="12"/>
    <n v="2016"/>
  </r>
  <r>
    <s v="110"/>
    <d v="2017-02-28T00:00:00"/>
    <x v="1"/>
    <x v="0"/>
    <s v="10828"/>
    <s v="GLNANDA"/>
    <n v="1519506.56"/>
    <n v="0"/>
    <s v="MACSS BILLED FUEL REVENUE"/>
    <s v="SCP"/>
    <s v="NONBU"/>
    <s v="G0000110"/>
    <s v="N"/>
    <s v="To identify billed fuel revenu"/>
    <s v=""/>
    <x v="1"/>
    <s v="CAD033BF"/>
    <s v="S"/>
    <s v="KY"/>
    <s v="REV"/>
    <s v="974"/>
    <s v="S006819"/>
    <n v="2"/>
    <n v="2017"/>
  </r>
  <r>
    <s v="110"/>
    <d v="2017-02-28T00:00:00"/>
    <x v="8"/>
    <x v="0"/>
    <s v="10828"/>
    <s v="GLNANDA"/>
    <n v="-3004986.38"/>
    <n v="0"/>
    <s v="MACSS BILLED FUEL REVENUE"/>
    <s v="SCP"/>
    <s v="NONBU"/>
    <s v="G0000110"/>
    <s v="N"/>
    <s v="To identify billed fuel revenu"/>
    <s v=""/>
    <x v="1"/>
    <s v="CAD033BF"/>
    <s v="S"/>
    <s v="KY"/>
    <s v="REV"/>
    <s v="974"/>
    <s v="S006819"/>
    <n v="2"/>
    <n v="2017"/>
  </r>
  <r>
    <s v="110"/>
    <d v="2017-02-28T00:00:00"/>
    <x v="9"/>
    <x v="0"/>
    <s v="10828"/>
    <s v="GLNANDA"/>
    <n v="0"/>
    <n v="0"/>
    <s v="MACSS BILLED FUEL REVENUE"/>
    <s v="SCP"/>
    <s v="NONBU"/>
    <s v="G0000110"/>
    <s v="N"/>
    <s v="To identify billed fuel revenu"/>
    <s v=""/>
    <x v="1"/>
    <s v="CAD033BF"/>
    <s v="S"/>
    <s v="KY"/>
    <s v="REV"/>
    <s v="974"/>
    <s v="S006819"/>
    <n v="2"/>
    <n v="2017"/>
  </r>
  <r>
    <s v="110"/>
    <d v="2017-02-28T00:00:00"/>
    <x v="2"/>
    <x v="0"/>
    <s v="10828"/>
    <s v="GLNANDA"/>
    <n v="2173511.33"/>
    <n v="0"/>
    <s v="MACSS BILLED FUEL REVENUE"/>
    <s v="SCP"/>
    <s v="NONBU"/>
    <s v="G0000110"/>
    <s v="N"/>
    <s v="To identify billed fuel revenu"/>
    <s v=""/>
    <x v="1"/>
    <s v="CAD033BF"/>
    <s v="S"/>
    <s v="KY"/>
    <s v="REV"/>
    <s v="974"/>
    <s v="S006819"/>
    <n v="2"/>
    <n v="2017"/>
  </r>
  <r>
    <s v="110"/>
    <d v="2017-02-28T00:00:00"/>
    <x v="0"/>
    <x v="0"/>
    <s v="10828"/>
    <s v="GLNANDA"/>
    <n v="5156089.72"/>
    <n v="0"/>
    <s v="MACSS BILLED FUEL REVENUE"/>
    <s v="SCP"/>
    <s v="NONBU"/>
    <s v="G0000110"/>
    <s v="N"/>
    <s v="To identify billed fuel revenu"/>
    <s v=""/>
    <x v="1"/>
    <s v="CAD033BF"/>
    <s v="S"/>
    <s v="KY"/>
    <s v="REV"/>
    <s v="974"/>
    <s v="S006819"/>
    <n v="2"/>
    <n v="2017"/>
  </r>
  <r>
    <s v="110"/>
    <d v="2017-02-28T00:00:00"/>
    <x v="10"/>
    <x v="0"/>
    <s v="10828"/>
    <s v="GLNANDA"/>
    <n v="0"/>
    <n v="0"/>
    <s v="MACSS BILLED FUEL REVENUE"/>
    <s v="SCP"/>
    <s v="NONBU"/>
    <s v="G0000110"/>
    <s v="N"/>
    <s v="To identify billed fuel revenu"/>
    <s v=""/>
    <x v="1"/>
    <s v="CAD033BF"/>
    <s v="S"/>
    <s v="KY"/>
    <s v="REV"/>
    <s v="974"/>
    <s v="S006819"/>
    <n v="2"/>
    <n v="2017"/>
  </r>
  <r>
    <s v="110"/>
    <d v="2017-02-28T00:00:00"/>
    <x v="3"/>
    <x v="0"/>
    <s v="10828"/>
    <s v="GLNANDA"/>
    <n v="1039979.96"/>
    <n v="0"/>
    <s v="MACSS BILLED FUEL REVENUE"/>
    <s v="SCP"/>
    <s v="NONBU"/>
    <s v="G0000110"/>
    <s v="N"/>
    <s v="To identify billed fuel revenu"/>
    <s v=""/>
    <x v="1"/>
    <s v="CAD033BF"/>
    <s v="S"/>
    <s v="KY"/>
    <s v="REV"/>
    <s v="974"/>
    <s v="S006819"/>
    <n v="2"/>
    <n v="2017"/>
  </r>
  <r>
    <s v="110"/>
    <d v="2017-02-28T00:00:00"/>
    <x v="11"/>
    <x v="0"/>
    <s v="10828"/>
    <s v="GLNANDA"/>
    <n v="-6196069.6799999997"/>
    <n v="0"/>
    <s v="MACSS BILLED FUEL REVENUE"/>
    <s v="SCP"/>
    <s v="NONBU"/>
    <s v="G0000110"/>
    <s v="N"/>
    <s v="To identify billed fuel revenu"/>
    <s v=""/>
    <x v="1"/>
    <s v="CAD033BF"/>
    <s v="S"/>
    <s v="KY"/>
    <s v="REV"/>
    <s v="974"/>
    <s v="S006819"/>
    <n v="2"/>
    <n v="2017"/>
  </r>
  <r>
    <s v="110"/>
    <d v="2017-02-28T00:00:00"/>
    <x v="12"/>
    <x v="0"/>
    <s v="10828"/>
    <s v="GLNANDA"/>
    <n v="0"/>
    <n v="0"/>
    <s v="MACSS BILLED FUEL REVENUE"/>
    <s v="SCP"/>
    <s v="NONBU"/>
    <s v="G0000110"/>
    <s v="N"/>
    <s v="To identify billed fuel revenu"/>
    <s v=""/>
    <x v="1"/>
    <s v="CAD033BF"/>
    <s v="S"/>
    <s v="KY"/>
    <s v="REV"/>
    <s v="974"/>
    <s v="S006819"/>
    <n v="2"/>
    <n v="2017"/>
  </r>
  <r>
    <s v="110"/>
    <d v="2017-02-28T00:00:00"/>
    <x v="13"/>
    <x v="0"/>
    <s v="10828"/>
    <s v="GLNANDA"/>
    <n v="-26847.279999999999"/>
    <n v="0"/>
    <s v="MACSS BILLED FUEL REVENUE"/>
    <s v="SCP"/>
    <s v="NONBU"/>
    <s v="G0000110"/>
    <s v="N"/>
    <s v="To identify billed fuel revenu"/>
    <s v=""/>
    <x v="1"/>
    <s v="CAD033BF"/>
    <s v="S"/>
    <s v="KY"/>
    <s v="REV"/>
    <s v="974"/>
    <s v="S006819"/>
    <n v="2"/>
    <n v="2017"/>
  </r>
  <r>
    <s v="110"/>
    <d v="2017-02-28T00:00:00"/>
    <x v="7"/>
    <x v="0"/>
    <s v="10828"/>
    <s v="GLNANDA"/>
    <n v="399607.8"/>
    <n v="0"/>
    <s v="MACSS BILLED FUEL REVENUE"/>
    <s v="SCP"/>
    <s v="NONBU"/>
    <s v="G0000110"/>
    <s v="N"/>
    <s v="To identify billed fuel revenu"/>
    <s v=""/>
    <x v="1"/>
    <s v="CAD033BF"/>
    <s v="S"/>
    <s v="KY"/>
    <s v="REV"/>
    <s v="974"/>
    <s v="S006819"/>
    <n v="2"/>
    <n v="2017"/>
  </r>
  <r>
    <s v="110"/>
    <d v="2017-02-28T00:00:00"/>
    <x v="6"/>
    <x v="0"/>
    <s v="10828"/>
    <s v="GLNANDA"/>
    <n v="26847.279999999999"/>
    <n v="0"/>
    <s v="MACSS BILLED FUEL REVENUE"/>
    <s v="SCP"/>
    <s v="NONBU"/>
    <s v="G0000110"/>
    <s v="N"/>
    <s v="To identify billed fuel revenu"/>
    <s v=""/>
    <x v="1"/>
    <s v="CAD033BF"/>
    <s v="S"/>
    <s v="KY"/>
    <s v="REV"/>
    <s v="974"/>
    <s v="S006819"/>
    <n v="2"/>
    <n v="2017"/>
  </r>
  <r>
    <s v="110"/>
    <d v="2017-02-28T00:00:00"/>
    <x v="4"/>
    <x v="0"/>
    <s v="10828"/>
    <s v="GLNANDA"/>
    <n v="4084550.42"/>
    <n v="0"/>
    <s v="MACSS BILLED FUEL REVENUE"/>
    <s v="SCP"/>
    <s v="NONBU"/>
    <s v="G0000110"/>
    <s v="N"/>
    <s v="To identify billed fuel revenu"/>
    <s v=""/>
    <x v="1"/>
    <s v="CAD033BF"/>
    <s v="S"/>
    <s v="KY"/>
    <s v="REV"/>
    <s v="974"/>
    <s v="S006819"/>
    <n v="2"/>
    <n v="2017"/>
  </r>
  <r>
    <s v="110"/>
    <d v="2017-02-28T00:00:00"/>
    <x v="5"/>
    <x v="0"/>
    <s v="10828"/>
    <s v="GLNANDA"/>
    <n v="431867.25"/>
    <n v="0"/>
    <s v="MACSS BILLED FUEL REVENUE"/>
    <s v="SCP"/>
    <s v="NONBU"/>
    <s v="G0000110"/>
    <s v="N"/>
    <s v="To identify billed fuel revenu"/>
    <s v=""/>
    <x v="1"/>
    <s v="CAD033BF"/>
    <s v="S"/>
    <s v="KY"/>
    <s v="REV"/>
    <s v="974"/>
    <s v="S006819"/>
    <n v="2"/>
    <n v="2017"/>
  </r>
  <r>
    <s v="110"/>
    <d v="2017-02-28T00:00:00"/>
    <x v="14"/>
    <x v="0"/>
    <s v="10828"/>
    <s v="GLNANDA"/>
    <n v="-5604056.9800000004"/>
    <n v="0"/>
    <s v="MACSS BILLED FUEL REVENUE"/>
    <s v="SCP"/>
    <s v="NONBU"/>
    <s v="G0000110"/>
    <s v="N"/>
    <s v="To identify billed fuel revenu"/>
    <s v=""/>
    <x v="1"/>
    <s v="CAD033BF"/>
    <s v="S"/>
    <s v="KY"/>
    <s v="REV"/>
    <s v="974"/>
    <s v="S006819"/>
    <n v="2"/>
    <n v="2017"/>
  </r>
  <r>
    <s v="110"/>
    <d v="2017-02-28T00:00:00"/>
    <x v="15"/>
    <x v="0"/>
    <s v="10828"/>
    <s v="GLNANDA"/>
    <n v="0"/>
    <n v="0"/>
    <s v="MACSS BILLED FUEL REVENUE"/>
    <s v="SCP"/>
    <s v="NONBU"/>
    <s v="G0000110"/>
    <s v="N"/>
    <s v="To identify billed fuel revenu"/>
    <s v=""/>
    <x v="1"/>
    <s v="CAD033BF"/>
    <s v="S"/>
    <s v="KY"/>
    <s v="REV"/>
    <s v="974"/>
    <s v="S006819"/>
    <n v="2"/>
    <n v="2017"/>
  </r>
  <r>
    <s v="110"/>
    <d v="2017-01-31T00:00:00"/>
    <x v="8"/>
    <x v="0"/>
    <s v="10828"/>
    <s v="GLNANDA"/>
    <n v="-3419882.29"/>
    <n v="0"/>
    <s v="MACSS BILLED FUEL REVENUE"/>
    <s v="SCP"/>
    <s v="NONBU"/>
    <s v="G0000110"/>
    <s v="N"/>
    <s v="To identify billed fuel revenu"/>
    <s v=""/>
    <x v="1"/>
    <s v="CAD033BF"/>
    <s v="S"/>
    <s v="KY"/>
    <s v="REV"/>
    <s v="974"/>
    <s v="S006819"/>
    <n v="1"/>
    <n v="2017"/>
  </r>
  <r>
    <s v="110"/>
    <d v="2017-01-31T00:00:00"/>
    <x v="15"/>
    <x v="0"/>
    <s v="10828"/>
    <s v="GLNANDA"/>
    <n v="0"/>
    <n v="0"/>
    <s v="MACSS BILLED FUEL REVENUE"/>
    <s v="SCP"/>
    <s v="NONBU"/>
    <s v="G0000110"/>
    <s v="N"/>
    <s v="To identify billed fuel revenu"/>
    <s v=""/>
    <x v="1"/>
    <s v="CAD033BF"/>
    <s v="S"/>
    <s v="KY"/>
    <s v="REV"/>
    <s v="974"/>
    <s v="S006819"/>
    <n v="1"/>
    <n v="2017"/>
  </r>
  <r>
    <s v="110"/>
    <d v="2017-01-31T00:00:00"/>
    <x v="0"/>
    <x v="0"/>
    <s v="10828"/>
    <s v="GLNANDA"/>
    <n v="4760752.1500000004"/>
    <n v="0"/>
    <s v="MACSS BILLED FUEL REVENUE"/>
    <s v="SCP"/>
    <s v="NONBU"/>
    <s v="G0000110"/>
    <s v="N"/>
    <s v="To identify billed fuel revenu"/>
    <s v=""/>
    <x v="1"/>
    <s v="CAD033BF"/>
    <s v="S"/>
    <s v="KY"/>
    <s v="REV"/>
    <s v="974"/>
    <s v="S006819"/>
    <n v="1"/>
    <n v="2017"/>
  </r>
  <r>
    <s v="110"/>
    <d v="2017-01-31T00:00:00"/>
    <x v="3"/>
    <x v="0"/>
    <s v="10828"/>
    <s v="GLNANDA"/>
    <n v="1060179.03"/>
    <n v="0"/>
    <s v="MACSS BILLED FUEL REVENUE"/>
    <s v="SCP"/>
    <s v="NONBU"/>
    <s v="G0000110"/>
    <s v="N"/>
    <s v="To identify billed fuel revenu"/>
    <s v=""/>
    <x v="1"/>
    <s v="CAD033BF"/>
    <s v="S"/>
    <s v="KY"/>
    <s v="REV"/>
    <s v="974"/>
    <s v="S006819"/>
    <n v="1"/>
    <n v="2017"/>
  </r>
  <r>
    <s v="110"/>
    <d v="2017-01-31T00:00:00"/>
    <x v="12"/>
    <x v="0"/>
    <s v="10828"/>
    <s v="GLNANDA"/>
    <n v="0"/>
    <n v="0"/>
    <s v="MACSS BILLED FUEL REVENUE"/>
    <s v="SCP"/>
    <s v="NONBU"/>
    <s v="G0000110"/>
    <s v="N"/>
    <s v="To identify billed fuel revenu"/>
    <s v=""/>
    <x v="1"/>
    <s v="CAD033BF"/>
    <s v="S"/>
    <s v="KY"/>
    <s v="REV"/>
    <s v="974"/>
    <s v="S006819"/>
    <n v="1"/>
    <n v="2017"/>
  </r>
  <r>
    <s v="110"/>
    <d v="2017-01-31T00:00:00"/>
    <x v="7"/>
    <x v="0"/>
    <s v="10828"/>
    <s v="GLNANDA"/>
    <n v="448044.31"/>
    <n v="0"/>
    <s v="MACSS BILLED FUEL REVENUE"/>
    <s v="SCP"/>
    <s v="NONBU"/>
    <s v="G0000110"/>
    <s v="N"/>
    <s v="To identify billed fuel revenu"/>
    <s v=""/>
    <x v="1"/>
    <s v="CAD033BF"/>
    <s v="S"/>
    <s v="KY"/>
    <s v="REV"/>
    <s v="974"/>
    <s v="S006819"/>
    <n v="1"/>
    <n v="2017"/>
  </r>
  <r>
    <s v="110"/>
    <d v="2017-01-31T00:00:00"/>
    <x v="4"/>
    <x v="0"/>
    <s v="10828"/>
    <s v="GLNANDA"/>
    <n v="5276412.5199999996"/>
    <n v="0"/>
    <s v="MACSS BILLED FUEL REVENUE"/>
    <s v="SCP"/>
    <s v="NONBU"/>
    <s v="G0000110"/>
    <s v="N"/>
    <s v="To identify billed fuel revenu"/>
    <s v=""/>
    <x v="1"/>
    <s v="CAD033BF"/>
    <s v="S"/>
    <s v="KY"/>
    <s v="REV"/>
    <s v="974"/>
    <s v="S006819"/>
    <n v="1"/>
    <n v="2017"/>
  </r>
  <r>
    <s v="110"/>
    <d v="2017-01-31T00:00:00"/>
    <x v="1"/>
    <x v="0"/>
    <s v="10828"/>
    <s v="GLNANDA"/>
    <n v="1944058.26"/>
    <n v="0"/>
    <s v="MACSS BILLED FUEL REVENUE"/>
    <s v="SCP"/>
    <s v="NONBU"/>
    <s v="G0000110"/>
    <s v="N"/>
    <s v="To identify billed fuel revenu"/>
    <s v=""/>
    <x v="1"/>
    <s v="CAD033BF"/>
    <s v="S"/>
    <s v="KY"/>
    <s v="REV"/>
    <s v="974"/>
    <s v="S006819"/>
    <n v="1"/>
    <n v="2017"/>
  </r>
  <r>
    <s v="110"/>
    <d v="2017-01-31T00:00:00"/>
    <x v="2"/>
    <x v="0"/>
    <s v="10828"/>
    <s v="GLNANDA"/>
    <n v="2455114.7599999998"/>
    <n v="0"/>
    <s v="MACSS BILLED FUEL REVENUE"/>
    <s v="SCP"/>
    <s v="NONBU"/>
    <s v="G0000110"/>
    <s v="N"/>
    <s v="To identify billed fuel revenu"/>
    <s v=""/>
    <x v="1"/>
    <s v="CAD033BF"/>
    <s v="S"/>
    <s v="KY"/>
    <s v="REV"/>
    <s v="974"/>
    <s v="S006819"/>
    <n v="1"/>
    <n v="2017"/>
  </r>
  <r>
    <s v="110"/>
    <d v="2017-01-31T00:00:00"/>
    <x v="11"/>
    <x v="0"/>
    <s v="10828"/>
    <s v="GLNANDA"/>
    <n v="-5820931.1799999997"/>
    <n v="0"/>
    <s v="MACSS BILLED FUEL REVENUE"/>
    <s v="SCP"/>
    <s v="NONBU"/>
    <s v="G0000110"/>
    <s v="N"/>
    <s v="To identify billed fuel revenu"/>
    <s v=""/>
    <x v="1"/>
    <s v="CAD033BF"/>
    <s v="S"/>
    <s v="KY"/>
    <s v="REV"/>
    <s v="974"/>
    <s v="S006819"/>
    <n v="1"/>
    <n v="2017"/>
  </r>
  <r>
    <s v="110"/>
    <d v="2017-01-31T00:00:00"/>
    <x v="6"/>
    <x v="0"/>
    <s v="10828"/>
    <s v="GLNANDA"/>
    <n v="32594.94"/>
    <n v="0"/>
    <s v="MACSS BILLED FUEL REVENUE"/>
    <s v="SCP"/>
    <s v="NONBU"/>
    <s v="G0000110"/>
    <s v="N"/>
    <s v="To identify billed fuel revenu"/>
    <s v=""/>
    <x v="1"/>
    <s v="CAD033BF"/>
    <s v="S"/>
    <s v="KY"/>
    <s v="REV"/>
    <s v="974"/>
    <s v="S006819"/>
    <n v="1"/>
    <n v="2017"/>
  </r>
  <r>
    <s v="110"/>
    <d v="2017-01-31T00:00:00"/>
    <x v="9"/>
    <x v="0"/>
    <s v="10828"/>
    <s v="GLNANDA"/>
    <n v="0"/>
    <n v="0"/>
    <s v="MACSS BILLED FUEL REVENUE"/>
    <s v="SCP"/>
    <s v="NONBU"/>
    <s v="G0000110"/>
    <s v="N"/>
    <s v="To identify billed fuel revenu"/>
    <s v=""/>
    <x v="1"/>
    <s v="CAD033BF"/>
    <s v="S"/>
    <s v="KY"/>
    <s v="REV"/>
    <s v="974"/>
    <s v="S006819"/>
    <n v="1"/>
    <n v="2017"/>
  </r>
  <r>
    <s v="110"/>
    <d v="2017-01-31T00:00:00"/>
    <x v="13"/>
    <x v="0"/>
    <s v="10828"/>
    <s v="GLNANDA"/>
    <n v="-32594.94"/>
    <n v="0"/>
    <s v="MACSS BILLED FUEL REVENUE"/>
    <s v="SCP"/>
    <s v="NONBU"/>
    <s v="G0000110"/>
    <s v="N"/>
    <s v="To identify billed fuel revenu"/>
    <s v=""/>
    <x v="1"/>
    <s v="CAD033BF"/>
    <s v="S"/>
    <s v="KY"/>
    <s v="REV"/>
    <s v="974"/>
    <s v="S006819"/>
    <n v="1"/>
    <n v="2017"/>
  </r>
  <r>
    <s v="110"/>
    <d v="2017-01-31T00:00:00"/>
    <x v="10"/>
    <x v="0"/>
    <s v="10828"/>
    <s v="GLNANDA"/>
    <n v="0"/>
    <n v="0"/>
    <s v="MACSS BILLED FUEL REVENUE"/>
    <s v="SCP"/>
    <s v="NONBU"/>
    <s v="G0000110"/>
    <s v="N"/>
    <s v="To identify billed fuel revenu"/>
    <s v=""/>
    <x v="1"/>
    <s v="CAD033BF"/>
    <s v="S"/>
    <s v="KY"/>
    <s v="REV"/>
    <s v="974"/>
    <s v="S006819"/>
    <n v="1"/>
    <n v="2017"/>
  </r>
  <r>
    <s v="110"/>
    <d v="2017-01-31T00:00:00"/>
    <x v="5"/>
    <x v="0"/>
    <s v="10828"/>
    <s v="GLNANDA"/>
    <n v="516723.22"/>
    <n v="0"/>
    <s v="MACSS BILLED FUEL REVENUE"/>
    <s v="SCP"/>
    <s v="NONBU"/>
    <s v="G0000110"/>
    <s v="N"/>
    <s v="To identify billed fuel revenu"/>
    <s v=""/>
    <x v="1"/>
    <s v="CAD033BF"/>
    <s v="S"/>
    <s v="KY"/>
    <s v="REV"/>
    <s v="974"/>
    <s v="S006819"/>
    <n v="1"/>
    <n v="2017"/>
  </r>
  <r>
    <s v="110"/>
    <d v="2017-01-31T00:00:00"/>
    <x v="14"/>
    <x v="0"/>
    <s v="10828"/>
    <s v="GLNANDA"/>
    <n v="-7220470.7800000003"/>
    <n v="0"/>
    <s v="MACSS BILLED FUEL REVENUE"/>
    <s v="SCP"/>
    <s v="NONBU"/>
    <s v="G0000110"/>
    <s v="N"/>
    <s v="To identify billed fuel revenu"/>
    <s v=""/>
    <x v="1"/>
    <s v="CAD033BF"/>
    <s v="S"/>
    <s v="KY"/>
    <s v="REV"/>
    <s v="974"/>
    <s v="S006819"/>
    <n v="1"/>
    <n v="2017"/>
  </r>
  <r>
    <s v="110"/>
    <d v="2016-12-31T00:00:00"/>
    <x v="5"/>
    <x v="0"/>
    <s v="10828"/>
    <s v="GLNANDA"/>
    <n v="504037.51"/>
    <n v="0"/>
    <s v="MACSS BILLED FUEL REVENUE"/>
    <s v="SCP"/>
    <s v="NONBU"/>
    <s v="G0000110"/>
    <s v="N"/>
    <s v="To identify billed fuel revenu"/>
    <s v=""/>
    <x v="1"/>
    <s v="CAD033BF"/>
    <s v="S"/>
    <s v="KY"/>
    <s v="REV"/>
    <s v="974"/>
    <s v="S006819"/>
    <n v="12"/>
    <n v="2016"/>
  </r>
  <r>
    <s v="110"/>
    <d v="2016-12-31T00:00:00"/>
    <x v="7"/>
    <x v="0"/>
    <s v="10828"/>
    <s v="GLNANDA"/>
    <n v="458193.02"/>
    <n v="0"/>
    <s v="MACSS BILLED FUEL REVENUE"/>
    <s v="SCP"/>
    <s v="NONBU"/>
    <s v="G0000110"/>
    <s v="N"/>
    <s v="To identify billed fuel revenu"/>
    <s v=""/>
    <x v="1"/>
    <s v="CAD033BF"/>
    <s v="S"/>
    <s v="KY"/>
    <s v="REV"/>
    <s v="974"/>
    <s v="S006819"/>
    <n v="12"/>
    <n v="2016"/>
  </r>
  <r>
    <s v="110"/>
    <d v="2016-12-31T00:00:00"/>
    <x v="10"/>
    <x v="0"/>
    <s v="10828"/>
    <s v="GLNANDA"/>
    <n v="0"/>
    <n v="0"/>
    <s v="MACSS BILLED FUEL REVENUE"/>
    <s v="SCP"/>
    <s v="NONBU"/>
    <s v="G0000110"/>
    <s v="N"/>
    <s v="To identify billed fuel revenu"/>
    <s v=""/>
    <x v="1"/>
    <s v="CAD033BF"/>
    <s v="S"/>
    <s v="KY"/>
    <s v="REV"/>
    <s v="974"/>
    <s v="S006819"/>
    <n v="12"/>
    <n v="2016"/>
  </r>
  <r>
    <s v="110"/>
    <d v="2016-12-31T00:00:00"/>
    <x v="13"/>
    <x v="0"/>
    <s v="10828"/>
    <s v="GLNANDA"/>
    <n v="-35536.15"/>
    <n v="0"/>
    <s v="MACSS BILLED FUEL REVENUE"/>
    <s v="SCP"/>
    <s v="NONBU"/>
    <s v="G0000110"/>
    <s v="N"/>
    <s v="To identify billed fuel revenu"/>
    <s v=""/>
    <x v="1"/>
    <s v="CAD033BF"/>
    <s v="S"/>
    <s v="KY"/>
    <s v="REV"/>
    <s v="974"/>
    <s v="S006819"/>
    <n v="12"/>
    <n v="2016"/>
  </r>
  <r>
    <s v="110"/>
    <d v="2016-12-31T00:00:00"/>
    <x v="9"/>
    <x v="0"/>
    <s v="10828"/>
    <s v="GLNANDA"/>
    <n v="0"/>
    <n v="0"/>
    <s v="MACSS BILLED FUEL REVENUE"/>
    <s v="SCP"/>
    <s v="NONBU"/>
    <s v="G0000110"/>
    <s v="N"/>
    <s v="To identify billed fuel revenu"/>
    <s v=""/>
    <x v="1"/>
    <s v="CAD033BF"/>
    <s v="S"/>
    <s v="KY"/>
    <s v="REV"/>
    <s v="974"/>
    <s v="S006819"/>
    <n v="12"/>
    <n v="2016"/>
  </r>
  <r>
    <s v="110"/>
    <d v="2016-12-31T00:00:00"/>
    <x v="6"/>
    <x v="0"/>
    <s v="10828"/>
    <s v="GLNANDA"/>
    <n v="35536.15"/>
    <n v="0"/>
    <s v="MACSS BILLED FUEL REVENUE"/>
    <s v="SCP"/>
    <s v="NONBU"/>
    <s v="G0000110"/>
    <s v="N"/>
    <s v="To identify billed fuel revenu"/>
    <s v=""/>
    <x v="1"/>
    <s v="CAD033BF"/>
    <s v="S"/>
    <s v="KY"/>
    <s v="REV"/>
    <s v="974"/>
    <s v="S006819"/>
    <n v="12"/>
    <n v="2016"/>
  </r>
  <r>
    <s v="110"/>
    <d v="2016-12-31T00:00:00"/>
    <x v="11"/>
    <x v="0"/>
    <s v="10828"/>
    <s v="GLNANDA"/>
    <n v="-6347429.2800000003"/>
    <n v="0"/>
    <s v="MACSS BILLED FUEL REVENUE"/>
    <s v="SCP"/>
    <s v="NONBU"/>
    <s v="G0000110"/>
    <s v="N"/>
    <s v="To identify billed fuel revenu"/>
    <s v=""/>
    <x v="1"/>
    <s v="CAD033BF"/>
    <s v="S"/>
    <s v="KY"/>
    <s v="REV"/>
    <s v="974"/>
    <s v="S006819"/>
    <n v="12"/>
    <n v="2016"/>
  </r>
  <r>
    <s v="110"/>
    <d v="2016-12-31T00:00:00"/>
    <x v="4"/>
    <x v="0"/>
    <s v="10828"/>
    <s v="GLNANDA"/>
    <n v="4785243"/>
    <n v="0"/>
    <s v="MACSS BILLED FUEL REVENUE"/>
    <s v="SCP"/>
    <s v="NONBU"/>
    <s v="G0000110"/>
    <s v="N"/>
    <s v="To identify billed fuel revenu"/>
    <s v=""/>
    <x v="1"/>
    <s v="CAD033BF"/>
    <s v="S"/>
    <s v="KY"/>
    <s v="REV"/>
    <s v="974"/>
    <s v="S006819"/>
    <n v="12"/>
    <n v="2016"/>
  </r>
  <r>
    <s v="110"/>
    <d v="2016-12-31T00:00:00"/>
    <x v="2"/>
    <x v="0"/>
    <s v="10828"/>
    <s v="GLNANDA"/>
    <n v="2541697.15"/>
    <n v="0"/>
    <s v="MACSS BILLED FUEL REVENUE"/>
    <s v="SCP"/>
    <s v="NONBU"/>
    <s v="G0000110"/>
    <s v="N"/>
    <s v="To identify billed fuel revenu"/>
    <s v=""/>
    <x v="1"/>
    <s v="CAD033BF"/>
    <s v="S"/>
    <s v="KY"/>
    <s v="REV"/>
    <s v="974"/>
    <s v="S006819"/>
    <n v="12"/>
    <n v="2016"/>
  </r>
  <r>
    <s v="110"/>
    <d v="2016-12-31T00:00:00"/>
    <x v="1"/>
    <x v="0"/>
    <s v="10828"/>
    <s v="GLNANDA"/>
    <n v="1841838.28"/>
    <n v="0"/>
    <s v="MACSS BILLED FUEL REVENUE"/>
    <s v="SCP"/>
    <s v="NONBU"/>
    <s v="G0000110"/>
    <s v="N"/>
    <s v="To identify billed fuel revenu"/>
    <s v=""/>
    <x v="1"/>
    <s v="CAD033BF"/>
    <s v="S"/>
    <s v="KY"/>
    <s v="REV"/>
    <s v="974"/>
    <s v="S006819"/>
    <n v="12"/>
    <n v="2016"/>
  </r>
  <r>
    <s v="110"/>
    <d v="2016-12-31T00:00:00"/>
    <x v="14"/>
    <x v="0"/>
    <s v="10828"/>
    <s v="GLNANDA"/>
    <n v="-6627081.2800000003"/>
    <n v="0"/>
    <s v="MACSS BILLED FUEL REVENUE"/>
    <s v="SCP"/>
    <s v="NONBU"/>
    <s v="G0000110"/>
    <s v="N"/>
    <s v="To identify billed fuel revenu"/>
    <s v=""/>
    <x v="1"/>
    <s v="CAD033BF"/>
    <s v="S"/>
    <s v="KY"/>
    <s v="REV"/>
    <s v="974"/>
    <s v="S006819"/>
    <n v="12"/>
    <n v="2016"/>
  </r>
  <r>
    <s v="110"/>
    <d v="2016-12-31T00:00:00"/>
    <x v="12"/>
    <x v="0"/>
    <s v="10828"/>
    <s v="GLNANDA"/>
    <n v="0"/>
    <n v="0"/>
    <s v="MACSS BILLED FUEL REVENUE"/>
    <s v="SCP"/>
    <s v="NONBU"/>
    <s v="G0000110"/>
    <s v="N"/>
    <s v="To identify billed fuel revenu"/>
    <s v=""/>
    <x v="1"/>
    <s v="CAD033BF"/>
    <s v="S"/>
    <s v="KY"/>
    <s v="REV"/>
    <s v="974"/>
    <s v="S006819"/>
    <n v="12"/>
    <n v="2016"/>
  </r>
  <r>
    <s v="110"/>
    <d v="2016-12-31T00:00:00"/>
    <x v="3"/>
    <x v="0"/>
    <s v="10828"/>
    <s v="GLNANDA"/>
    <n v="1141391.8500000001"/>
    <n v="0"/>
    <s v="MACSS BILLED FUEL REVENUE"/>
    <s v="SCP"/>
    <s v="NONBU"/>
    <s v="G0000110"/>
    <s v="N"/>
    <s v="To identify billed fuel revenu"/>
    <s v=""/>
    <x v="1"/>
    <s v="CAD033BF"/>
    <s v="S"/>
    <s v="KY"/>
    <s v="REV"/>
    <s v="974"/>
    <s v="S006819"/>
    <n v="12"/>
    <n v="2016"/>
  </r>
  <r>
    <s v="110"/>
    <d v="2016-12-31T00:00:00"/>
    <x v="0"/>
    <x v="0"/>
    <s v="10828"/>
    <s v="GLNANDA"/>
    <n v="5206037.43"/>
    <n v="0"/>
    <s v="MACSS BILLED FUEL REVENUE"/>
    <s v="SCP"/>
    <s v="NONBU"/>
    <s v="G0000110"/>
    <s v="N"/>
    <s v="To identify billed fuel revenu"/>
    <s v=""/>
    <x v="1"/>
    <s v="CAD033BF"/>
    <s v="S"/>
    <s v="KY"/>
    <s v="REV"/>
    <s v="974"/>
    <s v="S006819"/>
    <n v="12"/>
    <n v="2016"/>
  </r>
  <r>
    <s v="110"/>
    <d v="2016-12-31T00:00:00"/>
    <x v="15"/>
    <x v="0"/>
    <s v="10828"/>
    <s v="GLNANDA"/>
    <n v="0"/>
    <n v="0"/>
    <s v="MACSS BILLED FUEL REVENUE"/>
    <s v="SCP"/>
    <s v="NONBU"/>
    <s v="G0000110"/>
    <s v="N"/>
    <s v="To identify billed fuel revenu"/>
    <s v=""/>
    <x v="1"/>
    <s v="CAD033BF"/>
    <s v="S"/>
    <s v="KY"/>
    <s v="REV"/>
    <s v="974"/>
    <s v="S006819"/>
    <n v="12"/>
    <n v="2016"/>
  </r>
  <r>
    <s v="110"/>
    <d v="2016-12-31T00:00:00"/>
    <x v="8"/>
    <x v="0"/>
    <s v="10828"/>
    <s v="GLNANDA"/>
    <n v="-3503927.68"/>
    <n v="0"/>
    <s v="MACSS BILLED FUEL REVENUE"/>
    <s v="SCP"/>
    <s v="NONBU"/>
    <s v="G0000110"/>
    <s v="N"/>
    <s v="To identify billed fuel revenu"/>
    <s v=""/>
    <x v="1"/>
    <s v="CAD033BF"/>
    <s v="S"/>
    <s v="KY"/>
    <s v="REV"/>
    <s v="974"/>
    <s v="S006819"/>
    <n v="12"/>
    <n v="2016"/>
  </r>
  <r>
    <s v="110"/>
    <d v="2016-11-30T00:00:00"/>
    <x v="9"/>
    <x v="0"/>
    <s v="10828"/>
    <s v="GLNANDA"/>
    <n v="0"/>
    <n v="0"/>
    <s v="MACSS BILLED FUEL REVENUE"/>
    <s v="SCP"/>
    <s v="NONBU"/>
    <s v="G0000110"/>
    <s v="N"/>
    <s v="To identify billed fuel revenu"/>
    <s v=""/>
    <x v="1"/>
    <s v="CAD033BF"/>
    <s v="S"/>
    <s v="KY"/>
    <s v="REV"/>
    <s v="974"/>
    <s v="S006819"/>
    <n v="11"/>
    <n v="2016"/>
  </r>
  <r>
    <s v="110"/>
    <d v="2016-11-30T00:00:00"/>
    <x v="10"/>
    <x v="0"/>
    <s v="10828"/>
    <s v="GLNANDA"/>
    <n v="0"/>
    <n v="0"/>
    <s v="MACSS BILLED FUEL REVENUE"/>
    <s v="SCP"/>
    <s v="NONBU"/>
    <s v="G0000110"/>
    <s v="N"/>
    <s v="To identify billed fuel revenu"/>
    <s v=""/>
    <x v="1"/>
    <s v="CAD033BF"/>
    <s v="S"/>
    <s v="KY"/>
    <s v="REV"/>
    <s v="974"/>
    <s v="S006819"/>
    <n v="11"/>
    <n v="2016"/>
  </r>
  <r>
    <s v="110"/>
    <d v="2016-11-30T00:00:00"/>
    <x v="6"/>
    <x v="0"/>
    <s v="10828"/>
    <s v="GLNANDA"/>
    <n v="32249.67"/>
    <n v="0"/>
    <s v="MACSS BILLED FUEL REVENUE"/>
    <s v="SCP"/>
    <s v="NONBU"/>
    <s v="G0000110"/>
    <s v="N"/>
    <s v="To identify billed fuel revenu"/>
    <s v=""/>
    <x v="1"/>
    <s v="CAD033BF"/>
    <s v="S"/>
    <s v="KY"/>
    <s v="REV"/>
    <s v="974"/>
    <s v="S006819"/>
    <n v="11"/>
    <n v="2016"/>
  </r>
  <r>
    <s v="110"/>
    <d v="2016-11-30T00:00:00"/>
    <x v="11"/>
    <x v="0"/>
    <s v="10828"/>
    <s v="GLNANDA"/>
    <n v="-6091027.0099999998"/>
    <n v="0"/>
    <s v="MACSS BILLED FUEL REVENUE"/>
    <s v="SCP"/>
    <s v="NONBU"/>
    <s v="G0000110"/>
    <s v="N"/>
    <s v="To identify billed fuel revenu"/>
    <s v=""/>
    <x v="1"/>
    <s v="CAD033BF"/>
    <s v="S"/>
    <s v="KY"/>
    <s v="REV"/>
    <s v="974"/>
    <s v="S006819"/>
    <n v="11"/>
    <n v="2016"/>
  </r>
  <r>
    <s v="110"/>
    <d v="2016-11-30T00:00:00"/>
    <x v="13"/>
    <x v="0"/>
    <s v="10828"/>
    <s v="GLNANDA"/>
    <n v="-32249.67"/>
    <n v="0"/>
    <s v="MACSS BILLED FUEL REVENUE"/>
    <s v="SCP"/>
    <s v="NONBU"/>
    <s v="G0000110"/>
    <s v="N"/>
    <s v="To identify billed fuel revenu"/>
    <s v=""/>
    <x v="1"/>
    <s v="CAD033BF"/>
    <s v="S"/>
    <s v="KY"/>
    <s v="REV"/>
    <s v="974"/>
    <s v="S006819"/>
    <n v="11"/>
    <n v="2016"/>
  </r>
  <r>
    <s v="110"/>
    <d v="2016-11-30T00:00:00"/>
    <x v="1"/>
    <x v="0"/>
    <s v="10828"/>
    <s v="GLNANDA"/>
    <n v="1196028.93"/>
    <n v="0"/>
    <s v="MACSS BILLED FUEL REVENUE"/>
    <s v="SCP"/>
    <s v="NONBU"/>
    <s v="G0000110"/>
    <s v="N"/>
    <s v="To identify billed fuel revenu"/>
    <s v=""/>
    <x v="1"/>
    <s v="CAD033BF"/>
    <s v="S"/>
    <s v="KY"/>
    <s v="REV"/>
    <s v="974"/>
    <s v="S006819"/>
    <n v="11"/>
    <n v="2016"/>
  </r>
  <r>
    <s v="110"/>
    <d v="2016-11-30T00:00:00"/>
    <x v="14"/>
    <x v="0"/>
    <s v="10828"/>
    <s v="GLNANDA"/>
    <n v="-3817021.32"/>
    <n v="0"/>
    <s v="MACSS BILLED FUEL REVENUE"/>
    <s v="SCP"/>
    <s v="NONBU"/>
    <s v="G0000110"/>
    <s v="N"/>
    <s v="To identify billed fuel revenu"/>
    <s v=""/>
    <x v="1"/>
    <s v="CAD033BF"/>
    <s v="S"/>
    <s v="KY"/>
    <s v="REV"/>
    <s v="974"/>
    <s v="S006819"/>
    <n v="11"/>
    <n v="2016"/>
  </r>
  <r>
    <s v="110"/>
    <d v="2016-11-30T00:00:00"/>
    <x v="0"/>
    <x v="0"/>
    <s v="10828"/>
    <s v="GLNANDA"/>
    <n v="5165798.51"/>
    <n v="0"/>
    <s v="MACSS BILLED FUEL REVENUE"/>
    <s v="SCP"/>
    <s v="NONBU"/>
    <s v="G0000110"/>
    <s v="N"/>
    <s v="To identify billed fuel revenu"/>
    <s v=""/>
    <x v="1"/>
    <s v="CAD033BF"/>
    <s v="S"/>
    <s v="KY"/>
    <s v="REV"/>
    <s v="974"/>
    <s v="S006819"/>
    <n v="11"/>
    <n v="2016"/>
  </r>
  <r>
    <s v="110"/>
    <d v="2016-11-30T00:00:00"/>
    <x v="5"/>
    <x v="0"/>
    <s v="10828"/>
    <s v="GLNANDA"/>
    <n v="426613.71"/>
    <n v="0"/>
    <s v="MACSS BILLED FUEL REVENUE"/>
    <s v="SCP"/>
    <s v="NONBU"/>
    <s v="G0000110"/>
    <s v="N"/>
    <s v="To identify billed fuel revenu"/>
    <s v=""/>
    <x v="1"/>
    <s v="CAD033BF"/>
    <s v="S"/>
    <s v="KY"/>
    <s v="REV"/>
    <s v="974"/>
    <s v="S006819"/>
    <n v="11"/>
    <n v="2016"/>
  </r>
  <r>
    <s v="110"/>
    <d v="2016-11-30T00:00:00"/>
    <x v="2"/>
    <x v="0"/>
    <s v="10828"/>
    <s v="GLNANDA"/>
    <n v="2113720.77"/>
    <n v="0"/>
    <s v="MACSS BILLED FUEL REVENUE"/>
    <s v="SCP"/>
    <s v="NONBU"/>
    <s v="G0000110"/>
    <s v="N"/>
    <s v="To identify billed fuel revenu"/>
    <s v=""/>
    <x v="1"/>
    <s v="CAD033BF"/>
    <s v="S"/>
    <s v="KY"/>
    <s v="REV"/>
    <s v="974"/>
    <s v="S006819"/>
    <n v="11"/>
    <n v="2016"/>
  </r>
  <r>
    <s v="110"/>
    <d v="2016-11-30T00:00:00"/>
    <x v="15"/>
    <x v="0"/>
    <s v="10828"/>
    <s v="GLNANDA"/>
    <n v="0"/>
    <n v="0"/>
    <s v="MACSS BILLED FUEL REVENUE"/>
    <s v="SCP"/>
    <s v="NONBU"/>
    <s v="G0000110"/>
    <s v="N"/>
    <s v="To identify billed fuel revenu"/>
    <s v=""/>
    <x v="1"/>
    <s v="CAD033BF"/>
    <s v="S"/>
    <s v="KY"/>
    <s v="REV"/>
    <s v="974"/>
    <s v="S006819"/>
    <n v="11"/>
    <n v="2016"/>
  </r>
  <r>
    <s v="110"/>
    <d v="2016-11-30T00:00:00"/>
    <x v="7"/>
    <x v="0"/>
    <s v="10828"/>
    <s v="GLNANDA"/>
    <n v="382779.05"/>
    <n v="0"/>
    <s v="MACSS BILLED FUEL REVENUE"/>
    <s v="SCP"/>
    <s v="NONBU"/>
    <s v="G0000110"/>
    <s v="N"/>
    <s v="To identify billed fuel revenu"/>
    <s v=""/>
    <x v="1"/>
    <s v="CAD033BF"/>
    <s v="S"/>
    <s v="KY"/>
    <s v="REV"/>
    <s v="974"/>
    <s v="S006819"/>
    <n v="11"/>
    <n v="2016"/>
  </r>
  <r>
    <s v="110"/>
    <d v="2016-11-30T00:00:00"/>
    <x v="4"/>
    <x v="0"/>
    <s v="10828"/>
    <s v="GLNANDA"/>
    <n v="2620992.39"/>
    <n v="0"/>
    <s v="MACSS BILLED FUEL REVENUE"/>
    <s v="SCP"/>
    <s v="NONBU"/>
    <s v="G0000110"/>
    <s v="N"/>
    <s v="To identify billed fuel revenu"/>
    <s v=""/>
    <x v="1"/>
    <s v="CAD033BF"/>
    <s v="S"/>
    <s v="KY"/>
    <s v="REV"/>
    <s v="974"/>
    <s v="S006819"/>
    <n v="11"/>
    <n v="2016"/>
  </r>
  <r>
    <s v="110"/>
    <d v="2016-11-30T00:00:00"/>
    <x v="8"/>
    <x v="0"/>
    <s v="10828"/>
    <s v="GLNANDA"/>
    <n v="-2923113.53"/>
    <n v="0"/>
    <s v="MACSS BILLED FUEL REVENUE"/>
    <s v="SCP"/>
    <s v="NONBU"/>
    <s v="G0000110"/>
    <s v="N"/>
    <s v="To identify billed fuel revenu"/>
    <s v=""/>
    <x v="1"/>
    <s v="CAD033BF"/>
    <s v="S"/>
    <s v="KY"/>
    <s v="REV"/>
    <s v="974"/>
    <s v="S006819"/>
    <n v="11"/>
    <n v="2016"/>
  </r>
  <r>
    <s v="110"/>
    <d v="2016-11-30T00:00:00"/>
    <x v="3"/>
    <x v="0"/>
    <s v="10828"/>
    <s v="GLNANDA"/>
    <n v="925228.5"/>
    <n v="0"/>
    <s v="MACSS BILLED FUEL REVENUE"/>
    <s v="SCP"/>
    <s v="NONBU"/>
    <s v="G0000110"/>
    <s v="N"/>
    <s v="To identify billed fuel revenu"/>
    <s v=""/>
    <x v="1"/>
    <s v="CAD033BF"/>
    <s v="S"/>
    <s v="KY"/>
    <s v="REV"/>
    <s v="974"/>
    <s v="S006819"/>
    <n v="11"/>
    <n v="2016"/>
  </r>
  <r>
    <s v="110"/>
    <d v="2016-11-30T00:00:00"/>
    <x v="12"/>
    <x v="0"/>
    <s v="10828"/>
    <s v="GLNANDA"/>
    <n v="0"/>
    <n v="0"/>
    <s v="MACSS BILLED FUEL REVENUE"/>
    <s v="SCP"/>
    <s v="NONBU"/>
    <s v="G0000110"/>
    <s v="N"/>
    <s v="To identify billed fuel revenu"/>
    <s v=""/>
    <x v="1"/>
    <s v="CAD033BF"/>
    <s v="S"/>
    <s v="KY"/>
    <s v="REV"/>
    <s v="974"/>
    <s v="S006819"/>
    <n v="11"/>
    <n v="2016"/>
  </r>
  <r>
    <s v="110"/>
    <d v="2016-10-31T00:00:00"/>
    <x v="9"/>
    <x v="0"/>
    <s v="10828"/>
    <s v="GLNANDA"/>
    <n v="0"/>
    <n v="0"/>
    <s v="MACSS BILLED FUEL REVENUE"/>
    <s v="SCP"/>
    <s v="NONBU"/>
    <s v="G0000110"/>
    <s v="N"/>
    <s v="To identify billed fuel revenu"/>
    <s v=""/>
    <x v="1"/>
    <s v="CAD033BF"/>
    <s v="S"/>
    <s v="KY"/>
    <s v="REV"/>
    <s v="974"/>
    <s v="O430547"/>
    <n v="10"/>
    <n v="2016"/>
  </r>
  <r>
    <s v="110"/>
    <d v="2016-10-31T00:00:00"/>
    <x v="10"/>
    <x v="0"/>
    <s v="10828"/>
    <s v="GLNANDA"/>
    <n v="0"/>
    <n v="0"/>
    <s v="MACSS BILLED FUEL REVENUE"/>
    <s v="SCP"/>
    <s v="NONBU"/>
    <s v="G0000110"/>
    <s v="N"/>
    <s v="To identify billed fuel revenu"/>
    <s v=""/>
    <x v="1"/>
    <s v="CAD033BF"/>
    <s v="S"/>
    <s v="KY"/>
    <s v="REV"/>
    <s v="974"/>
    <s v="O430547"/>
    <n v="10"/>
    <n v="2016"/>
  </r>
  <r>
    <s v="110"/>
    <d v="2016-10-31T00:00:00"/>
    <x v="7"/>
    <x v="0"/>
    <s v="10828"/>
    <s v="GLNANDA"/>
    <n v="428538.05"/>
    <n v="0"/>
    <s v="MACSS BILLED FUEL REVENUE"/>
    <s v="SCP"/>
    <s v="NONBU"/>
    <s v="G0000110"/>
    <s v="N"/>
    <s v="To identify billed fuel revenu"/>
    <s v=""/>
    <x v="1"/>
    <s v="CAD033BF"/>
    <s v="S"/>
    <s v="KY"/>
    <s v="REV"/>
    <s v="974"/>
    <s v="O430547"/>
    <n v="10"/>
    <n v="2016"/>
  </r>
  <r>
    <s v="110"/>
    <d v="2016-10-31T00:00:00"/>
    <x v="5"/>
    <x v="0"/>
    <s v="10828"/>
    <s v="GLNANDA"/>
    <n v="463600.98"/>
    <n v="0"/>
    <s v="MACSS BILLED FUEL REVENUE"/>
    <s v="SCP"/>
    <s v="NONBU"/>
    <s v="G0000110"/>
    <s v="N"/>
    <s v="To identify billed fuel revenu"/>
    <s v=""/>
    <x v="1"/>
    <s v="CAD033BF"/>
    <s v="S"/>
    <s v="KY"/>
    <s v="REV"/>
    <s v="974"/>
    <s v="O430547"/>
    <n v="10"/>
    <n v="2016"/>
  </r>
  <r>
    <s v="110"/>
    <d v="2016-10-31T00:00:00"/>
    <x v="11"/>
    <x v="0"/>
    <s v="10828"/>
    <s v="GLNANDA"/>
    <n v="-6110131.3600000003"/>
    <n v="0"/>
    <s v="MACSS BILLED FUEL REVENUE"/>
    <s v="SCP"/>
    <s v="NONBU"/>
    <s v="G0000110"/>
    <s v="N"/>
    <s v="To identify billed fuel revenu"/>
    <s v=""/>
    <x v="1"/>
    <s v="CAD033BF"/>
    <s v="S"/>
    <s v="KY"/>
    <s v="REV"/>
    <s v="974"/>
    <s v="O430547"/>
    <n v="10"/>
    <n v="2016"/>
  </r>
  <r>
    <s v="110"/>
    <d v="2016-10-31T00:00:00"/>
    <x v="4"/>
    <x v="0"/>
    <s v="10828"/>
    <s v="GLNANDA"/>
    <n v="2623244.56"/>
    <n v="0"/>
    <s v="MACSS BILLED FUEL REVENUE"/>
    <s v="SCP"/>
    <s v="NONBU"/>
    <s v="G0000110"/>
    <s v="N"/>
    <s v="To identify billed fuel revenu"/>
    <s v=""/>
    <x v="1"/>
    <s v="CAD033BF"/>
    <s v="S"/>
    <s v="KY"/>
    <s v="REV"/>
    <s v="974"/>
    <s v="O430547"/>
    <n v="10"/>
    <n v="2016"/>
  </r>
  <r>
    <s v="110"/>
    <d v="2016-10-31T00:00:00"/>
    <x v="8"/>
    <x v="0"/>
    <s v="10828"/>
    <s v="GLNANDA"/>
    <n v="-3227730.97"/>
    <n v="0"/>
    <s v="MACSS BILLED FUEL REVENUE"/>
    <s v="SCP"/>
    <s v="NONBU"/>
    <s v="G0000110"/>
    <s v="N"/>
    <s v="To identify billed fuel revenu"/>
    <s v=""/>
    <x v="1"/>
    <s v="CAD033BF"/>
    <s v="S"/>
    <s v="KY"/>
    <s v="REV"/>
    <s v="974"/>
    <s v="O430547"/>
    <n v="10"/>
    <n v="2016"/>
  </r>
  <r>
    <s v="110"/>
    <d v="2016-10-31T00:00:00"/>
    <x v="15"/>
    <x v="0"/>
    <s v="10828"/>
    <s v="GLNANDA"/>
    <n v="0"/>
    <n v="0"/>
    <s v="MACSS BILLED FUEL REVENUE"/>
    <s v="SCP"/>
    <s v="NONBU"/>
    <s v="G0000110"/>
    <s v="N"/>
    <s v="To identify billed fuel revenu"/>
    <s v=""/>
    <x v="1"/>
    <s v="CAD033BF"/>
    <s v="S"/>
    <s v="KY"/>
    <s v="REV"/>
    <s v="974"/>
    <s v="O430547"/>
    <n v="10"/>
    <n v="2016"/>
  </r>
  <r>
    <s v="110"/>
    <d v="2016-10-31T00:00:00"/>
    <x v="0"/>
    <x v="0"/>
    <s v="10828"/>
    <s v="GLNANDA"/>
    <n v="5285528.01"/>
    <n v="0"/>
    <s v="MACSS BILLED FUEL REVENUE"/>
    <s v="SCP"/>
    <s v="NONBU"/>
    <s v="G0000110"/>
    <s v="N"/>
    <s v="To identify billed fuel revenu"/>
    <s v=""/>
    <x v="1"/>
    <s v="CAD033BF"/>
    <s v="S"/>
    <s v="KY"/>
    <s v="REV"/>
    <s v="974"/>
    <s v="O430547"/>
    <n v="10"/>
    <n v="2016"/>
  </r>
  <r>
    <s v="110"/>
    <d v="2016-10-31T00:00:00"/>
    <x v="3"/>
    <x v="0"/>
    <s v="10828"/>
    <s v="GLNANDA"/>
    <n v="824603.35"/>
    <n v="0"/>
    <s v="MACSS BILLED FUEL REVENUE"/>
    <s v="SCP"/>
    <s v="NONBU"/>
    <s v="G0000110"/>
    <s v="N"/>
    <s v="To identify billed fuel revenu"/>
    <s v=""/>
    <x v="1"/>
    <s v="CAD033BF"/>
    <s v="S"/>
    <s v="KY"/>
    <s v="REV"/>
    <s v="974"/>
    <s v="O430547"/>
    <n v="10"/>
    <n v="2016"/>
  </r>
  <r>
    <s v="110"/>
    <d v="2016-10-31T00:00:00"/>
    <x v="12"/>
    <x v="0"/>
    <s v="10828"/>
    <s v="GLNANDA"/>
    <n v="0"/>
    <n v="0"/>
    <s v="MACSS BILLED FUEL REVENUE"/>
    <s v="SCP"/>
    <s v="NONBU"/>
    <s v="G0000110"/>
    <s v="N"/>
    <s v="To identify billed fuel revenu"/>
    <s v=""/>
    <x v="1"/>
    <s v="CAD033BF"/>
    <s v="S"/>
    <s v="KY"/>
    <s v="REV"/>
    <s v="974"/>
    <s v="O430547"/>
    <n v="10"/>
    <n v="2016"/>
  </r>
  <r>
    <s v="110"/>
    <d v="2016-10-31T00:00:00"/>
    <x v="1"/>
    <x v="0"/>
    <s v="10828"/>
    <s v="GLNANDA"/>
    <n v="1436414.67"/>
    <n v="0"/>
    <s v="MACSS BILLED FUEL REVENUE"/>
    <s v="SCP"/>
    <s v="NONBU"/>
    <s v="G0000110"/>
    <s v="N"/>
    <s v="To identify billed fuel revenu"/>
    <s v=""/>
    <x v="1"/>
    <s v="CAD033BF"/>
    <s v="S"/>
    <s v="KY"/>
    <s v="REV"/>
    <s v="974"/>
    <s v="O430547"/>
    <n v="10"/>
    <n v="2016"/>
  </r>
  <r>
    <s v="110"/>
    <d v="2016-10-31T00:00:00"/>
    <x v="14"/>
    <x v="0"/>
    <s v="10828"/>
    <s v="GLNANDA"/>
    <n v="-4059659.23"/>
    <n v="0"/>
    <s v="MACSS BILLED FUEL REVENUE"/>
    <s v="SCP"/>
    <s v="NONBU"/>
    <s v="G0000110"/>
    <s v="N"/>
    <s v="To identify billed fuel revenu"/>
    <s v=""/>
    <x v="1"/>
    <s v="CAD033BF"/>
    <s v="S"/>
    <s v="KY"/>
    <s v="REV"/>
    <s v="974"/>
    <s v="O430547"/>
    <n v="10"/>
    <n v="2016"/>
  </r>
  <r>
    <s v="110"/>
    <d v="2016-10-31T00:00:00"/>
    <x v="2"/>
    <x v="0"/>
    <s v="10828"/>
    <s v="GLNANDA"/>
    <n v="2335591.94"/>
    <n v="0"/>
    <s v="MACSS BILLED FUEL REVENUE"/>
    <s v="SCP"/>
    <s v="NONBU"/>
    <s v="G0000110"/>
    <s v="N"/>
    <s v="To identify billed fuel revenu"/>
    <s v=""/>
    <x v="1"/>
    <s v="CAD033BF"/>
    <s v="S"/>
    <s v="KY"/>
    <s v="REV"/>
    <s v="974"/>
    <s v="O430547"/>
    <n v="10"/>
    <n v="2016"/>
  </r>
  <r>
    <s v="110"/>
    <d v="2016-10-31T00:00:00"/>
    <x v="6"/>
    <x v="0"/>
    <s v="10828"/>
    <s v="GLNANDA"/>
    <n v="29641.69"/>
    <n v="0"/>
    <s v="MACSS BILLED FUEL REVENUE"/>
    <s v="SCP"/>
    <s v="NONBU"/>
    <s v="G0000110"/>
    <s v="N"/>
    <s v="To identify billed fuel revenu"/>
    <s v=""/>
    <x v="1"/>
    <s v="CAD033BF"/>
    <s v="S"/>
    <s v="KY"/>
    <s v="REV"/>
    <s v="974"/>
    <s v="O430547"/>
    <n v="10"/>
    <n v="2016"/>
  </r>
  <r>
    <s v="110"/>
    <d v="2016-10-31T00:00:00"/>
    <x v="13"/>
    <x v="0"/>
    <s v="10828"/>
    <s v="GLNANDA"/>
    <n v="-29641.69"/>
    <n v="0"/>
    <s v="MACSS BILLED FUEL REVENUE"/>
    <s v="SCP"/>
    <s v="NONBU"/>
    <s v="G0000110"/>
    <s v="N"/>
    <s v="To identify billed fuel revenu"/>
    <s v=""/>
    <x v="1"/>
    <s v="CAD033BF"/>
    <s v="S"/>
    <s v="KY"/>
    <s v="REV"/>
    <s v="974"/>
    <s v="O430547"/>
    <n v="10"/>
    <n v="2016"/>
  </r>
  <r>
    <s v="110"/>
    <d v="2016-09-30T00:00:00"/>
    <x v="2"/>
    <x v="0"/>
    <s v="10828"/>
    <s v="GLNANDA"/>
    <n v="2558916.19"/>
    <n v="0"/>
    <s v="MACSS BILLED FUEL REVENUE"/>
    <s v="SCP"/>
    <s v="NONBU"/>
    <s v="G0000110"/>
    <s v="N"/>
    <s v="To identify billed fuel revenu"/>
    <s v=""/>
    <x v="1"/>
    <s v="CAD033BF"/>
    <s v="S"/>
    <s v="KY"/>
    <s v="REV"/>
    <s v="974"/>
    <s v="O430547"/>
    <n v="9"/>
    <n v="2016"/>
  </r>
  <r>
    <s v="110"/>
    <d v="2016-09-30T00:00:00"/>
    <x v="13"/>
    <x v="0"/>
    <s v="10828"/>
    <s v="GLNANDA"/>
    <n v="-24603.439999999999"/>
    <n v="0"/>
    <s v="MACSS BILLED FUEL REVENUE"/>
    <s v="SCP"/>
    <s v="NONBU"/>
    <s v="G0000110"/>
    <s v="N"/>
    <s v="To identify billed fuel revenu"/>
    <s v=""/>
    <x v="1"/>
    <s v="CAD033BF"/>
    <s v="S"/>
    <s v="KY"/>
    <s v="REV"/>
    <s v="974"/>
    <s v="O430547"/>
    <n v="9"/>
    <n v="2016"/>
  </r>
  <r>
    <s v="110"/>
    <d v="2016-09-30T00:00:00"/>
    <x v="15"/>
    <x v="0"/>
    <s v="10828"/>
    <s v="GLNANDA"/>
    <n v="0"/>
    <n v="0"/>
    <s v="MACSS BILLED FUEL REVENUE"/>
    <s v="SCP"/>
    <s v="NONBU"/>
    <s v="G0000110"/>
    <s v="N"/>
    <s v="To identify billed fuel revenu"/>
    <s v=""/>
    <x v="1"/>
    <s v="CAD033BF"/>
    <s v="S"/>
    <s v="KY"/>
    <s v="REV"/>
    <s v="974"/>
    <s v="O430547"/>
    <n v="9"/>
    <n v="2016"/>
  </r>
  <r>
    <s v="110"/>
    <d v="2016-09-30T00:00:00"/>
    <x v="6"/>
    <x v="0"/>
    <s v="10828"/>
    <s v="GLNANDA"/>
    <n v="24603.439999999999"/>
    <n v="0"/>
    <s v="MACSS BILLED FUEL REVENUE"/>
    <s v="SCP"/>
    <s v="NONBU"/>
    <s v="G0000110"/>
    <s v="N"/>
    <s v="To identify billed fuel revenu"/>
    <s v=""/>
    <x v="1"/>
    <s v="CAD033BF"/>
    <s v="S"/>
    <s v="KY"/>
    <s v="REV"/>
    <s v="974"/>
    <s v="O430547"/>
    <n v="9"/>
    <n v="2016"/>
  </r>
  <r>
    <s v="110"/>
    <d v="2016-09-30T00:00:00"/>
    <x v="9"/>
    <x v="0"/>
    <s v="10828"/>
    <s v="GLNANDA"/>
    <n v="0"/>
    <n v="0"/>
    <s v="MACSS BILLED FUEL REVENUE"/>
    <s v="SCP"/>
    <s v="NONBU"/>
    <s v="G0000110"/>
    <s v="N"/>
    <s v="To identify billed fuel revenu"/>
    <s v=""/>
    <x v="1"/>
    <s v="CAD033BF"/>
    <s v="S"/>
    <s v="KY"/>
    <s v="REV"/>
    <s v="974"/>
    <s v="O430547"/>
    <n v="9"/>
    <n v="2016"/>
  </r>
  <r>
    <s v="110"/>
    <d v="2016-09-30T00:00:00"/>
    <x v="4"/>
    <x v="0"/>
    <s v="10828"/>
    <s v="GLNANDA"/>
    <n v="3271661.47"/>
    <n v="0"/>
    <s v="MACSS BILLED FUEL REVENUE"/>
    <s v="SCP"/>
    <s v="NONBU"/>
    <s v="G0000110"/>
    <s v="N"/>
    <s v="To identify billed fuel revenu"/>
    <s v=""/>
    <x v="1"/>
    <s v="CAD033BF"/>
    <s v="S"/>
    <s v="KY"/>
    <s v="REV"/>
    <s v="974"/>
    <s v="O430547"/>
    <n v="9"/>
    <n v="2016"/>
  </r>
  <r>
    <s v="110"/>
    <d v="2016-09-30T00:00:00"/>
    <x v="10"/>
    <x v="0"/>
    <s v="10828"/>
    <s v="GLNANDA"/>
    <n v="0"/>
    <n v="0"/>
    <s v="MACSS BILLED FUEL REVENUE"/>
    <s v="SCP"/>
    <s v="NONBU"/>
    <s v="G0000110"/>
    <s v="N"/>
    <s v="To identify billed fuel revenu"/>
    <s v=""/>
    <x v="1"/>
    <s v="CAD033BF"/>
    <s v="S"/>
    <s v="KY"/>
    <s v="REV"/>
    <s v="974"/>
    <s v="O430547"/>
    <n v="9"/>
    <n v="2016"/>
  </r>
  <r>
    <s v="110"/>
    <d v="2016-09-30T00:00:00"/>
    <x v="3"/>
    <x v="0"/>
    <s v="10828"/>
    <s v="GLNANDA"/>
    <n v="754756.27"/>
    <n v="0"/>
    <s v="MACSS BILLED FUEL REVENUE"/>
    <s v="SCP"/>
    <s v="NONBU"/>
    <s v="G0000110"/>
    <s v="N"/>
    <s v="To identify billed fuel revenu"/>
    <s v=""/>
    <x v="1"/>
    <s v="CAD033BF"/>
    <s v="S"/>
    <s v="KY"/>
    <s v="REV"/>
    <s v="974"/>
    <s v="O430547"/>
    <n v="9"/>
    <n v="2016"/>
  </r>
  <r>
    <s v="110"/>
    <d v="2016-09-30T00:00:00"/>
    <x v="12"/>
    <x v="0"/>
    <s v="10828"/>
    <s v="GLNANDA"/>
    <n v="0"/>
    <n v="0"/>
    <s v="MACSS BILLED FUEL REVENUE"/>
    <s v="SCP"/>
    <s v="NONBU"/>
    <s v="G0000110"/>
    <s v="N"/>
    <s v="To identify billed fuel revenu"/>
    <s v=""/>
    <x v="1"/>
    <s v="CAD033BF"/>
    <s v="S"/>
    <s v="KY"/>
    <s v="REV"/>
    <s v="974"/>
    <s v="O430547"/>
    <n v="9"/>
    <n v="2016"/>
  </r>
  <r>
    <s v="110"/>
    <d v="2016-09-30T00:00:00"/>
    <x v="8"/>
    <x v="0"/>
    <s v="10828"/>
    <s v="GLNANDA"/>
    <n v="-3557465.91"/>
    <n v="0"/>
    <s v="MACSS BILLED FUEL REVENUE"/>
    <s v="SCP"/>
    <s v="NONBU"/>
    <s v="G0000110"/>
    <s v="N"/>
    <s v="To identify billed fuel revenu"/>
    <s v=""/>
    <x v="1"/>
    <s v="CAD033BF"/>
    <s v="S"/>
    <s v="KY"/>
    <s v="REV"/>
    <s v="974"/>
    <s v="O430547"/>
    <n v="9"/>
    <n v="2016"/>
  </r>
  <r>
    <s v="110"/>
    <d v="2016-09-30T00:00:00"/>
    <x v="11"/>
    <x v="0"/>
    <s v="10828"/>
    <s v="GLNANDA"/>
    <n v="-5905491.1900000004"/>
    <n v="0"/>
    <s v="MACSS BILLED FUEL REVENUE"/>
    <s v="SCP"/>
    <s v="NONBU"/>
    <s v="G0000110"/>
    <s v="N"/>
    <s v="To identify billed fuel revenu"/>
    <s v=""/>
    <x v="1"/>
    <s v="CAD033BF"/>
    <s v="S"/>
    <s v="KY"/>
    <s v="REV"/>
    <s v="974"/>
    <s v="O430547"/>
    <n v="9"/>
    <n v="2016"/>
  </r>
  <r>
    <s v="110"/>
    <d v="2016-09-30T00:00:00"/>
    <x v="1"/>
    <x v="0"/>
    <s v="10828"/>
    <s v="GLNANDA"/>
    <n v="1881447.9"/>
    <n v="0"/>
    <s v="MACSS BILLED FUEL REVENUE"/>
    <s v="SCP"/>
    <s v="NONBU"/>
    <s v="G0000110"/>
    <s v="N"/>
    <s v="To identify billed fuel revenu"/>
    <s v=""/>
    <x v="1"/>
    <s v="CAD033BF"/>
    <s v="S"/>
    <s v="KY"/>
    <s v="REV"/>
    <s v="974"/>
    <s v="O430547"/>
    <n v="9"/>
    <n v="2016"/>
  </r>
  <r>
    <s v="110"/>
    <d v="2016-09-30T00:00:00"/>
    <x v="5"/>
    <x v="0"/>
    <s v="10828"/>
    <s v="GLNANDA"/>
    <n v="499381.05"/>
    <n v="0"/>
    <s v="MACSS BILLED FUEL REVENUE"/>
    <s v="SCP"/>
    <s v="NONBU"/>
    <s v="G0000110"/>
    <s v="N"/>
    <s v="To identify billed fuel revenu"/>
    <s v=""/>
    <x v="1"/>
    <s v="CAD033BF"/>
    <s v="S"/>
    <s v="KY"/>
    <s v="REV"/>
    <s v="974"/>
    <s v="O430547"/>
    <n v="9"/>
    <n v="2016"/>
  </r>
  <r>
    <s v="110"/>
    <d v="2016-09-30T00:00:00"/>
    <x v="14"/>
    <x v="0"/>
    <s v="10828"/>
    <s v="GLNANDA"/>
    <n v="-5153109.37"/>
    <n v="0"/>
    <s v="MACSS BILLED FUEL REVENUE"/>
    <s v="SCP"/>
    <s v="NONBU"/>
    <s v="G0000110"/>
    <s v="N"/>
    <s v="To identify billed fuel revenu"/>
    <s v=""/>
    <x v="1"/>
    <s v="CAD033BF"/>
    <s v="S"/>
    <s v="KY"/>
    <s v="REV"/>
    <s v="974"/>
    <s v="O430547"/>
    <n v="9"/>
    <n v="2016"/>
  </r>
  <r>
    <s v="110"/>
    <d v="2016-09-30T00:00:00"/>
    <x v="7"/>
    <x v="0"/>
    <s v="10828"/>
    <s v="GLNANDA"/>
    <n v="499168.67"/>
    <n v="0"/>
    <s v="MACSS BILLED FUEL REVENUE"/>
    <s v="SCP"/>
    <s v="NONBU"/>
    <s v="G0000110"/>
    <s v="N"/>
    <s v="To identify billed fuel revenu"/>
    <s v=""/>
    <x v="1"/>
    <s v="CAD033BF"/>
    <s v="S"/>
    <s v="KY"/>
    <s v="REV"/>
    <s v="974"/>
    <s v="O430547"/>
    <n v="9"/>
    <n v="2016"/>
  </r>
  <r>
    <s v="110"/>
    <d v="2016-09-30T00:00:00"/>
    <x v="0"/>
    <x v="0"/>
    <s v="10828"/>
    <s v="GLNANDA"/>
    <n v="5150734.92"/>
    <n v="0"/>
    <s v="MACSS BILLED FUEL REVENUE"/>
    <s v="SCP"/>
    <s v="NONBU"/>
    <s v="G0000110"/>
    <s v="N"/>
    <s v="To identify billed fuel revenu"/>
    <s v=""/>
    <x v="1"/>
    <s v="CAD033BF"/>
    <s v="S"/>
    <s v="KY"/>
    <s v="REV"/>
    <s v="974"/>
    <s v="O430547"/>
    <n v="9"/>
    <n v="2016"/>
  </r>
  <r>
    <s v="110"/>
    <d v="2016-08-31T00:00:00"/>
    <x v="7"/>
    <x v="0"/>
    <s v="10828"/>
    <s v="GLNANDA"/>
    <n v="394383.73"/>
    <n v="0"/>
    <s v="MACSS BILLED FUEL REVENUE"/>
    <s v="NVS"/>
    <s v="NONBU"/>
    <s v="G0000110"/>
    <s v="N"/>
    <s v="To identify billed fuel revenu"/>
    <s v=""/>
    <x v="1"/>
    <s v="CAD033BF"/>
    <s v="S"/>
    <s v="KY"/>
    <s v="REV"/>
    <s v="974"/>
    <s v="S132940"/>
    <n v="8"/>
    <n v="2016"/>
  </r>
  <r>
    <s v="110"/>
    <d v="2016-08-31T00:00:00"/>
    <x v="10"/>
    <x v="0"/>
    <s v="10828"/>
    <s v="GLNANDA"/>
    <n v="0"/>
    <n v="0"/>
    <s v="MACSS BILLED FUEL REVENUE"/>
    <s v="NVS"/>
    <s v="NONBU"/>
    <s v="G0000110"/>
    <s v="N"/>
    <s v="To identify billed fuel revenu"/>
    <s v=""/>
    <x v="1"/>
    <s v="CAD033BF"/>
    <s v="S"/>
    <s v="KY"/>
    <s v="REV"/>
    <s v="974"/>
    <s v="S132940"/>
    <n v="8"/>
    <n v="2016"/>
  </r>
  <r>
    <s v="110"/>
    <d v="2016-08-31T00:00:00"/>
    <x v="15"/>
    <x v="0"/>
    <s v="10828"/>
    <s v="GLNANDA"/>
    <n v="0"/>
    <n v="0"/>
    <s v="MACSS BILLED FUEL REVENUE"/>
    <s v="NVS"/>
    <s v="NONBU"/>
    <s v="G0000110"/>
    <s v="N"/>
    <s v="To identify billed fuel revenu"/>
    <s v=""/>
    <x v="1"/>
    <s v="CAD033BF"/>
    <s v="S"/>
    <s v="KY"/>
    <s v="REV"/>
    <s v="974"/>
    <s v="S132940"/>
    <n v="8"/>
    <n v="2016"/>
  </r>
  <r>
    <s v="110"/>
    <d v="2016-08-31T00:00:00"/>
    <x v="5"/>
    <x v="0"/>
    <s v="10828"/>
    <s v="GLNANDA"/>
    <n v="474228.61"/>
    <n v="0"/>
    <s v="MACSS BILLED FUEL REVENUE"/>
    <s v="NVS"/>
    <s v="NONBU"/>
    <s v="G0000110"/>
    <s v="N"/>
    <s v="To identify billed fuel revenu"/>
    <s v=""/>
    <x v="1"/>
    <s v="CAD033BF"/>
    <s v="S"/>
    <s v="KY"/>
    <s v="REV"/>
    <s v="974"/>
    <s v="S132940"/>
    <n v="8"/>
    <n v="2016"/>
  </r>
  <r>
    <s v="110"/>
    <d v="2016-08-31T00:00:00"/>
    <x v="6"/>
    <x v="0"/>
    <s v="10828"/>
    <s v="GLNANDA"/>
    <n v="21334.57"/>
    <n v="0"/>
    <s v="MACSS BILLED FUEL REVENUE"/>
    <s v="NVS"/>
    <s v="NONBU"/>
    <s v="G0000110"/>
    <s v="N"/>
    <s v="To identify billed fuel revenu"/>
    <s v=""/>
    <x v="1"/>
    <s v="CAD033BF"/>
    <s v="S"/>
    <s v="KY"/>
    <s v="REV"/>
    <s v="974"/>
    <s v="S132940"/>
    <n v="8"/>
    <n v="2016"/>
  </r>
  <r>
    <s v="110"/>
    <d v="2016-08-31T00:00:00"/>
    <x v="9"/>
    <x v="0"/>
    <s v="10828"/>
    <s v="GLNANDA"/>
    <n v="0"/>
    <n v="0"/>
    <s v="MACSS BILLED FUEL REVENUE"/>
    <s v="NVS"/>
    <s v="NONBU"/>
    <s v="G0000110"/>
    <s v="N"/>
    <s v="To identify billed fuel revenu"/>
    <s v=""/>
    <x v="1"/>
    <s v="CAD033BF"/>
    <s v="S"/>
    <s v="KY"/>
    <s v="REV"/>
    <s v="974"/>
    <s v="S132940"/>
    <n v="8"/>
    <n v="2016"/>
  </r>
  <r>
    <s v="110"/>
    <d v="2016-08-31T00:00:00"/>
    <x v="1"/>
    <x v="0"/>
    <s v="10828"/>
    <s v="GLNANDA"/>
    <n v="1912525.32"/>
    <n v="0"/>
    <s v="MACSS BILLED FUEL REVENUE"/>
    <s v="NVS"/>
    <s v="NONBU"/>
    <s v="G0000110"/>
    <s v="N"/>
    <s v="To identify billed fuel revenu"/>
    <s v=""/>
    <x v="1"/>
    <s v="CAD033BF"/>
    <s v="S"/>
    <s v="KY"/>
    <s v="REV"/>
    <s v="974"/>
    <s v="S132940"/>
    <n v="8"/>
    <n v="2016"/>
  </r>
  <r>
    <s v="110"/>
    <d v="2016-08-31T00:00:00"/>
    <x v="3"/>
    <x v="0"/>
    <s v="10828"/>
    <s v="GLNANDA"/>
    <n v="702754.73"/>
    <n v="0"/>
    <s v="MACSS BILLED FUEL REVENUE"/>
    <s v="NVS"/>
    <s v="NONBU"/>
    <s v="G0000110"/>
    <s v="N"/>
    <s v="To identify billed fuel revenu"/>
    <s v=""/>
    <x v="1"/>
    <s v="CAD033BF"/>
    <s v="S"/>
    <s v="KY"/>
    <s v="REV"/>
    <s v="974"/>
    <s v="S132940"/>
    <n v="8"/>
    <n v="2016"/>
  </r>
  <r>
    <s v="110"/>
    <d v="2016-08-31T00:00:00"/>
    <x v="11"/>
    <x v="0"/>
    <s v="10828"/>
    <s v="GLNANDA"/>
    <n v="-7725659.4000000004"/>
    <n v="0"/>
    <s v="MACSS BILLED FUEL REVENUE"/>
    <s v="NVS"/>
    <s v="NONBU"/>
    <s v="G0000110"/>
    <s v="N"/>
    <s v="To identify billed fuel revenu"/>
    <s v=""/>
    <x v="1"/>
    <s v="CAD033BF"/>
    <s v="S"/>
    <s v="KY"/>
    <s v="REV"/>
    <s v="974"/>
    <s v="S132940"/>
    <n v="8"/>
    <n v="2016"/>
  </r>
  <r>
    <s v="110"/>
    <d v="2016-08-31T00:00:00"/>
    <x v="4"/>
    <x v="0"/>
    <s v="10828"/>
    <s v="GLNANDA"/>
    <n v="3340959.54"/>
    <n v="0"/>
    <s v="MACSS BILLED FUEL REVENUE"/>
    <s v="NVS"/>
    <s v="NONBU"/>
    <s v="G0000110"/>
    <s v="N"/>
    <s v="To identify billed fuel revenu"/>
    <s v=""/>
    <x v="1"/>
    <s v="CAD033BF"/>
    <s v="S"/>
    <s v="KY"/>
    <s v="REV"/>
    <s v="974"/>
    <s v="S132940"/>
    <n v="8"/>
    <n v="2016"/>
  </r>
  <r>
    <s v="110"/>
    <d v="2016-08-31T00:00:00"/>
    <x v="14"/>
    <x v="0"/>
    <s v="10828"/>
    <s v="GLNANDA"/>
    <n v="-5253484.8600000003"/>
    <n v="0"/>
    <s v="MACSS BILLED FUEL REVENUE"/>
    <s v="NVS"/>
    <s v="NONBU"/>
    <s v="G0000110"/>
    <s v="N"/>
    <s v="To identify billed fuel revenu"/>
    <s v=""/>
    <x v="1"/>
    <s v="CAD033BF"/>
    <s v="S"/>
    <s v="KY"/>
    <s v="REV"/>
    <s v="974"/>
    <s v="S132940"/>
    <n v="8"/>
    <n v="2016"/>
  </r>
  <r>
    <s v="110"/>
    <d v="2016-08-31T00:00:00"/>
    <x v="2"/>
    <x v="0"/>
    <s v="10828"/>
    <s v="GLNANDA"/>
    <n v="2478637.17"/>
    <n v="0"/>
    <s v="MACSS BILLED FUEL REVENUE"/>
    <s v="NVS"/>
    <s v="NONBU"/>
    <s v="G0000110"/>
    <s v="N"/>
    <s v="To identify billed fuel revenu"/>
    <s v=""/>
    <x v="1"/>
    <s v="CAD033BF"/>
    <s v="S"/>
    <s v="KY"/>
    <s v="REV"/>
    <s v="974"/>
    <s v="S132940"/>
    <n v="8"/>
    <n v="2016"/>
  </r>
  <r>
    <s v="110"/>
    <d v="2016-08-31T00:00:00"/>
    <x v="12"/>
    <x v="0"/>
    <s v="10828"/>
    <s v="GLNANDA"/>
    <n v="0"/>
    <n v="0"/>
    <s v="MACSS BILLED FUEL REVENUE"/>
    <s v="NVS"/>
    <s v="NONBU"/>
    <s v="G0000110"/>
    <s v="N"/>
    <s v="To identify billed fuel revenu"/>
    <s v=""/>
    <x v="1"/>
    <s v="CAD033BF"/>
    <s v="S"/>
    <s v="KY"/>
    <s v="REV"/>
    <s v="974"/>
    <s v="S132940"/>
    <n v="8"/>
    <n v="2016"/>
  </r>
  <r>
    <s v="110"/>
    <d v="2016-08-31T00:00:00"/>
    <x v="8"/>
    <x v="0"/>
    <s v="10828"/>
    <s v="GLNANDA"/>
    <n v="-3347249.51"/>
    <n v="0"/>
    <s v="MACSS BILLED FUEL REVENUE"/>
    <s v="NVS"/>
    <s v="NONBU"/>
    <s v="G0000110"/>
    <s v="N"/>
    <s v="To identify billed fuel revenu"/>
    <s v=""/>
    <x v="1"/>
    <s v="CAD033BF"/>
    <s v="S"/>
    <s v="KY"/>
    <s v="REV"/>
    <s v="974"/>
    <s v="S132940"/>
    <n v="8"/>
    <n v="2016"/>
  </r>
  <r>
    <s v="110"/>
    <d v="2016-08-31T00:00:00"/>
    <x v="13"/>
    <x v="0"/>
    <s v="10828"/>
    <s v="GLNANDA"/>
    <n v="-21334.57"/>
    <n v="0"/>
    <s v="MACSS BILLED FUEL REVENUE"/>
    <s v="NVS"/>
    <s v="NONBU"/>
    <s v="G0000110"/>
    <s v="N"/>
    <s v="To identify billed fuel revenu"/>
    <s v=""/>
    <x v="1"/>
    <s v="CAD033BF"/>
    <s v="S"/>
    <s v="KY"/>
    <s v="REV"/>
    <s v="974"/>
    <s v="S132940"/>
    <n v="8"/>
    <n v="2016"/>
  </r>
  <r>
    <s v="110"/>
    <d v="2016-08-31T00:00:00"/>
    <x v="0"/>
    <x v="0"/>
    <s v="10828"/>
    <s v="GLNANDA"/>
    <n v="7022904.6699999999"/>
    <n v="0"/>
    <s v="MACSS BILLED FUEL REVENUE"/>
    <s v="NVS"/>
    <s v="NONBU"/>
    <s v="G0000110"/>
    <s v="N"/>
    <s v="To identify billed fuel revenu"/>
    <s v=""/>
    <x v="1"/>
    <s v="CAD033BF"/>
    <s v="S"/>
    <s v="KY"/>
    <s v="REV"/>
    <s v="974"/>
    <s v="S132940"/>
    <n v="8"/>
    <n v="2016"/>
  </r>
  <r>
    <s v="110"/>
    <d v="2016-07-31T00:00:00"/>
    <x v="4"/>
    <x v="0"/>
    <s v="10828"/>
    <s v="GLNANDA"/>
    <n v="2826656.02"/>
    <n v="0"/>
    <s v="MACSS BILLED FUEL REVENUE"/>
    <s v="NVS"/>
    <s v="NONBU"/>
    <s v="G0000110"/>
    <s v="N"/>
    <s v="To identify billed fuel revenu"/>
    <s v=""/>
    <x v="1"/>
    <s v="CAD033BF"/>
    <s v="S"/>
    <s v="KY"/>
    <s v="REV"/>
    <s v="974"/>
    <s v="S132940"/>
    <n v="7"/>
    <n v="2016"/>
  </r>
  <r>
    <s v="110"/>
    <d v="2016-07-31T00:00:00"/>
    <x v="2"/>
    <x v="0"/>
    <s v="10828"/>
    <s v="GLNANDA"/>
    <n v="2207201.9"/>
    <n v="0"/>
    <s v="MACSS BILLED FUEL REVENUE"/>
    <s v="NVS"/>
    <s v="NONBU"/>
    <s v="G0000110"/>
    <s v="N"/>
    <s v="To identify billed fuel revenu"/>
    <s v=""/>
    <x v="1"/>
    <s v="CAD033BF"/>
    <s v="S"/>
    <s v="KY"/>
    <s v="REV"/>
    <s v="974"/>
    <s v="S132940"/>
    <n v="7"/>
    <n v="2016"/>
  </r>
  <r>
    <s v="110"/>
    <d v="2016-07-31T00:00:00"/>
    <x v="14"/>
    <x v="0"/>
    <s v="10828"/>
    <s v="GLNANDA"/>
    <n v="-4409211.9800000004"/>
    <n v="0"/>
    <s v="MACSS BILLED FUEL REVENUE"/>
    <s v="NVS"/>
    <s v="NONBU"/>
    <s v="G0000110"/>
    <s v="N"/>
    <s v="To identify billed fuel revenu"/>
    <s v=""/>
    <x v="1"/>
    <s v="CAD033BF"/>
    <s v="S"/>
    <s v="KY"/>
    <s v="REV"/>
    <s v="974"/>
    <s v="S132940"/>
    <n v="7"/>
    <n v="2016"/>
  </r>
  <r>
    <s v="110"/>
    <d v="2016-07-31T00:00:00"/>
    <x v="1"/>
    <x v="0"/>
    <s v="10828"/>
    <s v="GLNANDA"/>
    <n v="1582555.96"/>
    <n v="0"/>
    <s v="MACSS BILLED FUEL REVENUE"/>
    <s v="NVS"/>
    <s v="NONBU"/>
    <s v="G0000110"/>
    <s v="N"/>
    <s v="To identify billed fuel revenu"/>
    <s v=""/>
    <x v="1"/>
    <s v="CAD033BF"/>
    <s v="S"/>
    <s v="KY"/>
    <s v="REV"/>
    <s v="974"/>
    <s v="S132940"/>
    <n v="7"/>
    <n v="2016"/>
  </r>
  <r>
    <s v="110"/>
    <d v="2016-07-31T00:00:00"/>
    <x v="7"/>
    <x v="0"/>
    <s v="10828"/>
    <s v="GLNANDA"/>
    <n v="309926"/>
    <n v="0"/>
    <s v="MACSS BILLED FUEL REVENUE"/>
    <s v="NVS"/>
    <s v="NONBU"/>
    <s v="G0000110"/>
    <s v="N"/>
    <s v="To identify billed fuel revenu"/>
    <s v=""/>
    <x v="1"/>
    <s v="CAD033BF"/>
    <s v="S"/>
    <s v="KY"/>
    <s v="REV"/>
    <s v="974"/>
    <s v="S132940"/>
    <n v="7"/>
    <n v="2016"/>
  </r>
  <r>
    <s v="110"/>
    <d v="2016-07-31T00:00:00"/>
    <x v="12"/>
    <x v="0"/>
    <s v="10828"/>
    <s v="GLNANDA"/>
    <n v="0"/>
    <n v="0"/>
    <s v="MACSS BILLED FUEL REVENUE"/>
    <s v="NVS"/>
    <s v="NONBU"/>
    <s v="G0000110"/>
    <s v="N"/>
    <s v="To identify billed fuel revenu"/>
    <s v=""/>
    <x v="1"/>
    <s v="CAD033BF"/>
    <s v="S"/>
    <s v="KY"/>
    <s v="REV"/>
    <s v="974"/>
    <s v="S132940"/>
    <n v="7"/>
    <n v="2016"/>
  </r>
  <r>
    <s v="110"/>
    <d v="2016-07-31T00:00:00"/>
    <x v="3"/>
    <x v="0"/>
    <s v="10828"/>
    <s v="GLNANDA"/>
    <n v="608607.05000000005"/>
    <n v="0"/>
    <s v="MACSS BILLED FUEL REVENUE"/>
    <s v="NVS"/>
    <s v="NONBU"/>
    <s v="G0000110"/>
    <s v="N"/>
    <s v="To identify billed fuel revenu"/>
    <s v=""/>
    <x v="1"/>
    <s v="CAD033BF"/>
    <s v="S"/>
    <s v="KY"/>
    <s v="REV"/>
    <s v="974"/>
    <s v="S132940"/>
    <n v="7"/>
    <n v="2016"/>
  </r>
  <r>
    <s v="110"/>
    <d v="2016-07-31T00:00:00"/>
    <x v="0"/>
    <x v="0"/>
    <s v="10828"/>
    <s v="GLNANDA"/>
    <n v="4274725.57"/>
    <n v="0"/>
    <s v="MACSS BILLED FUEL REVENUE"/>
    <s v="NVS"/>
    <s v="NONBU"/>
    <s v="G0000110"/>
    <s v="N"/>
    <s v="To identify billed fuel revenu"/>
    <s v=""/>
    <x v="1"/>
    <s v="CAD033BF"/>
    <s v="S"/>
    <s v="KY"/>
    <s v="REV"/>
    <s v="974"/>
    <s v="S132940"/>
    <n v="7"/>
    <n v="2016"/>
  </r>
  <r>
    <s v="110"/>
    <d v="2016-07-31T00:00:00"/>
    <x v="15"/>
    <x v="0"/>
    <s v="10828"/>
    <s v="GLNANDA"/>
    <n v="0"/>
    <n v="0"/>
    <s v="MACSS BILLED FUEL REVENUE"/>
    <s v="NVS"/>
    <s v="NONBU"/>
    <s v="G0000110"/>
    <s v="N"/>
    <s v="To identify billed fuel revenu"/>
    <s v=""/>
    <x v="1"/>
    <s v="CAD033BF"/>
    <s v="S"/>
    <s v="KY"/>
    <s v="REV"/>
    <s v="974"/>
    <s v="S132940"/>
    <n v="7"/>
    <n v="2016"/>
  </r>
  <r>
    <s v="110"/>
    <d v="2016-07-31T00:00:00"/>
    <x v="11"/>
    <x v="0"/>
    <s v="10828"/>
    <s v="GLNANDA"/>
    <n v="-4883332.62"/>
    <n v="0"/>
    <s v="MACSS BILLED FUEL REVENUE"/>
    <s v="NVS"/>
    <s v="NONBU"/>
    <s v="G0000110"/>
    <s v="N"/>
    <s v="To identify billed fuel revenu"/>
    <s v=""/>
    <x v="1"/>
    <s v="CAD033BF"/>
    <s v="S"/>
    <s v="KY"/>
    <s v="REV"/>
    <s v="974"/>
    <s v="S132940"/>
    <n v="7"/>
    <n v="2016"/>
  </r>
  <r>
    <s v="110"/>
    <d v="2016-07-31T00:00:00"/>
    <x v="8"/>
    <x v="0"/>
    <s v="10828"/>
    <s v="GLNANDA"/>
    <n v="-2946414.59"/>
    <n v="0"/>
    <s v="MACSS BILLED FUEL REVENUE"/>
    <s v="NVS"/>
    <s v="NONBU"/>
    <s v="G0000110"/>
    <s v="N"/>
    <s v="To identify billed fuel revenu"/>
    <s v=""/>
    <x v="1"/>
    <s v="CAD033BF"/>
    <s v="S"/>
    <s v="KY"/>
    <s v="REV"/>
    <s v="974"/>
    <s v="S132940"/>
    <n v="7"/>
    <n v="2016"/>
  </r>
  <r>
    <s v="110"/>
    <d v="2016-07-31T00:00:00"/>
    <x v="5"/>
    <x v="0"/>
    <s v="10828"/>
    <s v="GLNANDA"/>
    <n v="429286.69"/>
    <n v="0"/>
    <s v="MACSS BILLED FUEL REVENUE"/>
    <s v="NVS"/>
    <s v="NONBU"/>
    <s v="G0000110"/>
    <s v="N"/>
    <s v="To identify billed fuel revenu"/>
    <s v=""/>
    <x v="1"/>
    <s v="CAD033BF"/>
    <s v="S"/>
    <s v="KY"/>
    <s v="REV"/>
    <s v="974"/>
    <s v="S132940"/>
    <n v="7"/>
    <n v="2016"/>
  </r>
  <r>
    <s v="110"/>
    <d v="2016-07-31T00:00:00"/>
    <x v="10"/>
    <x v="0"/>
    <s v="10828"/>
    <s v="GLNANDA"/>
    <n v="0"/>
    <n v="0"/>
    <s v="MACSS BILLED FUEL REVENUE"/>
    <s v="NVS"/>
    <s v="NONBU"/>
    <s v="G0000110"/>
    <s v="N"/>
    <s v="To identify billed fuel revenu"/>
    <s v=""/>
    <x v="1"/>
    <s v="CAD033BF"/>
    <s v="S"/>
    <s v="KY"/>
    <s v="REV"/>
    <s v="974"/>
    <s v="S132940"/>
    <n v="7"/>
    <n v="2016"/>
  </r>
  <r>
    <s v="110"/>
    <d v="2016-07-31T00:00:00"/>
    <x v="9"/>
    <x v="0"/>
    <s v="10828"/>
    <s v="GLNANDA"/>
    <n v="0"/>
    <n v="0"/>
    <s v="MACSS BILLED FUEL REVENUE"/>
    <s v="NVS"/>
    <s v="NONBU"/>
    <s v="G0000110"/>
    <s v="N"/>
    <s v="To identify billed fuel revenu"/>
    <s v=""/>
    <x v="1"/>
    <s v="CAD033BF"/>
    <s v="S"/>
    <s v="KY"/>
    <s v="REV"/>
    <s v="974"/>
    <s v="S132940"/>
    <n v="7"/>
    <n v="2016"/>
  </r>
  <r>
    <s v="110"/>
    <d v="2016-07-31T00:00:00"/>
    <x v="13"/>
    <x v="0"/>
    <s v="10828"/>
    <s v="GLNANDA"/>
    <n v="-17445.490000000002"/>
    <n v="0"/>
    <s v="MACSS BILLED FUEL REVENUE"/>
    <s v="NVS"/>
    <s v="NONBU"/>
    <s v="G0000110"/>
    <s v="N"/>
    <s v="To identify billed fuel revenu"/>
    <s v=""/>
    <x v="1"/>
    <s v="CAD033BF"/>
    <s v="S"/>
    <s v="KY"/>
    <s v="REV"/>
    <s v="974"/>
    <s v="S132940"/>
    <n v="7"/>
    <n v="2016"/>
  </r>
  <r>
    <s v="110"/>
    <d v="2016-07-31T00:00:00"/>
    <x v="6"/>
    <x v="0"/>
    <s v="10828"/>
    <s v="GLNANDA"/>
    <n v="17445.490000000002"/>
    <n v="0"/>
    <s v="MACSS BILLED FUEL REVENUE"/>
    <s v="NVS"/>
    <s v="NONBU"/>
    <s v="G0000110"/>
    <s v="N"/>
    <s v="To identify billed fuel revenu"/>
    <s v=""/>
    <x v="1"/>
    <s v="CAD033BF"/>
    <s v="S"/>
    <s v="KY"/>
    <s v="REV"/>
    <s v="974"/>
    <s v="S132940"/>
    <n v="7"/>
    <n v="2016"/>
  </r>
  <r>
    <s v="110"/>
    <d v="2016-06-30T00:00:00"/>
    <x v="10"/>
    <x v="0"/>
    <s v="10828"/>
    <s v="GLNANDA"/>
    <n v="0"/>
    <n v="0"/>
    <s v="MACSS BILLED FUEL REVENUE"/>
    <s v="NVS"/>
    <s v="NONBU"/>
    <s v="G0000110"/>
    <s v="N"/>
    <s v="To identify billed fuel revenu"/>
    <s v=""/>
    <x v="1"/>
    <s v="CAD033BF"/>
    <s v="S"/>
    <s v="KY"/>
    <s v="REV"/>
    <s v="974"/>
    <s v="S132940"/>
    <n v="6"/>
    <n v="2016"/>
  </r>
  <r>
    <s v="110"/>
    <d v="2016-06-30T00:00:00"/>
    <x v="15"/>
    <x v="0"/>
    <s v="10828"/>
    <s v="GLNANDA"/>
    <n v="0"/>
    <n v="0"/>
    <s v="MACSS BILLED FUEL REVENUE"/>
    <s v="NVS"/>
    <s v="NONBU"/>
    <s v="G0000110"/>
    <s v="N"/>
    <s v="To identify billed fuel revenu"/>
    <s v=""/>
    <x v="1"/>
    <s v="CAD033BF"/>
    <s v="S"/>
    <s v="KY"/>
    <s v="REV"/>
    <s v="974"/>
    <s v="S132940"/>
    <n v="6"/>
    <n v="2016"/>
  </r>
  <r>
    <s v="110"/>
    <d v="2016-06-30T00:00:00"/>
    <x v="11"/>
    <x v="0"/>
    <s v="10828"/>
    <s v="GLNANDA"/>
    <n v="-5773480.3099999996"/>
    <n v="0"/>
    <s v="MACSS BILLED FUEL REVENUE"/>
    <s v="NVS"/>
    <s v="NONBU"/>
    <s v="G0000110"/>
    <s v="N"/>
    <s v="To identify billed fuel revenu"/>
    <s v=""/>
    <x v="1"/>
    <s v="CAD033BF"/>
    <s v="S"/>
    <s v="KY"/>
    <s v="REV"/>
    <s v="974"/>
    <s v="S132940"/>
    <n v="6"/>
    <n v="2016"/>
  </r>
  <r>
    <s v="110"/>
    <d v="2016-06-30T00:00:00"/>
    <x v="12"/>
    <x v="0"/>
    <s v="10828"/>
    <s v="GLNANDA"/>
    <n v="0"/>
    <n v="0"/>
    <s v="MACSS BILLED FUEL REVENUE"/>
    <s v="NVS"/>
    <s v="NONBU"/>
    <s v="G0000110"/>
    <s v="N"/>
    <s v="To identify billed fuel revenu"/>
    <s v=""/>
    <x v="1"/>
    <s v="CAD033BF"/>
    <s v="S"/>
    <s v="KY"/>
    <s v="REV"/>
    <s v="974"/>
    <s v="S132940"/>
    <n v="6"/>
    <n v="2016"/>
  </r>
  <r>
    <s v="110"/>
    <d v="2016-06-30T00:00:00"/>
    <x v="13"/>
    <x v="0"/>
    <s v="10828"/>
    <s v="GLNANDA"/>
    <n v="-17230.03"/>
    <n v="0"/>
    <s v="MACSS BILLED FUEL REVENUE"/>
    <s v="NVS"/>
    <s v="NONBU"/>
    <s v="G0000110"/>
    <s v="N"/>
    <s v="To identify billed fuel revenu"/>
    <s v=""/>
    <x v="1"/>
    <s v="CAD033BF"/>
    <s v="S"/>
    <s v="KY"/>
    <s v="REV"/>
    <s v="974"/>
    <s v="S132940"/>
    <n v="6"/>
    <n v="2016"/>
  </r>
  <r>
    <s v="110"/>
    <d v="2016-06-30T00:00:00"/>
    <x v="8"/>
    <x v="0"/>
    <s v="10828"/>
    <s v="GLNANDA"/>
    <n v="-2818263.49"/>
    <n v="0"/>
    <s v="MACSS BILLED FUEL REVENUE"/>
    <s v="NVS"/>
    <s v="NONBU"/>
    <s v="G0000110"/>
    <s v="N"/>
    <s v="To identify billed fuel revenu"/>
    <s v=""/>
    <x v="1"/>
    <s v="CAD033BF"/>
    <s v="S"/>
    <s v="KY"/>
    <s v="REV"/>
    <s v="974"/>
    <s v="S132940"/>
    <n v="6"/>
    <n v="2016"/>
  </r>
  <r>
    <s v="110"/>
    <d v="2016-06-30T00:00:00"/>
    <x v="14"/>
    <x v="0"/>
    <s v="10828"/>
    <s v="GLNANDA"/>
    <n v="-3752319.01"/>
    <n v="0"/>
    <s v="MACSS BILLED FUEL REVENUE"/>
    <s v="NVS"/>
    <s v="NONBU"/>
    <s v="G0000110"/>
    <s v="N"/>
    <s v="To identify billed fuel revenu"/>
    <s v=""/>
    <x v="1"/>
    <s v="CAD033BF"/>
    <s v="S"/>
    <s v="KY"/>
    <s v="REV"/>
    <s v="974"/>
    <s v="S132940"/>
    <n v="6"/>
    <n v="2016"/>
  </r>
  <r>
    <s v="110"/>
    <d v="2016-06-30T00:00:00"/>
    <x v="7"/>
    <x v="0"/>
    <s v="10828"/>
    <s v="GLNANDA"/>
    <n v="332882.27"/>
    <n v="0"/>
    <s v="MACSS BILLED FUEL REVENUE"/>
    <s v="NVS"/>
    <s v="NONBU"/>
    <s v="G0000110"/>
    <s v="N"/>
    <s v="To identify billed fuel revenu"/>
    <s v=""/>
    <x v="1"/>
    <s v="CAD033BF"/>
    <s v="S"/>
    <s v="KY"/>
    <s v="REV"/>
    <s v="974"/>
    <s v="S132940"/>
    <n v="6"/>
    <n v="2016"/>
  </r>
  <r>
    <s v="110"/>
    <d v="2016-06-30T00:00:00"/>
    <x v="2"/>
    <x v="0"/>
    <s v="10828"/>
    <s v="GLNANDA"/>
    <n v="2077093.89"/>
    <n v="0"/>
    <s v="MACSS BILLED FUEL REVENUE"/>
    <s v="NVS"/>
    <s v="NONBU"/>
    <s v="G0000110"/>
    <s v="N"/>
    <s v="To identify billed fuel revenu"/>
    <s v=""/>
    <x v="1"/>
    <s v="CAD033BF"/>
    <s v="S"/>
    <s v="KY"/>
    <s v="REV"/>
    <s v="974"/>
    <s v="S132940"/>
    <n v="6"/>
    <n v="2016"/>
  </r>
  <r>
    <s v="110"/>
    <d v="2016-06-30T00:00:00"/>
    <x v="4"/>
    <x v="0"/>
    <s v="10828"/>
    <s v="GLNANDA"/>
    <n v="2456048.69"/>
    <n v="0"/>
    <s v="MACSS BILLED FUEL REVENUE"/>
    <s v="NVS"/>
    <s v="NONBU"/>
    <s v="G0000110"/>
    <s v="N"/>
    <s v="To identify billed fuel revenu"/>
    <s v=""/>
    <x v="1"/>
    <s v="CAD033BF"/>
    <s v="S"/>
    <s v="KY"/>
    <s v="REV"/>
    <s v="974"/>
    <s v="S132940"/>
    <n v="6"/>
    <n v="2016"/>
  </r>
  <r>
    <s v="110"/>
    <d v="2016-06-30T00:00:00"/>
    <x v="9"/>
    <x v="0"/>
    <s v="10828"/>
    <s v="GLNANDA"/>
    <n v="0"/>
    <n v="0"/>
    <s v="MACSS BILLED FUEL REVENUE"/>
    <s v="NVS"/>
    <s v="NONBU"/>
    <s v="G0000110"/>
    <s v="N"/>
    <s v="To identify billed fuel revenu"/>
    <s v=""/>
    <x v="1"/>
    <s v="CAD033BF"/>
    <s v="S"/>
    <s v="KY"/>
    <s v="REV"/>
    <s v="974"/>
    <s v="S132940"/>
    <n v="6"/>
    <n v="2016"/>
  </r>
  <r>
    <s v="110"/>
    <d v="2016-06-30T00:00:00"/>
    <x v="6"/>
    <x v="0"/>
    <s v="10828"/>
    <s v="GLNANDA"/>
    <n v="17230.03"/>
    <n v="0"/>
    <s v="MACSS BILLED FUEL REVENUE"/>
    <s v="NVS"/>
    <s v="NONBU"/>
    <s v="G0000110"/>
    <s v="N"/>
    <s v="To identify billed fuel revenu"/>
    <s v=""/>
    <x v="1"/>
    <s v="CAD033BF"/>
    <s v="S"/>
    <s v="KY"/>
    <s v="REV"/>
    <s v="974"/>
    <s v="S132940"/>
    <n v="6"/>
    <n v="2016"/>
  </r>
  <r>
    <s v="110"/>
    <d v="2016-06-30T00:00:00"/>
    <x v="0"/>
    <x v="0"/>
    <s v="10828"/>
    <s v="GLNANDA"/>
    <n v="5061371.58"/>
    <n v="0"/>
    <s v="MACSS BILLED FUEL REVENUE"/>
    <s v="NVS"/>
    <s v="NONBU"/>
    <s v="G0000110"/>
    <s v="N"/>
    <s v="To identify billed fuel revenu"/>
    <s v=""/>
    <x v="1"/>
    <s v="CAD033BF"/>
    <s v="S"/>
    <s v="KY"/>
    <s v="REV"/>
    <s v="974"/>
    <s v="S132940"/>
    <n v="6"/>
    <n v="2016"/>
  </r>
  <r>
    <s v="110"/>
    <d v="2016-06-30T00:00:00"/>
    <x v="5"/>
    <x v="0"/>
    <s v="10828"/>
    <s v="GLNANDA"/>
    <n v="408287.33"/>
    <n v="0"/>
    <s v="MACSS BILLED FUEL REVENUE"/>
    <s v="NVS"/>
    <s v="NONBU"/>
    <s v="G0000110"/>
    <s v="N"/>
    <s v="To identify billed fuel revenu"/>
    <s v=""/>
    <x v="1"/>
    <s v="CAD033BF"/>
    <s v="S"/>
    <s v="KY"/>
    <s v="REV"/>
    <s v="974"/>
    <s v="S132940"/>
    <n v="6"/>
    <n v="2016"/>
  </r>
  <r>
    <s v="110"/>
    <d v="2016-06-30T00:00:00"/>
    <x v="1"/>
    <x v="0"/>
    <s v="10828"/>
    <s v="GLNANDA"/>
    <n v="1296270.32"/>
    <n v="0"/>
    <s v="MACSS BILLED FUEL REVENUE"/>
    <s v="NVS"/>
    <s v="NONBU"/>
    <s v="G0000110"/>
    <s v="N"/>
    <s v="To identify billed fuel revenu"/>
    <s v=""/>
    <x v="1"/>
    <s v="CAD033BF"/>
    <s v="S"/>
    <s v="KY"/>
    <s v="REV"/>
    <s v="974"/>
    <s v="S132940"/>
    <n v="6"/>
    <n v="2016"/>
  </r>
  <r>
    <s v="110"/>
    <d v="2016-06-30T00:00:00"/>
    <x v="3"/>
    <x v="0"/>
    <s v="10828"/>
    <s v="GLNANDA"/>
    <n v="712108.73"/>
    <n v="0"/>
    <s v="MACSS BILLED FUEL REVENUE"/>
    <s v="NVS"/>
    <s v="NONBU"/>
    <s v="G0000110"/>
    <s v="N"/>
    <s v="To identify billed fuel revenu"/>
    <s v=""/>
    <x v="1"/>
    <s v="CAD033BF"/>
    <s v="S"/>
    <s v="KY"/>
    <s v="REV"/>
    <s v="974"/>
    <s v="S132940"/>
    <n v="6"/>
    <n v="2016"/>
  </r>
  <r>
    <s v="110"/>
    <d v="2016-05-31T00:00:00"/>
    <x v="3"/>
    <x v="0"/>
    <s v="10828"/>
    <s v="GLNANDA"/>
    <n v="794174.62"/>
    <n v="0"/>
    <s v="MACSS BILLED FUEL REVENUE"/>
    <s v="NVS"/>
    <s v="NONBU"/>
    <s v="G0000110"/>
    <s v="N"/>
    <s v="To identify billed fuel revenu"/>
    <s v=""/>
    <x v="1"/>
    <s v="CAD033BF"/>
    <s v="S"/>
    <s v="KY"/>
    <s v="REV"/>
    <s v="974"/>
    <s v="S132940"/>
    <n v="5"/>
    <n v="2016"/>
  </r>
  <r>
    <s v="110"/>
    <d v="2016-05-31T00:00:00"/>
    <x v="12"/>
    <x v="0"/>
    <s v="10828"/>
    <s v="GLNANDA"/>
    <n v="0"/>
    <n v="0"/>
    <s v="MACSS BILLED FUEL REVENUE"/>
    <s v="NVS"/>
    <s v="NONBU"/>
    <s v="G0000110"/>
    <s v="N"/>
    <s v="To identify billed fuel revenu"/>
    <s v=""/>
    <x v="1"/>
    <s v="CAD033BF"/>
    <s v="S"/>
    <s v="KY"/>
    <s v="REV"/>
    <s v="974"/>
    <s v="S132940"/>
    <n v="5"/>
    <n v="2016"/>
  </r>
  <r>
    <s v="110"/>
    <d v="2016-05-31T00:00:00"/>
    <x v="2"/>
    <x v="0"/>
    <s v="10828"/>
    <s v="GLNANDA"/>
    <n v="1979734.84"/>
    <n v="0"/>
    <s v="MACSS BILLED FUEL REVENUE"/>
    <s v="NVS"/>
    <s v="NONBU"/>
    <s v="G0000110"/>
    <s v="N"/>
    <s v="To identify billed fuel revenu"/>
    <s v=""/>
    <x v="1"/>
    <s v="CAD033BF"/>
    <s v="S"/>
    <s v="KY"/>
    <s v="REV"/>
    <s v="974"/>
    <s v="S132940"/>
    <n v="5"/>
    <n v="2016"/>
  </r>
  <r>
    <s v="110"/>
    <d v="2016-05-31T00:00:00"/>
    <x v="9"/>
    <x v="0"/>
    <s v="10828"/>
    <s v="GLNANDA"/>
    <n v="0"/>
    <n v="0"/>
    <s v="MACSS BILLED FUEL REVENUE"/>
    <s v="NVS"/>
    <s v="NONBU"/>
    <s v="G0000110"/>
    <s v="N"/>
    <s v="To identify billed fuel revenu"/>
    <s v=""/>
    <x v="1"/>
    <s v="CAD033BF"/>
    <s v="S"/>
    <s v="KY"/>
    <s v="REV"/>
    <s v="974"/>
    <s v="S132940"/>
    <n v="5"/>
    <n v="2016"/>
  </r>
  <r>
    <s v="110"/>
    <d v="2016-05-31T00:00:00"/>
    <x v="7"/>
    <x v="0"/>
    <s v="10828"/>
    <s v="GLNANDA"/>
    <n v="347934.78"/>
    <n v="0"/>
    <s v="MACSS BILLED FUEL REVENUE"/>
    <s v="NVS"/>
    <s v="NONBU"/>
    <s v="G0000110"/>
    <s v="N"/>
    <s v="To identify billed fuel revenu"/>
    <s v=""/>
    <x v="1"/>
    <s v="CAD033BF"/>
    <s v="S"/>
    <s v="KY"/>
    <s v="REV"/>
    <s v="974"/>
    <s v="S132940"/>
    <n v="5"/>
    <n v="2016"/>
  </r>
  <r>
    <s v="110"/>
    <d v="2016-05-31T00:00:00"/>
    <x v="10"/>
    <x v="0"/>
    <s v="10828"/>
    <s v="GLNANDA"/>
    <n v="0"/>
    <n v="0"/>
    <s v="MACSS BILLED FUEL REVENUE"/>
    <s v="NVS"/>
    <s v="NONBU"/>
    <s v="G0000110"/>
    <s v="N"/>
    <s v="To identify billed fuel revenu"/>
    <s v=""/>
    <x v="1"/>
    <s v="CAD033BF"/>
    <s v="S"/>
    <s v="KY"/>
    <s v="REV"/>
    <s v="974"/>
    <s v="S132940"/>
    <n v="5"/>
    <n v="2016"/>
  </r>
  <r>
    <s v="110"/>
    <d v="2016-05-31T00:00:00"/>
    <x v="13"/>
    <x v="0"/>
    <s v="10828"/>
    <s v="GLNANDA"/>
    <n v="-20217.75"/>
    <n v="0"/>
    <s v="MACSS BILLED FUEL REVENUE"/>
    <s v="NVS"/>
    <s v="NONBU"/>
    <s v="G0000110"/>
    <s v="N"/>
    <s v="To identify billed fuel revenu"/>
    <s v=""/>
    <x v="1"/>
    <s v="CAD033BF"/>
    <s v="S"/>
    <s v="KY"/>
    <s v="REV"/>
    <s v="974"/>
    <s v="S132940"/>
    <n v="5"/>
    <n v="2016"/>
  </r>
  <r>
    <s v="110"/>
    <d v="2016-05-31T00:00:00"/>
    <x v="1"/>
    <x v="0"/>
    <s v="10828"/>
    <s v="GLNANDA"/>
    <n v="1070809.3799999999"/>
    <n v="0"/>
    <s v="MACSS BILLED FUEL REVENUE"/>
    <s v="NVS"/>
    <s v="NONBU"/>
    <s v="G0000110"/>
    <s v="N"/>
    <s v="To identify billed fuel revenu"/>
    <s v=""/>
    <x v="1"/>
    <s v="CAD033BF"/>
    <s v="S"/>
    <s v="KY"/>
    <s v="REV"/>
    <s v="974"/>
    <s v="S132940"/>
    <n v="5"/>
    <n v="2016"/>
  </r>
  <r>
    <s v="110"/>
    <d v="2016-05-31T00:00:00"/>
    <x v="0"/>
    <x v="0"/>
    <s v="10828"/>
    <s v="GLNANDA"/>
    <n v="4732419.62"/>
    <n v="0"/>
    <s v="MACSS BILLED FUEL REVENUE"/>
    <s v="NVS"/>
    <s v="NONBU"/>
    <s v="G0000110"/>
    <s v="N"/>
    <s v="To identify billed fuel revenu"/>
    <s v=""/>
    <x v="1"/>
    <s v="CAD033BF"/>
    <s v="S"/>
    <s v="KY"/>
    <s v="REV"/>
    <s v="974"/>
    <s v="S132940"/>
    <n v="5"/>
    <n v="2016"/>
  </r>
  <r>
    <s v="110"/>
    <d v="2016-05-31T00:00:00"/>
    <x v="6"/>
    <x v="0"/>
    <s v="10828"/>
    <s v="GLNANDA"/>
    <n v="20217.75"/>
    <n v="0"/>
    <s v="MACSS BILLED FUEL REVENUE"/>
    <s v="NVS"/>
    <s v="NONBU"/>
    <s v="G0000110"/>
    <s v="N"/>
    <s v="To identify billed fuel revenu"/>
    <s v=""/>
    <x v="1"/>
    <s v="CAD033BF"/>
    <s v="S"/>
    <s v="KY"/>
    <s v="REV"/>
    <s v="974"/>
    <s v="S132940"/>
    <n v="5"/>
    <n v="2016"/>
  </r>
  <r>
    <s v="110"/>
    <d v="2016-05-31T00:00:00"/>
    <x v="14"/>
    <x v="0"/>
    <s v="10828"/>
    <s v="GLNANDA"/>
    <n v="-3340272.78"/>
    <n v="0"/>
    <s v="MACSS BILLED FUEL REVENUE"/>
    <s v="NVS"/>
    <s v="NONBU"/>
    <s v="G0000110"/>
    <s v="N"/>
    <s v="To identify billed fuel revenu"/>
    <s v=""/>
    <x v="1"/>
    <s v="CAD033BF"/>
    <s v="S"/>
    <s v="KY"/>
    <s v="REV"/>
    <s v="974"/>
    <s v="S132940"/>
    <n v="5"/>
    <n v="2016"/>
  </r>
  <r>
    <s v="110"/>
    <d v="2016-05-31T00:00:00"/>
    <x v="4"/>
    <x v="0"/>
    <s v="10828"/>
    <s v="GLNANDA"/>
    <n v="2269463.4"/>
    <n v="0"/>
    <s v="MACSS BILLED FUEL REVENUE"/>
    <s v="NVS"/>
    <s v="NONBU"/>
    <s v="G0000110"/>
    <s v="N"/>
    <s v="To identify billed fuel revenu"/>
    <s v=""/>
    <x v="1"/>
    <s v="CAD033BF"/>
    <s v="S"/>
    <s v="KY"/>
    <s v="REV"/>
    <s v="974"/>
    <s v="S132940"/>
    <n v="5"/>
    <n v="2016"/>
  </r>
  <r>
    <s v="110"/>
    <d v="2016-05-31T00:00:00"/>
    <x v="5"/>
    <x v="0"/>
    <s v="10828"/>
    <s v="GLNANDA"/>
    <n v="389631.19"/>
    <n v="0"/>
    <s v="MACSS BILLED FUEL REVENUE"/>
    <s v="NVS"/>
    <s v="NONBU"/>
    <s v="G0000110"/>
    <s v="N"/>
    <s v="To identify billed fuel revenu"/>
    <s v=""/>
    <x v="1"/>
    <s v="CAD033BF"/>
    <s v="S"/>
    <s v="KY"/>
    <s v="REV"/>
    <s v="974"/>
    <s v="S132940"/>
    <n v="5"/>
    <n v="2016"/>
  </r>
  <r>
    <s v="110"/>
    <d v="2016-05-31T00:00:00"/>
    <x v="11"/>
    <x v="0"/>
    <s v="10828"/>
    <s v="GLNANDA"/>
    <n v="-5526594.2400000002"/>
    <n v="0"/>
    <s v="MACSS BILLED FUEL REVENUE"/>
    <s v="NVS"/>
    <s v="NONBU"/>
    <s v="G0000110"/>
    <s v="N"/>
    <s v="To identify billed fuel revenu"/>
    <s v=""/>
    <x v="1"/>
    <s v="CAD033BF"/>
    <s v="S"/>
    <s v="KY"/>
    <s v="REV"/>
    <s v="974"/>
    <s v="S132940"/>
    <n v="5"/>
    <n v="2016"/>
  </r>
  <r>
    <s v="110"/>
    <d v="2016-05-31T00:00:00"/>
    <x v="15"/>
    <x v="0"/>
    <s v="10828"/>
    <s v="GLNANDA"/>
    <n v="0"/>
    <n v="0"/>
    <s v="MACSS BILLED FUEL REVENUE"/>
    <s v="NVS"/>
    <s v="NONBU"/>
    <s v="G0000110"/>
    <s v="N"/>
    <s v="To identify billed fuel revenu"/>
    <s v=""/>
    <x v="1"/>
    <s v="CAD033BF"/>
    <s v="S"/>
    <s v="KY"/>
    <s v="REV"/>
    <s v="974"/>
    <s v="S132940"/>
    <n v="5"/>
    <n v="2016"/>
  </r>
  <r>
    <s v="110"/>
    <d v="2016-05-31T00:00:00"/>
    <x v="8"/>
    <x v="0"/>
    <s v="10828"/>
    <s v="GLNANDA"/>
    <n v="-2717300.81"/>
    <n v="0"/>
    <s v="MACSS BILLED FUEL REVENUE"/>
    <s v="NVS"/>
    <s v="NONBU"/>
    <s v="G0000110"/>
    <s v="N"/>
    <s v="To identify billed fuel revenu"/>
    <s v=""/>
    <x v="1"/>
    <s v="CAD033BF"/>
    <s v="S"/>
    <s v="KY"/>
    <s v="REV"/>
    <s v="974"/>
    <s v="S132940"/>
    <n v="5"/>
    <n v="2016"/>
  </r>
  <r>
    <s v="110"/>
    <d v="2016-04-30T00:00:00"/>
    <x v="8"/>
    <x v="0"/>
    <s v="10828"/>
    <s v="GLNANDA"/>
    <n v="-2599214.7999999998"/>
    <n v="0"/>
    <s v="MACSS BILLED FUEL REVENUE"/>
    <s v="NVS"/>
    <s v="NONBU"/>
    <s v="G0000110"/>
    <s v="N"/>
    <s v="To identify billed fuel revenu"/>
    <s v=""/>
    <x v="1"/>
    <s v="CAD033BF"/>
    <s v="S"/>
    <s v="KY"/>
    <s v="REV"/>
    <s v="974"/>
    <s v="S132940"/>
    <n v="4"/>
    <n v="2016"/>
  </r>
  <r>
    <s v="110"/>
    <d v="2016-04-30T00:00:00"/>
    <x v="11"/>
    <x v="0"/>
    <s v="10828"/>
    <s v="GLNANDA"/>
    <n v="-2975979.95"/>
    <n v="0"/>
    <s v="MACSS BILLED FUEL REVENUE"/>
    <s v="NVS"/>
    <s v="NONBU"/>
    <s v="G0000110"/>
    <s v="N"/>
    <s v="To identify billed fuel revenu"/>
    <s v=""/>
    <x v="1"/>
    <s v="CAD033BF"/>
    <s v="S"/>
    <s v="KY"/>
    <s v="REV"/>
    <s v="974"/>
    <s v="S132940"/>
    <n v="4"/>
    <n v="2016"/>
  </r>
  <r>
    <s v="110"/>
    <d v="2016-04-30T00:00:00"/>
    <x v="12"/>
    <x v="0"/>
    <s v="10828"/>
    <s v="GLNANDA"/>
    <n v="0"/>
    <n v="0"/>
    <s v="MACSS BILLED FUEL REVENUE"/>
    <s v="NVS"/>
    <s v="NONBU"/>
    <s v="G0000110"/>
    <s v="N"/>
    <s v="To identify billed fuel revenu"/>
    <s v=""/>
    <x v="1"/>
    <s v="CAD033BF"/>
    <s v="S"/>
    <s v="KY"/>
    <s v="REV"/>
    <s v="974"/>
    <s v="S132940"/>
    <n v="4"/>
    <n v="2016"/>
  </r>
  <r>
    <s v="110"/>
    <d v="2016-04-30T00:00:00"/>
    <x v="7"/>
    <x v="0"/>
    <s v="10828"/>
    <s v="GLNANDA"/>
    <n v="347616.91"/>
    <n v="0"/>
    <s v="MACSS BILLED FUEL REVENUE"/>
    <s v="NVS"/>
    <s v="NONBU"/>
    <s v="G0000110"/>
    <s v="N"/>
    <s v="To identify billed fuel revenu"/>
    <s v=""/>
    <x v="1"/>
    <s v="CAD033BF"/>
    <s v="S"/>
    <s v="KY"/>
    <s v="REV"/>
    <s v="974"/>
    <s v="S132940"/>
    <n v="4"/>
    <n v="2016"/>
  </r>
  <r>
    <s v="110"/>
    <d v="2016-04-30T00:00:00"/>
    <x v="4"/>
    <x v="0"/>
    <s v="10828"/>
    <s v="GLNANDA"/>
    <n v="2772207.48"/>
    <n v="0"/>
    <s v="MACSS BILLED FUEL REVENUE"/>
    <s v="NVS"/>
    <s v="NONBU"/>
    <s v="G0000110"/>
    <s v="N"/>
    <s v="To identify billed fuel revenu"/>
    <s v=""/>
    <x v="1"/>
    <s v="CAD033BF"/>
    <s v="S"/>
    <s v="KY"/>
    <s v="REV"/>
    <s v="974"/>
    <s v="S132940"/>
    <n v="4"/>
    <n v="2016"/>
  </r>
  <r>
    <s v="110"/>
    <d v="2016-04-30T00:00:00"/>
    <x v="1"/>
    <x v="0"/>
    <s v="10828"/>
    <s v="GLNANDA"/>
    <n v="1171277.3"/>
    <n v="0"/>
    <s v="MACSS BILLED FUEL REVENUE"/>
    <s v="NVS"/>
    <s v="NONBU"/>
    <s v="G0000110"/>
    <s v="N"/>
    <s v="To identify billed fuel revenu"/>
    <s v=""/>
    <x v="1"/>
    <s v="CAD033BF"/>
    <s v="S"/>
    <s v="KY"/>
    <s v="REV"/>
    <s v="974"/>
    <s v="S132940"/>
    <n v="4"/>
    <n v="2016"/>
  </r>
  <r>
    <s v="110"/>
    <d v="2016-04-30T00:00:00"/>
    <x v="14"/>
    <x v="0"/>
    <s v="10828"/>
    <s v="GLNANDA"/>
    <n v="-3943484.78"/>
    <n v="0"/>
    <s v="MACSS BILLED FUEL REVENUE"/>
    <s v="NVS"/>
    <s v="NONBU"/>
    <s v="G0000110"/>
    <s v="N"/>
    <s v="To identify billed fuel revenu"/>
    <s v=""/>
    <x v="1"/>
    <s v="CAD033BF"/>
    <s v="S"/>
    <s v="KY"/>
    <s v="REV"/>
    <s v="974"/>
    <s v="S132940"/>
    <n v="4"/>
    <n v="2016"/>
  </r>
  <r>
    <s v="110"/>
    <d v="2016-04-30T00:00:00"/>
    <x v="2"/>
    <x v="0"/>
    <s v="10828"/>
    <s v="GLNANDA"/>
    <n v="1868757.82"/>
    <n v="0"/>
    <s v="MACSS BILLED FUEL REVENUE"/>
    <s v="NVS"/>
    <s v="NONBU"/>
    <s v="G0000110"/>
    <s v="N"/>
    <s v="To identify billed fuel revenu"/>
    <s v=""/>
    <x v="1"/>
    <s v="CAD033BF"/>
    <s v="S"/>
    <s v="KY"/>
    <s v="REV"/>
    <s v="974"/>
    <s v="S132940"/>
    <n v="4"/>
    <n v="2016"/>
  </r>
  <r>
    <s v="110"/>
    <d v="2016-04-30T00:00:00"/>
    <x v="0"/>
    <x v="0"/>
    <s v="10828"/>
    <s v="GLNANDA"/>
    <n v="2036799.84"/>
    <n v="0"/>
    <s v="MACSS BILLED FUEL REVENUE"/>
    <s v="NVS"/>
    <s v="NONBU"/>
    <s v="G0000110"/>
    <s v="N"/>
    <s v="To identify billed fuel revenu"/>
    <s v=""/>
    <x v="1"/>
    <s v="CAD033BF"/>
    <s v="S"/>
    <s v="KY"/>
    <s v="REV"/>
    <s v="974"/>
    <s v="S132940"/>
    <n v="4"/>
    <n v="2016"/>
  </r>
  <r>
    <s v="110"/>
    <d v="2016-04-30T00:00:00"/>
    <x v="3"/>
    <x v="0"/>
    <s v="10828"/>
    <s v="GLNANDA"/>
    <n v="939180.11"/>
    <n v="0"/>
    <s v="MACSS BILLED FUEL REVENUE"/>
    <s v="NVS"/>
    <s v="NONBU"/>
    <s v="G0000110"/>
    <s v="N"/>
    <s v="To identify billed fuel revenu"/>
    <s v=""/>
    <x v="1"/>
    <s v="CAD033BF"/>
    <s v="S"/>
    <s v="KY"/>
    <s v="REV"/>
    <s v="974"/>
    <s v="S132940"/>
    <n v="4"/>
    <n v="2016"/>
  </r>
  <r>
    <s v="110"/>
    <d v="2016-04-30T00:00:00"/>
    <x v="15"/>
    <x v="0"/>
    <s v="10828"/>
    <s v="GLNANDA"/>
    <n v="0"/>
    <n v="0"/>
    <s v="MACSS BILLED FUEL REVENUE"/>
    <s v="NVS"/>
    <s v="NONBU"/>
    <s v="G0000110"/>
    <s v="N"/>
    <s v="To identify billed fuel revenu"/>
    <s v=""/>
    <x v="1"/>
    <s v="CAD033BF"/>
    <s v="S"/>
    <s v="KY"/>
    <s v="REV"/>
    <s v="974"/>
    <s v="S132940"/>
    <n v="4"/>
    <n v="2016"/>
  </r>
  <r>
    <s v="110"/>
    <d v="2016-04-30T00:00:00"/>
    <x v="6"/>
    <x v="0"/>
    <s v="10828"/>
    <s v="GLNANDA"/>
    <n v="21696.959999999999"/>
    <n v="0"/>
    <s v="MACSS BILLED FUEL REVENUE"/>
    <s v="NVS"/>
    <s v="NONBU"/>
    <s v="G0000110"/>
    <s v="N"/>
    <s v="To identify billed fuel revenu"/>
    <s v=""/>
    <x v="1"/>
    <s v="CAD033BF"/>
    <s v="S"/>
    <s v="KY"/>
    <s v="REV"/>
    <s v="974"/>
    <s v="S132940"/>
    <n v="4"/>
    <n v="2016"/>
  </r>
  <r>
    <s v="110"/>
    <d v="2016-04-30T00:00:00"/>
    <x v="13"/>
    <x v="0"/>
    <s v="10828"/>
    <s v="GLNANDA"/>
    <n v="-21696.959999999999"/>
    <n v="0"/>
    <s v="MACSS BILLED FUEL REVENUE"/>
    <s v="NVS"/>
    <s v="NONBU"/>
    <s v="G0000110"/>
    <s v="N"/>
    <s v="To identify billed fuel revenu"/>
    <s v=""/>
    <x v="1"/>
    <s v="CAD033BF"/>
    <s v="S"/>
    <s v="KY"/>
    <s v="REV"/>
    <s v="974"/>
    <s v="S132940"/>
    <n v="4"/>
    <n v="2016"/>
  </r>
  <r>
    <s v="110"/>
    <d v="2016-04-30T00:00:00"/>
    <x v="10"/>
    <x v="0"/>
    <s v="10828"/>
    <s v="GLNANDA"/>
    <n v="0"/>
    <n v="0"/>
    <s v="MACSS BILLED FUEL REVENUE"/>
    <s v="NVS"/>
    <s v="NONBU"/>
    <s v="G0000110"/>
    <s v="N"/>
    <s v="To identify billed fuel revenu"/>
    <s v=""/>
    <x v="1"/>
    <s v="CAD033BF"/>
    <s v="S"/>
    <s v="KY"/>
    <s v="REV"/>
    <s v="974"/>
    <s v="S132940"/>
    <n v="4"/>
    <n v="2016"/>
  </r>
  <r>
    <s v="110"/>
    <d v="2016-04-30T00:00:00"/>
    <x v="9"/>
    <x v="0"/>
    <s v="10828"/>
    <s v="GLNANDA"/>
    <n v="0"/>
    <n v="0"/>
    <s v="MACSS BILLED FUEL REVENUE"/>
    <s v="NVS"/>
    <s v="NONBU"/>
    <s v="G0000110"/>
    <s v="N"/>
    <s v="To identify billed fuel revenu"/>
    <s v=""/>
    <x v="1"/>
    <s v="CAD033BF"/>
    <s v="S"/>
    <s v="KY"/>
    <s v="REV"/>
    <s v="974"/>
    <s v="S132940"/>
    <n v="4"/>
    <n v="2016"/>
  </r>
  <r>
    <s v="110"/>
    <d v="2016-04-30T00:00:00"/>
    <x v="5"/>
    <x v="0"/>
    <s v="10828"/>
    <s v="GLNANDA"/>
    <n v="382840.07"/>
    <n v="0"/>
    <s v="MACSS BILLED FUEL REVENUE"/>
    <s v="NVS"/>
    <s v="NONBU"/>
    <s v="G0000110"/>
    <s v="N"/>
    <s v="To identify billed fuel revenu"/>
    <s v=""/>
    <x v="1"/>
    <s v="CAD033BF"/>
    <s v="S"/>
    <s v="KY"/>
    <s v="REV"/>
    <s v="974"/>
    <s v="S132940"/>
    <n v="4"/>
    <n v="2016"/>
  </r>
  <r>
    <s v="110"/>
    <d v="2016-03-31T00:00:00"/>
    <x v="15"/>
    <x v="0"/>
    <s v="10828"/>
    <s v="GLNANDA"/>
    <n v="0"/>
    <n v="0"/>
    <s v="MACSS BILLED FUEL REVENUE"/>
    <s v="NVS"/>
    <s v="NONBU"/>
    <s v="G0000110"/>
    <s v="N"/>
    <s v="To identify billed fuel revenu"/>
    <s v=""/>
    <x v="1"/>
    <s v="CAD033BF"/>
    <s v="S"/>
    <s v="KY"/>
    <s v="REV"/>
    <s v="974"/>
    <s v="S132940"/>
    <n v="3"/>
    <n v="2016"/>
  </r>
  <r>
    <s v="110"/>
    <d v="2016-03-31T00:00:00"/>
    <x v="8"/>
    <x v="0"/>
    <s v="10828"/>
    <s v="GLNANDA"/>
    <n v="-2989427.72"/>
    <n v="0"/>
    <s v="MACSS BILLED FUEL REVENUE"/>
    <s v="NVS"/>
    <s v="NONBU"/>
    <s v="G0000110"/>
    <s v="N"/>
    <s v="To identify billed fuel revenu"/>
    <s v=""/>
    <x v="1"/>
    <s v="CAD033BF"/>
    <s v="S"/>
    <s v="KY"/>
    <s v="REV"/>
    <s v="974"/>
    <s v="S132940"/>
    <n v="3"/>
    <n v="2016"/>
  </r>
  <r>
    <s v="110"/>
    <d v="2016-03-31T00:00:00"/>
    <x v="7"/>
    <x v="0"/>
    <s v="10828"/>
    <s v="GLNANDA"/>
    <n v="397383.1"/>
    <n v="0"/>
    <s v="MACSS BILLED FUEL REVENUE"/>
    <s v="NVS"/>
    <s v="NONBU"/>
    <s v="G0000110"/>
    <s v="N"/>
    <s v="To identify billed fuel revenu"/>
    <s v=""/>
    <x v="1"/>
    <s v="CAD033BF"/>
    <s v="S"/>
    <s v="KY"/>
    <s v="REV"/>
    <s v="974"/>
    <s v="S132940"/>
    <n v="3"/>
    <n v="2016"/>
  </r>
  <r>
    <s v="110"/>
    <d v="2016-03-31T00:00:00"/>
    <x v="10"/>
    <x v="0"/>
    <s v="10828"/>
    <s v="GLNANDA"/>
    <n v="0"/>
    <n v="0"/>
    <s v="MACSS BILLED FUEL REVENUE"/>
    <s v="NVS"/>
    <s v="NONBU"/>
    <s v="G0000110"/>
    <s v="N"/>
    <s v="To identify billed fuel revenu"/>
    <s v=""/>
    <x v="1"/>
    <s v="CAD033BF"/>
    <s v="S"/>
    <s v="KY"/>
    <s v="REV"/>
    <s v="974"/>
    <s v="S132940"/>
    <n v="3"/>
    <n v="2016"/>
  </r>
  <r>
    <s v="110"/>
    <d v="2016-03-31T00:00:00"/>
    <x v="2"/>
    <x v="0"/>
    <s v="10828"/>
    <s v="GLNANDA"/>
    <n v="2169820.89"/>
    <n v="0"/>
    <s v="MACSS BILLED FUEL REVENUE"/>
    <s v="NVS"/>
    <s v="NONBU"/>
    <s v="G0000110"/>
    <s v="N"/>
    <s v="To identify billed fuel revenu"/>
    <s v=""/>
    <x v="1"/>
    <s v="CAD033BF"/>
    <s v="S"/>
    <s v="KY"/>
    <s v="REV"/>
    <s v="974"/>
    <s v="S132940"/>
    <n v="3"/>
    <n v="2016"/>
  </r>
  <r>
    <s v="110"/>
    <d v="2016-03-31T00:00:00"/>
    <x v="5"/>
    <x v="0"/>
    <s v="10828"/>
    <s v="GLNANDA"/>
    <n v="422223.73"/>
    <n v="0"/>
    <s v="MACSS BILLED FUEL REVENUE"/>
    <s v="NVS"/>
    <s v="NONBU"/>
    <s v="G0000110"/>
    <s v="N"/>
    <s v="To identify billed fuel revenu"/>
    <s v=""/>
    <x v="1"/>
    <s v="CAD033BF"/>
    <s v="S"/>
    <s v="KY"/>
    <s v="REV"/>
    <s v="974"/>
    <s v="S132940"/>
    <n v="3"/>
    <n v="2016"/>
  </r>
  <r>
    <s v="110"/>
    <d v="2016-03-31T00:00:00"/>
    <x v="13"/>
    <x v="0"/>
    <s v="10828"/>
    <s v="GLNANDA"/>
    <n v="-25377.05"/>
    <n v="0"/>
    <s v="MACSS BILLED FUEL REVENUE"/>
    <s v="NVS"/>
    <s v="NONBU"/>
    <s v="G0000110"/>
    <s v="N"/>
    <s v="To identify billed fuel revenu"/>
    <s v=""/>
    <x v="1"/>
    <s v="CAD033BF"/>
    <s v="S"/>
    <s v="KY"/>
    <s v="REV"/>
    <s v="974"/>
    <s v="S132940"/>
    <n v="3"/>
    <n v="2016"/>
  </r>
  <r>
    <s v="110"/>
    <d v="2016-03-31T00:00:00"/>
    <x v="14"/>
    <x v="0"/>
    <s v="10828"/>
    <s v="GLNANDA"/>
    <n v="-5524971.8700000001"/>
    <n v="0"/>
    <s v="MACSS BILLED FUEL REVENUE"/>
    <s v="NVS"/>
    <s v="NONBU"/>
    <s v="G0000110"/>
    <s v="N"/>
    <s v="To identify billed fuel revenu"/>
    <s v=""/>
    <x v="1"/>
    <s v="CAD033BF"/>
    <s v="S"/>
    <s v="KY"/>
    <s v="REV"/>
    <s v="974"/>
    <s v="S132940"/>
    <n v="3"/>
    <n v="2016"/>
  </r>
  <r>
    <s v="110"/>
    <d v="2016-03-31T00:00:00"/>
    <x v="4"/>
    <x v="0"/>
    <s v="10828"/>
    <s v="GLNANDA"/>
    <n v="4017648.22"/>
    <n v="0"/>
    <s v="MACSS BILLED FUEL REVENUE"/>
    <s v="NVS"/>
    <s v="NONBU"/>
    <s v="G0000110"/>
    <s v="N"/>
    <s v="To identify billed fuel revenu"/>
    <s v=""/>
    <x v="1"/>
    <s v="CAD033BF"/>
    <s v="S"/>
    <s v="KY"/>
    <s v="REV"/>
    <s v="974"/>
    <s v="S132940"/>
    <n v="3"/>
    <n v="2016"/>
  </r>
  <r>
    <s v="110"/>
    <d v="2016-03-31T00:00:00"/>
    <x v="9"/>
    <x v="0"/>
    <s v="10828"/>
    <s v="GLNANDA"/>
    <n v="0"/>
    <n v="0"/>
    <s v="MACSS BILLED FUEL REVENUE"/>
    <s v="NVS"/>
    <s v="NONBU"/>
    <s v="G0000110"/>
    <s v="N"/>
    <s v="To identify billed fuel revenu"/>
    <s v=""/>
    <x v="1"/>
    <s v="CAD033BF"/>
    <s v="S"/>
    <s v="KY"/>
    <s v="REV"/>
    <s v="974"/>
    <s v="S132940"/>
    <n v="3"/>
    <n v="2016"/>
  </r>
  <r>
    <s v="110"/>
    <d v="2016-03-31T00:00:00"/>
    <x v="3"/>
    <x v="0"/>
    <s v="10828"/>
    <s v="GLNANDA"/>
    <n v="984134.08"/>
    <n v="0"/>
    <s v="MACSS BILLED FUEL REVENUE"/>
    <s v="NVS"/>
    <s v="NONBU"/>
    <s v="G0000110"/>
    <s v="N"/>
    <s v="To identify billed fuel revenu"/>
    <s v=""/>
    <x v="1"/>
    <s v="CAD033BF"/>
    <s v="S"/>
    <s v="KY"/>
    <s v="REV"/>
    <s v="974"/>
    <s v="S132940"/>
    <n v="3"/>
    <n v="2016"/>
  </r>
  <r>
    <s v="110"/>
    <d v="2016-03-31T00:00:00"/>
    <x v="0"/>
    <x v="0"/>
    <s v="10828"/>
    <s v="GLNANDA"/>
    <n v="4997814.53"/>
    <n v="0"/>
    <s v="MACSS BILLED FUEL REVENUE"/>
    <s v="NVS"/>
    <s v="NONBU"/>
    <s v="G0000110"/>
    <s v="N"/>
    <s v="To identify billed fuel revenu"/>
    <s v=""/>
    <x v="1"/>
    <s v="CAD033BF"/>
    <s v="S"/>
    <s v="KY"/>
    <s v="REV"/>
    <s v="974"/>
    <s v="S132940"/>
    <n v="3"/>
    <n v="2016"/>
  </r>
  <r>
    <s v="110"/>
    <d v="2016-03-31T00:00:00"/>
    <x v="6"/>
    <x v="0"/>
    <s v="10828"/>
    <s v="GLNANDA"/>
    <n v="25377.05"/>
    <n v="0"/>
    <s v="MACSS BILLED FUEL REVENUE"/>
    <s v="NVS"/>
    <s v="NONBU"/>
    <s v="G0000110"/>
    <s v="N"/>
    <s v="To identify billed fuel revenu"/>
    <s v=""/>
    <x v="1"/>
    <s v="CAD033BF"/>
    <s v="S"/>
    <s v="KY"/>
    <s v="REV"/>
    <s v="974"/>
    <s v="S132940"/>
    <n v="3"/>
    <n v="2016"/>
  </r>
  <r>
    <s v="110"/>
    <d v="2016-03-31T00:00:00"/>
    <x v="1"/>
    <x v="0"/>
    <s v="10828"/>
    <s v="GLNANDA"/>
    <n v="1507323.65"/>
    <n v="0"/>
    <s v="MACSS BILLED FUEL REVENUE"/>
    <s v="NVS"/>
    <s v="NONBU"/>
    <s v="G0000110"/>
    <s v="N"/>
    <s v="To identify billed fuel revenu"/>
    <s v=""/>
    <x v="1"/>
    <s v="CAD033BF"/>
    <s v="S"/>
    <s v="KY"/>
    <s v="REV"/>
    <s v="974"/>
    <s v="S132940"/>
    <n v="3"/>
    <n v="2016"/>
  </r>
  <r>
    <s v="110"/>
    <d v="2016-03-31T00:00:00"/>
    <x v="11"/>
    <x v="0"/>
    <s v="10828"/>
    <s v="GLNANDA"/>
    <n v="-5981948.6100000003"/>
    <n v="0"/>
    <s v="MACSS BILLED FUEL REVENUE"/>
    <s v="NVS"/>
    <s v="NONBU"/>
    <s v="G0000110"/>
    <s v="N"/>
    <s v="To identify billed fuel revenu"/>
    <s v=""/>
    <x v="1"/>
    <s v="CAD033BF"/>
    <s v="S"/>
    <s v="KY"/>
    <s v="REV"/>
    <s v="974"/>
    <s v="S132940"/>
    <n v="3"/>
    <n v="2016"/>
  </r>
  <r>
    <s v="110"/>
    <d v="2016-03-31T00:00:00"/>
    <x v="12"/>
    <x v="0"/>
    <s v="10828"/>
    <s v="GLNANDA"/>
    <n v="0"/>
    <n v="0"/>
    <s v="MACSS BILLED FUEL REVENUE"/>
    <s v="NVS"/>
    <s v="NONBU"/>
    <s v="G0000110"/>
    <s v="N"/>
    <s v="To identify billed fuel revenu"/>
    <s v=""/>
    <x v="1"/>
    <s v="CAD033BF"/>
    <s v="S"/>
    <s v="KY"/>
    <s v="REV"/>
    <s v="974"/>
    <s v="S132940"/>
    <n v="3"/>
    <n v="2016"/>
  </r>
  <r>
    <s v="110"/>
    <d v="2017-02-28T00:00:00"/>
    <x v="3"/>
    <x v="0"/>
    <s v="10828"/>
    <s v="GLNANDA"/>
    <n v="0"/>
    <n v="0"/>
    <s v="MACSS ESTIMATED FUEL REVENUE"/>
    <s v="SCP"/>
    <s v="NONBU"/>
    <s v="G0000110"/>
    <s v="N"/>
    <s v="To identify Estimated Fuel Rev"/>
    <s v=""/>
    <x v="2"/>
    <s v="CAD037BF"/>
    <s v="S"/>
    <s v="KY"/>
    <s v="REV"/>
    <s v="974"/>
    <s v="S006819"/>
    <n v="2"/>
    <n v="2017"/>
  </r>
  <r>
    <s v="110"/>
    <d v="2017-02-28T00:00:00"/>
    <x v="0"/>
    <x v="0"/>
    <s v="10828"/>
    <s v="GLNANDA"/>
    <n v="666297.18999999994"/>
    <n v="0"/>
    <s v="MACSS ESTIMATED FUEL REVENUE"/>
    <s v="SCP"/>
    <s v="NONBU"/>
    <s v="G0000110"/>
    <s v="N"/>
    <s v="To identify Estimated Fuel Rev"/>
    <s v=""/>
    <x v="2"/>
    <s v="CAD037BF"/>
    <s v="S"/>
    <s v="KY"/>
    <s v="REV"/>
    <s v="974"/>
    <s v="S006819"/>
    <n v="2"/>
    <n v="2017"/>
  </r>
  <r>
    <s v="110"/>
    <d v="2017-02-28T00:00:00"/>
    <x v="2"/>
    <x v="0"/>
    <s v="10828"/>
    <s v="GLNANDA"/>
    <n v="77714.84"/>
    <n v="0"/>
    <s v="MACSS ESTIMATED FUEL REVENUE"/>
    <s v="SCP"/>
    <s v="NONBU"/>
    <s v="G0000110"/>
    <s v="N"/>
    <s v="To identify Estimated Fuel Rev"/>
    <s v=""/>
    <x v="2"/>
    <s v="CAD037BF"/>
    <s v="S"/>
    <s v="KY"/>
    <s v="REV"/>
    <s v="974"/>
    <s v="S006819"/>
    <n v="2"/>
    <n v="2017"/>
  </r>
  <r>
    <s v="110"/>
    <d v="2017-02-28T00:00:00"/>
    <x v="8"/>
    <x v="0"/>
    <s v="10828"/>
    <s v="GLNANDA"/>
    <n v="-83806.100000000006"/>
    <n v="0"/>
    <s v="MACSS ESTIMATED FUEL REVENUE"/>
    <s v="SCP"/>
    <s v="NONBU"/>
    <s v="G0000110"/>
    <s v="N"/>
    <s v="To identify Estimated Fuel Rev"/>
    <s v=""/>
    <x v="2"/>
    <s v="CAD037BF"/>
    <s v="S"/>
    <s v="KY"/>
    <s v="REV"/>
    <s v="974"/>
    <s v="S006819"/>
    <n v="2"/>
    <n v="2017"/>
  </r>
  <r>
    <s v="110"/>
    <d v="2017-02-28T00:00:00"/>
    <x v="11"/>
    <x v="0"/>
    <s v="10828"/>
    <s v="GLNANDA"/>
    <n v="-666297.18999999994"/>
    <n v="0"/>
    <s v="MACSS ESTIMATED FUEL REVENUE"/>
    <s v="SCP"/>
    <s v="NONBU"/>
    <s v="G0000110"/>
    <s v="N"/>
    <s v="To identify Estimated Fuel Rev"/>
    <s v=""/>
    <x v="2"/>
    <s v="CAD037BF"/>
    <s v="S"/>
    <s v="KY"/>
    <s v="REV"/>
    <s v="974"/>
    <s v="S006819"/>
    <n v="2"/>
    <n v="2017"/>
  </r>
  <r>
    <s v="110"/>
    <d v="2017-02-28T00:00:00"/>
    <x v="7"/>
    <x v="0"/>
    <s v="10828"/>
    <s v="GLNANDA"/>
    <n v="1477.05"/>
    <n v="0"/>
    <s v="MACSS ESTIMATED FUEL REVENUE"/>
    <s v="SCP"/>
    <s v="NONBU"/>
    <s v="G0000110"/>
    <s v="N"/>
    <s v="To identify Estimated Fuel Rev"/>
    <s v=""/>
    <x v="2"/>
    <s v="CAD037BF"/>
    <s v="S"/>
    <s v="KY"/>
    <s v="REV"/>
    <s v="974"/>
    <s v="S006819"/>
    <n v="2"/>
    <n v="2017"/>
  </r>
  <r>
    <s v="110"/>
    <d v="2017-02-28T00:00:00"/>
    <x v="13"/>
    <x v="0"/>
    <s v="10828"/>
    <s v="GLNANDA"/>
    <n v="0"/>
    <n v="0"/>
    <s v="MACSS ESTIMATED FUEL REVENUE"/>
    <s v="SCP"/>
    <s v="NONBU"/>
    <s v="G0000110"/>
    <s v="N"/>
    <s v="To identify Estimated Fuel Rev"/>
    <s v=""/>
    <x v="2"/>
    <s v="CAD037BF"/>
    <s v="S"/>
    <s v="KY"/>
    <s v="REV"/>
    <s v="974"/>
    <s v="S006819"/>
    <n v="2"/>
    <n v="2017"/>
  </r>
  <r>
    <s v="110"/>
    <d v="2017-02-28T00:00:00"/>
    <x v="6"/>
    <x v="0"/>
    <s v="10828"/>
    <s v="GLNANDA"/>
    <n v="0"/>
    <n v="0"/>
    <s v="MACSS ESTIMATED FUEL REVENUE"/>
    <s v="SCP"/>
    <s v="NONBU"/>
    <s v="G0000110"/>
    <s v="N"/>
    <s v="To identify Estimated Fuel Rev"/>
    <s v=""/>
    <x v="2"/>
    <s v="CAD037BF"/>
    <s v="S"/>
    <s v="KY"/>
    <s v="REV"/>
    <s v="974"/>
    <s v="S006819"/>
    <n v="2"/>
    <n v="2017"/>
  </r>
  <r>
    <s v="110"/>
    <d v="2017-02-28T00:00:00"/>
    <x v="5"/>
    <x v="0"/>
    <s v="10828"/>
    <s v="GLNANDA"/>
    <n v="4614.21"/>
    <n v="0"/>
    <s v="MACSS ESTIMATED FUEL REVENUE"/>
    <s v="SCP"/>
    <s v="NONBU"/>
    <s v="G0000110"/>
    <s v="N"/>
    <s v="To identify Estimated Fuel Rev"/>
    <s v=""/>
    <x v="2"/>
    <s v="CAD037BF"/>
    <s v="S"/>
    <s v="KY"/>
    <s v="REV"/>
    <s v="974"/>
    <s v="S006819"/>
    <n v="2"/>
    <n v="2017"/>
  </r>
  <r>
    <s v="110"/>
    <d v="2017-02-01T00:00:00"/>
    <x v="2"/>
    <x v="0"/>
    <s v="10828"/>
    <s v="GLNANDA"/>
    <n v="-65159.99"/>
    <n v="0"/>
    <s v="MACSS ESTIMATED FUEL REVENUE"/>
    <s v="SCP"/>
    <s v="NONBU"/>
    <s v="G0000110"/>
    <s v="N"/>
    <s v="To identify Estimated Fuel Rev"/>
    <s v=""/>
    <x v="2"/>
    <s v="CAD037BF"/>
    <s v="S"/>
    <s v="KY"/>
    <s v="REV"/>
    <s v="974"/>
    <s v="S173443"/>
    <n v="2"/>
    <n v="2017"/>
  </r>
  <r>
    <s v="110"/>
    <d v="2017-02-01T00:00:00"/>
    <x v="3"/>
    <x v="0"/>
    <s v="10828"/>
    <s v="GLNANDA"/>
    <n v="-23844.01"/>
    <n v="0"/>
    <s v="MACSS ESTIMATED FUEL REVENUE"/>
    <s v="SCP"/>
    <s v="NONBU"/>
    <s v="G0000110"/>
    <s v="N"/>
    <s v="To identify Estimated Fuel Rev"/>
    <s v=""/>
    <x v="2"/>
    <s v="CAD037BF"/>
    <s v="S"/>
    <s v="KY"/>
    <s v="REV"/>
    <s v="974"/>
    <s v="S173443"/>
    <n v="2"/>
    <n v="2017"/>
  </r>
  <r>
    <s v="110"/>
    <d v="2017-02-01T00:00:00"/>
    <x v="0"/>
    <x v="0"/>
    <s v="10828"/>
    <s v="GLNANDA"/>
    <n v="-1056651.6399999999"/>
    <n v="0"/>
    <s v="MACSS ESTIMATED FUEL REVENUE"/>
    <s v="SCP"/>
    <s v="NONBU"/>
    <s v="G0000110"/>
    <s v="N"/>
    <s v="To identify Estimated Fuel Rev"/>
    <s v=""/>
    <x v="2"/>
    <s v="CAD037BF"/>
    <s v="S"/>
    <s v="KY"/>
    <s v="REV"/>
    <s v="974"/>
    <s v="S173443"/>
    <n v="2"/>
    <n v="2017"/>
  </r>
  <r>
    <s v="110"/>
    <d v="2017-02-01T00:00:00"/>
    <x v="5"/>
    <x v="0"/>
    <s v="10828"/>
    <s v="GLNANDA"/>
    <n v="-4858.3500000000004"/>
    <n v="0"/>
    <s v="MACSS ESTIMATED FUEL REVENUE"/>
    <s v="SCP"/>
    <s v="NONBU"/>
    <s v="G0000110"/>
    <s v="N"/>
    <s v="To identify Estimated Fuel Rev"/>
    <s v=""/>
    <x v="2"/>
    <s v="CAD037BF"/>
    <s v="S"/>
    <s v="KY"/>
    <s v="REV"/>
    <s v="974"/>
    <s v="S173443"/>
    <n v="2"/>
    <n v="2017"/>
  </r>
  <r>
    <s v="110"/>
    <d v="2017-02-01T00:00:00"/>
    <x v="7"/>
    <x v="0"/>
    <s v="10828"/>
    <s v="GLNANDA"/>
    <n v="-3497.17"/>
    <n v="0"/>
    <s v="MACSS ESTIMATED FUEL REVENUE"/>
    <s v="SCP"/>
    <s v="NONBU"/>
    <s v="G0000110"/>
    <s v="N"/>
    <s v="To identify Estimated Fuel Rev"/>
    <s v=""/>
    <x v="2"/>
    <s v="CAD037BF"/>
    <s v="S"/>
    <s v="KY"/>
    <s v="REV"/>
    <s v="974"/>
    <s v="S173443"/>
    <n v="2"/>
    <n v="2017"/>
  </r>
  <r>
    <s v="110"/>
    <d v="2017-02-01T00:00:00"/>
    <x v="13"/>
    <x v="0"/>
    <s v="10828"/>
    <s v="GLNANDA"/>
    <n v="0"/>
    <n v="0"/>
    <s v="MACSS ESTIMATED FUEL REVENUE"/>
    <s v="SCP"/>
    <s v="NONBU"/>
    <s v="G0000110"/>
    <s v="N"/>
    <s v="To identify Estimated Fuel Rev"/>
    <s v=""/>
    <x v="2"/>
    <s v="CAD037BF"/>
    <s v="S"/>
    <s v="KY"/>
    <s v="REV"/>
    <s v="974"/>
    <s v="S173443"/>
    <n v="2"/>
    <n v="2017"/>
  </r>
  <r>
    <s v="110"/>
    <d v="2017-02-01T00:00:00"/>
    <x v="6"/>
    <x v="0"/>
    <s v="10828"/>
    <s v="GLNANDA"/>
    <n v="0"/>
    <n v="0"/>
    <s v="MACSS ESTIMATED FUEL REVENUE"/>
    <s v="SCP"/>
    <s v="NONBU"/>
    <s v="G0000110"/>
    <s v="N"/>
    <s v="To identify Estimated Fuel Rev"/>
    <s v=""/>
    <x v="2"/>
    <s v="CAD037BF"/>
    <s v="S"/>
    <s v="KY"/>
    <s v="REV"/>
    <s v="974"/>
    <s v="S173443"/>
    <n v="2"/>
    <n v="2017"/>
  </r>
  <r>
    <s v="110"/>
    <d v="2017-02-01T00:00:00"/>
    <x v="11"/>
    <x v="0"/>
    <s v="10828"/>
    <s v="GLNANDA"/>
    <n v="1080495.6499999999"/>
    <n v="0"/>
    <s v="MACSS ESTIMATED FUEL REVENUE"/>
    <s v="SCP"/>
    <s v="NONBU"/>
    <s v="G0000110"/>
    <s v="N"/>
    <s v="To identify Estimated Fuel Rev"/>
    <s v=""/>
    <x v="2"/>
    <s v="CAD037BF"/>
    <s v="S"/>
    <s v="KY"/>
    <s v="REV"/>
    <s v="974"/>
    <s v="S173443"/>
    <n v="2"/>
    <n v="2017"/>
  </r>
  <r>
    <s v="110"/>
    <d v="2017-02-01T00:00:00"/>
    <x v="8"/>
    <x v="0"/>
    <s v="10828"/>
    <s v="GLNANDA"/>
    <n v="73515.509999999995"/>
    <n v="0"/>
    <s v="MACSS ESTIMATED FUEL REVENUE"/>
    <s v="SCP"/>
    <s v="NONBU"/>
    <s v="G0000110"/>
    <s v="N"/>
    <s v="To identify Estimated Fuel Rev"/>
    <s v=""/>
    <x v="2"/>
    <s v="CAD037BF"/>
    <s v="S"/>
    <s v="KY"/>
    <s v="REV"/>
    <s v="974"/>
    <s v="S173443"/>
    <n v="2"/>
    <n v="2017"/>
  </r>
  <r>
    <s v="110"/>
    <d v="2017-01-31T00:00:00"/>
    <x v="5"/>
    <x v="0"/>
    <s v="10828"/>
    <s v="GLNANDA"/>
    <n v="4858.3500000000004"/>
    <n v="0"/>
    <s v="MACSS ESTIMATED FUEL REVENUE"/>
    <s v="SCP"/>
    <s v="NONBU"/>
    <s v="G0000110"/>
    <s v="N"/>
    <s v="To identify Estimated Fuel Rev"/>
    <s v=""/>
    <x v="2"/>
    <s v="CAD037BF"/>
    <s v="S"/>
    <s v="KY"/>
    <s v="REV"/>
    <s v="974"/>
    <s v="S006819"/>
    <n v="1"/>
    <n v="2017"/>
  </r>
  <r>
    <s v="110"/>
    <d v="2017-01-31T00:00:00"/>
    <x v="11"/>
    <x v="0"/>
    <s v="10828"/>
    <s v="GLNANDA"/>
    <n v="-1080495.6499999999"/>
    <n v="0"/>
    <s v="MACSS ESTIMATED FUEL REVENUE"/>
    <s v="SCP"/>
    <s v="NONBU"/>
    <s v="G0000110"/>
    <s v="N"/>
    <s v="To identify Estimated Fuel Rev"/>
    <s v=""/>
    <x v="2"/>
    <s v="CAD037BF"/>
    <s v="S"/>
    <s v="KY"/>
    <s v="REV"/>
    <s v="974"/>
    <s v="S006819"/>
    <n v="1"/>
    <n v="2017"/>
  </r>
  <r>
    <s v="110"/>
    <d v="2017-01-31T00:00:00"/>
    <x v="3"/>
    <x v="0"/>
    <s v="10828"/>
    <s v="GLNANDA"/>
    <n v="23844.01"/>
    <n v="0"/>
    <s v="MACSS ESTIMATED FUEL REVENUE"/>
    <s v="SCP"/>
    <s v="NONBU"/>
    <s v="G0000110"/>
    <s v="N"/>
    <s v="To identify Estimated Fuel Rev"/>
    <s v=""/>
    <x v="2"/>
    <s v="CAD037BF"/>
    <s v="S"/>
    <s v="KY"/>
    <s v="REV"/>
    <s v="974"/>
    <s v="S006819"/>
    <n v="1"/>
    <n v="2017"/>
  </r>
  <r>
    <s v="110"/>
    <d v="2017-01-31T00:00:00"/>
    <x v="6"/>
    <x v="0"/>
    <s v="10828"/>
    <s v="GLNANDA"/>
    <n v="0"/>
    <n v="0"/>
    <s v="MACSS ESTIMATED FUEL REVENUE"/>
    <s v="SCP"/>
    <s v="NONBU"/>
    <s v="G0000110"/>
    <s v="N"/>
    <s v="To identify Estimated Fuel Rev"/>
    <s v=""/>
    <x v="2"/>
    <s v="CAD037BF"/>
    <s v="S"/>
    <s v="KY"/>
    <s v="REV"/>
    <s v="974"/>
    <s v="S006819"/>
    <n v="1"/>
    <n v="2017"/>
  </r>
  <r>
    <s v="110"/>
    <d v="2017-01-31T00:00:00"/>
    <x v="8"/>
    <x v="0"/>
    <s v="10828"/>
    <s v="GLNANDA"/>
    <n v="-73515.509999999995"/>
    <n v="0"/>
    <s v="MACSS ESTIMATED FUEL REVENUE"/>
    <s v="SCP"/>
    <s v="NONBU"/>
    <s v="G0000110"/>
    <s v="N"/>
    <s v="To identify Estimated Fuel Rev"/>
    <s v=""/>
    <x v="2"/>
    <s v="CAD037BF"/>
    <s v="S"/>
    <s v="KY"/>
    <s v="REV"/>
    <s v="974"/>
    <s v="S006819"/>
    <n v="1"/>
    <n v="2017"/>
  </r>
  <r>
    <s v="110"/>
    <d v="2017-01-31T00:00:00"/>
    <x v="13"/>
    <x v="0"/>
    <s v="10828"/>
    <s v="GLNANDA"/>
    <n v="0"/>
    <n v="0"/>
    <s v="MACSS ESTIMATED FUEL REVENUE"/>
    <s v="SCP"/>
    <s v="NONBU"/>
    <s v="G0000110"/>
    <s v="N"/>
    <s v="To identify Estimated Fuel Rev"/>
    <s v=""/>
    <x v="2"/>
    <s v="CAD037BF"/>
    <s v="S"/>
    <s v="KY"/>
    <s v="REV"/>
    <s v="974"/>
    <s v="S006819"/>
    <n v="1"/>
    <n v="2017"/>
  </r>
  <r>
    <s v="110"/>
    <d v="2017-01-31T00:00:00"/>
    <x v="2"/>
    <x v="0"/>
    <s v="10828"/>
    <s v="GLNANDA"/>
    <n v="65159.99"/>
    <n v="0"/>
    <s v="MACSS ESTIMATED FUEL REVENUE"/>
    <s v="SCP"/>
    <s v="NONBU"/>
    <s v="G0000110"/>
    <s v="N"/>
    <s v="To identify Estimated Fuel Rev"/>
    <s v=""/>
    <x v="2"/>
    <s v="CAD037BF"/>
    <s v="S"/>
    <s v="KY"/>
    <s v="REV"/>
    <s v="974"/>
    <s v="S006819"/>
    <n v="1"/>
    <n v="2017"/>
  </r>
  <r>
    <s v="110"/>
    <d v="2017-01-31T00:00:00"/>
    <x v="7"/>
    <x v="0"/>
    <s v="10828"/>
    <s v="GLNANDA"/>
    <n v="3497.17"/>
    <n v="0"/>
    <s v="MACSS ESTIMATED FUEL REVENUE"/>
    <s v="SCP"/>
    <s v="NONBU"/>
    <s v="G0000110"/>
    <s v="N"/>
    <s v="To identify Estimated Fuel Rev"/>
    <s v=""/>
    <x v="2"/>
    <s v="CAD037BF"/>
    <s v="S"/>
    <s v="KY"/>
    <s v="REV"/>
    <s v="974"/>
    <s v="S006819"/>
    <n v="1"/>
    <n v="2017"/>
  </r>
  <r>
    <s v="110"/>
    <d v="2017-01-31T00:00:00"/>
    <x v="0"/>
    <x v="0"/>
    <s v="10828"/>
    <s v="GLNANDA"/>
    <n v="1056651.6399999999"/>
    <n v="0"/>
    <s v="MACSS ESTIMATED FUEL REVENUE"/>
    <s v="SCP"/>
    <s v="NONBU"/>
    <s v="G0000110"/>
    <s v="N"/>
    <s v="To identify Estimated Fuel Rev"/>
    <s v=""/>
    <x v="2"/>
    <s v="CAD037BF"/>
    <s v="S"/>
    <s v="KY"/>
    <s v="REV"/>
    <s v="974"/>
    <s v="S006819"/>
    <n v="1"/>
    <n v="2017"/>
  </r>
  <r>
    <s v="110"/>
    <d v="2017-01-01T00:00:00"/>
    <x v="8"/>
    <x v="0"/>
    <s v="10828"/>
    <s v="GLNANDA"/>
    <n v="1137.27"/>
    <n v="0"/>
    <s v="MACSS ESTIMATED FUEL REVENUE"/>
    <s v="SCP"/>
    <s v="NONBU"/>
    <s v="G0000110"/>
    <s v="N"/>
    <s v="To identify Estimated Fuel Rev"/>
    <s v=""/>
    <x v="2"/>
    <s v="CAD037BF"/>
    <s v="S"/>
    <s v="KY"/>
    <s v="REV"/>
    <s v="974"/>
    <s v="S173443"/>
    <n v="1"/>
    <n v="2017"/>
  </r>
  <r>
    <s v="110"/>
    <d v="2017-01-01T00:00:00"/>
    <x v="11"/>
    <x v="0"/>
    <s v="10828"/>
    <s v="GLNANDA"/>
    <n v="682908.83"/>
    <n v="0"/>
    <s v="MACSS ESTIMATED FUEL REVENUE"/>
    <s v="SCP"/>
    <s v="NONBU"/>
    <s v="G0000110"/>
    <s v="N"/>
    <s v="To identify Estimated Fuel Rev"/>
    <s v=""/>
    <x v="2"/>
    <s v="CAD037BF"/>
    <s v="S"/>
    <s v="KY"/>
    <s v="REV"/>
    <s v="974"/>
    <s v="S173443"/>
    <n v="1"/>
    <n v="2017"/>
  </r>
  <r>
    <s v="110"/>
    <d v="2017-01-01T00:00:00"/>
    <x v="6"/>
    <x v="0"/>
    <s v="10828"/>
    <s v="GLNANDA"/>
    <n v="0"/>
    <n v="0"/>
    <s v="MACSS ESTIMATED FUEL REVENUE"/>
    <s v="SCP"/>
    <s v="NONBU"/>
    <s v="G0000110"/>
    <s v="N"/>
    <s v="To identify Estimated Fuel Rev"/>
    <s v=""/>
    <x v="2"/>
    <s v="CAD037BF"/>
    <s v="S"/>
    <s v="KY"/>
    <s v="REV"/>
    <s v="974"/>
    <s v="S173443"/>
    <n v="1"/>
    <n v="2017"/>
  </r>
  <r>
    <s v="110"/>
    <d v="2017-01-01T00:00:00"/>
    <x v="13"/>
    <x v="0"/>
    <s v="10828"/>
    <s v="GLNANDA"/>
    <n v="0"/>
    <n v="0"/>
    <s v="MACSS ESTIMATED FUEL REVENUE"/>
    <s v="SCP"/>
    <s v="NONBU"/>
    <s v="G0000110"/>
    <s v="N"/>
    <s v="To identify Estimated Fuel Rev"/>
    <s v=""/>
    <x v="2"/>
    <s v="CAD037BF"/>
    <s v="S"/>
    <s v="KY"/>
    <s v="REV"/>
    <s v="974"/>
    <s v="S173443"/>
    <n v="1"/>
    <n v="2017"/>
  </r>
  <r>
    <s v="110"/>
    <d v="2017-01-01T00:00:00"/>
    <x v="5"/>
    <x v="0"/>
    <s v="10828"/>
    <s v="GLNANDA"/>
    <n v="0"/>
    <n v="0"/>
    <s v="MACSS ESTIMATED FUEL REVENUE"/>
    <s v="SCP"/>
    <s v="NONBU"/>
    <s v="G0000110"/>
    <s v="N"/>
    <s v="To identify Estimated Fuel Rev"/>
    <s v=""/>
    <x v="2"/>
    <s v="CAD037BF"/>
    <s v="S"/>
    <s v="KY"/>
    <s v="REV"/>
    <s v="974"/>
    <s v="S173443"/>
    <n v="1"/>
    <n v="2017"/>
  </r>
  <r>
    <s v="110"/>
    <d v="2017-01-01T00:00:00"/>
    <x v="0"/>
    <x v="0"/>
    <s v="10828"/>
    <s v="GLNANDA"/>
    <n v="-677609.67"/>
    <n v="0"/>
    <s v="MACSS ESTIMATED FUEL REVENUE"/>
    <s v="SCP"/>
    <s v="NONBU"/>
    <s v="G0000110"/>
    <s v="N"/>
    <s v="To identify Estimated Fuel Rev"/>
    <s v=""/>
    <x v="2"/>
    <s v="CAD037BF"/>
    <s v="S"/>
    <s v="KY"/>
    <s v="REV"/>
    <s v="974"/>
    <s v="S173443"/>
    <n v="1"/>
    <n v="2017"/>
  </r>
  <r>
    <s v="110"/>
    <d v="2017-01-01T00:00:00"/>
    <x v="3"/>
    <x v="0"/>
    <s v="10828"/>
    <s v="GLNANDA"/>
    <n v="-5299.16"/>
    <n v="0"/>
    <s v="MACSS ESTIMATED FUEL REVENUE"/>
    <s v="SCP"/>
    <s v="NONBU"/>
    <s v="G0000110"/>
    <s v="N"/>
    <s v="To identify Estimated Fuel Rev"/>
    <s v=""/>
    <x v="2"/>
    <s v="CAD037BF"/>
    <s v="S"/>
    <s v="KY"/>
    <s v="REV"/>
    <s v="974"/>
    <s v="S173443"/>
    <n v="1"/>
    <n v="2017"/>
  </r>
  <r>
    <s v="110"/>
    <d v="2017-01-01T00:00:00"/>
    <x v="2"/>
    <x v="0"/>
    <s v="10828"/>
    <s v="GLNANDA"/>
    <n v="-1137.27"/>
    <n v="0"/>
    <s v="MACSS ESTIMATED FUEL REVENUE"/>
    <s v="SCP"/>
    <s v="NONBU"/>
    <s v="G0000110"/>
    <s v="N"/>
    <s v="To identify Estimated Fuel Rev"/>
    <s v=""/>
    <x v="2"/>
    <s v="CAD037BF"/>
    <s v="S"/>
    <s v="KY"/>
    <s v="REV"/>
    <s v="974"/>
    <s v="S173443"/>
    <n v="1"/>
    <n v="2017"/>
  </r>
  <r>
    <s v="110"/>
    <d v="2017-01-01T00:00:00"/>
    <x v="7"/>
    <x v="0"/>
    <s v="10828"/>
    <s v="GLNANDA"/>
    <n v="0"/>
    <n v="0"/>
    <s v="MACSS ESTIMATED FUEL REVENUE"/>
    <s v="SCP"/>
    <s v="NONBU"/>
    <s v="G0000110"/>
    <s v="N"/>
    <s v="To identify Estimated Fuel Rev"/>
    <s v=""/>
    <x v="2"/>
    <s v="CAD037BF"/>
    <s v="S"/>
    <s v="KY"/>
    <s v="REV"/>
    <s v="974"/>
    <s v="S173443"/>
    <n v="1"/>
    <n v="2017"/>
  </r>
  <r>
    <s v="110"/>
    <d v="2016-12-31T00:00:00"/>
    <x v="7"/>
    <x v="0"/>
    <s v="10828"/>
    <s v="GLNANDA"/>
    <n v="0"/>
    <n v="0"/>
    <s v="MACSS ESTIMATED FUEL REVENUE"/>
    <s v="SCP"/>
    <s v="NONBU"/>
    <s v="G0000110"/>
    <s v="N"/>
    <s v="To identify Estimated Fuel Rev"/>
    <s v=""/>
    <x v="2"/>
    <s v="CAD037BF"/>
    <s v="S"/>
    <s v="KY"/>
    <s v="REV"/>
    <s v="974"/>
    <s v="S006819"/>
    <n v="12"/>
    <n v="2016"/>
  </r>
  <r>
    <s v="110"/>
    <d v="2016-12-31T00:00:00"/>
    <x v="3"/>
    <x v="0"/>
    <s v="10828"/>
    <s v="GLNANDA"/>
    <n v="5299.16"/>
    <n v="0"/>
    <s v="MACSS ESTIMATED FUEL REVENUE"/>
    <s v="SCP"/>
    <s v="NONBU"/>
    <s v="G0000110"/>
    <s v="N"/>
    <s v="To identify Estimated Fuel Rev"/>
    <s v=""/>
    <x v="2"/>
    <s v="CAD037BF"/>
    <s v="S"/>
    <s v="KY"/>
    <s v="REV"/>
    <s v="974"/>
    <s v="S006819"/>
    <n v="12"/>
    <n v="2016"/>
  </r>
  <r>
    <s v="110"/>
    <d v="2016-12-31T00:00:00"/>
    <x v="2"/>
    <x v="0"/>
    <s v="10828"/>
    <s v="GLNANDA"/>
    <n v="1137.27"/>
    <n v="0"/>
    <s v="MACSS ESTIMATED FUEL REVENUE"/>
    <s v="SCP"/>
    <s v="NONBU"/>
    <s v="G0000110"/>
    <s v="N"/>
    <s v="To identify Estimated Fuel Rev"/>
    <s v=""/>
    <x v="2"/>
    <s v="CAD037BF"/>
    <s v="S"/>
    <s v="KY"/>
    <s v="REV"/>
    <s v="974"/>
    <s v="S006819"/>
    <n v="12"/>
    <n v="2016"/>
  </r>
  <r>
    <s v="110"/>
    <d v="2016-12-31T00:00:00"/>
    <x v="5"/>
    <x v="0"/>
    <s v="10828"/>
    <s v="GLNANDA"/>
    <n v="0"/>
    <n v="0"/>
    <s v="MACSS ESTIMATED FUEL REVENUE"/>
    <s v="SCP"/>
    <s v="NONBU"/>
    <s v="G0000110"/>
    <s v="N"/>
    <s v="To identify Estimated Fuel Rev"/>
    <s v=""/>
    <x v="2"/>
    <s v="CAD037BF"/>
    <s v="S"/>
    <s v="KY"/>
    <s v="REV"/>
    <s v="974"/>
    <s v="S006819"/>
    <n v="12"/>
    <n v="2016"/>
  </r>
  <r>
    <s v="110"/>
    <d v="2016-12-31T00:00:00"/>
    <x v="8"/>
    <x v="0"/>
    <s v="10828"/>
    <s v="GLNANDA"/>
    <n v="-1137.27"/>
    <n v="0"/>
    <s v="MACSS ESTIMATED FUEL REVENUE"/>
    <s v="SCP"/>
    <s v="NONBU"/>
    <s v="G0000110"/>
    <s v="N"/>
    <s v="To identify Estimated Fuel Rev"/>
    <s v=""/>
    <x v="2"/>
    <s v="CAD037BF"/>
    <s v="S"/>
    <s v="KY"/>
    <s v="REV"/>
    <s v="974"/>
    <s v="S006819"/>
    <n v="12"/>
    <n v="2016"/>
  </r>
  <r>
    <s v="110"/>
    <d v="2016-12-31T00:00:00"/>
    <x v="11"/>
    <x v="0"/>
    <s v="10828"/>
    <s v="GLNANDA"/>
    <n v="-682908.83"/>
    <n v="0"/>
    <s v="MACSS ESTIMATED FUEL REVENUE"/>
    <s v="SCP"/>
    <s v="NONBU"/>
    <s v="G0000110"/>
    <s v="N"/>
    <s v="To identify Estimated Fuel Rev"/>
    <s v=""/>
    <x v="2"/>
    <s v="CAD037BF"/>
    <s v="S"/>
    <s v="KY"/>
    <s v="REV"/>
    <s v="974"/>
    <s v="S006819"/>
    <n v="12"/>
    <n v="2016"/>
  </r>
  <r>
    <s v="110"/>
    <d v="2016-12-31T00:00:00"/>
    <x v="6"/>
    <x v="0"/>
    <s v="10828"/>
    <s v="GLNANDA"/>
    <n v="0"/>
    <n v="0"/>
    <s v="MACSS ESTIMATED FUEL REVENUE"/>
    <s v="SCP"/>
    <s v="NONBU"/>
    <s v="G0000110"/>
    <s v="N"/>
    <s v="To identify Estimated Fuel Rev"/>
    <s v=""/>
    <x v="2"/>
    <s v="CAD037BF"/>
    <s v="S"/>
    <s v="KY"/>
    <s v="REV"/>
    <s v="974"/>
    <s v="S006819"/>
    <n v="12"/>
    <n v="2016"/>
  </r>
  <r>
    <s v="110"/>
    <d v="2016-12-31T00:00:00"/>
    <x v="13"/>
    <x v="0"/>
    <s v="10828"/>
    <s v="GLNANDA"/>
    <n v="0"/>
    <n v="0"/>
    <s v="MACSS ESTIMATED FUEL REVENUE"/>
    <s v="SCP"/>
    <s v="NONBU"/>
    <s v="G0000110"/>
    <s v="N"/>
    <s v="To identify Estimated Fuel Rev"/>
    <s v=""/>
    <x v="2"/>
    <s v="CAD037BF"/>
    <s v="S"/>
    <s v="KY"/>
    <s v="REV"/>
    <s v="974"/>
    <s v="S006819"/>
    <n v="12"/>
    <n v="2016"/>
  </r>
  <r>
    <s v="110"/>
    <d v="2016-12-31T00:00:00"/>
    <x v="0"/>
    <x v="0"/>
    <s v="10828"/>
    <s v="GLNANDA"/>
    <n v="677609.67"/>
    <n v="0"/>
    <s v="MACSS ESTIMATED FUEL REVENUE"/>
    <s v="SCP"/>
    <s v="NONBU"/>
    <s v="G0000110"/>
    <s v="N"/>
    <s v="To identify Estimated Fuel Rev"/>
    <s v=""/>
    <x v="2"/>
    <s v="CAD037BF"/>
    <s v="S"/>
    <s v="KY"/>
    <s v="REV"/>
    <s v="974"/>
    <s v="S006819"/>
    <n v="12"/>
    <n v="2016"/>
  </r>
  <r>
    <s v="110"/>
    <d v="2016-12-01T00:00:00"/>
    <x v="8"/>
    <x v="0"/>
    <s v="10828"/>
    <s v="GLNANDA"/>
    <n v="291.66000000000003"/>
    <n v="0"/>
    <s v="MACSS ESTIMATED FUEL REVENUE"/>
    <s v="SCP"/>
    <s v="NONBU"/>
    <s v="G0000110"/>
    <s v="N"/>
    <s v="To identify Estimated Fuel Rev"/>
    <s v=""/>
    <x v="2"/>
    <s v="CAD037BF"/>
    <s v="S"/>
    <s v="KY"/>
    <s v="REV"/>
    <s v="974"/>
    <s v="S173443"/>
    <n v="12"/>
    <n v="2016"/>
  </r>
  <r>
    <s v="110"/>
    <d v="2016-12-01T00:00:00"/>
    <x v="5"/>
    <x v="0"/>
    <s v="10828"/>
    <s v="GLNANDA"/>
    <n v="0"/>
    <n v="0"/>
    <s v="MACSS ESTIMATED FUEL REVENUE"/>
    <s v="SCP"/>
    <s v="NONBU"/>
    <s v="G0000110"/>
    <s v="N"/>
    <s v="To identify Estimated Fuel Rev"/>
    <s v=""/>
    <x v="2"/>
    <s v="CAD037BF"/>
    <s v="S"/>
    <s v="KY"/>
    <s v="REV"/>
    <s v="974"/>
    <s v="S173443"/>
    <n v="12"/>
    <n v="2016"/>
  </r>
  <r>
    <s v="110"/>
    <d v="2016-12-01T00:00:00"/>
    <x v="11"/>
    <x v="0"/>
    <s v="10828"/>
    <s v="GLNANDA"/>
    <n v="253469.69"/>
    <n v="0"/>
    <s v="MACSS ESTIMATED FUEL REVENUE"/>
    <s v="SCP"/>
    <s v="NONBU"/>
    <s v="G0000110"/>
    <s v="N"/>
    <s v="To identify Estimated Fuel Rev"/>
    <s v=""/>
    <x v="2"/>
    <s v="CAD037BF"/>
    <s v="S"/>
    <s v="KY"/>
    <s v="REV"/>
    <s v="974"/>
    <s v="S173443"/>
    <n v="12"/>
    <n v="2016"/>
  </r>
  <r>
    <s v="110"/>
    <d v="2016-12-01T00:00:00"/>
    <x v="6"/>
    <x v="0"/>
    <s v="10828"/>
    <s v="GLNANDA"/>
    <n v="0"/>
    <n v="0"/>
    <s v="MACSS ESTIMATED FUEL REVENUE"/>
    <s v="SCP"/>
    <s v="NONBU"/>
    <s v="G0000110"/>
    <s v="N"/>
    <s v="To identify Estimated Fuel Rev"/>
    <s v=""/>
    <x v="2"/>
    <s v="CAD037BF"/>
    <s v="S"/>
    <s v="KY"/>
    <s v="REV"/>
    <s v="974"/>
    <s v="S173443"/>
    <n v="12"/>
    <n v="2016"/>
  </r>
  <r>
    <s v="110"/>
    <d v="2016-12-01T00:00:00"/>
    <x v="7"/>
    <x v="0"/>
    <s v="10828"/>
    <s v="GLNANDA"/>
    <n v="0"/>
    <n v="0"/>
    <s v="MACSS ESTIMATED FUEL REVENUE"/>
    <s v="SCP"/>
    <s v="NONBU"/>
    <s v="G0000110"/>
    <s v="N"/>
    <s v="To identify Estimated Fuel Rev"/>
    <s v=""/>
    <x v="2"/>
    <s v="CAD037BF"/>
    <s v="S"/>
    <s v="KY"/>
    <s v="REV"/>
    <s v="974"/>
    <s v="S173443"/>
    <n v="12"/>
    <n v="2016"/>
  </r>
  <r>
    <s v="110"/>
    <d v="2016-12-01T00:00:00"/>
    <x v="0"/>
    <x v="0"/>
    <s v="10828"/>
    <s v="GLNANDA"/>
    <n v="-253469.69"/>
    <n v="0"/>
    <s v="MACSS ESTIMATED FUEL REVENUE"/>
    <s v="SCP"/>
    <s v="NONBU"/>
    <s v="G0000110"/>
    <s v="N"/>
    <s v="To identify Estimated Fuel Rev"/>
    <s v=""/>
    <x v="2"/>
    <s v="CAD037BF"/>
    <s v="S"/>
    <s v="KY"/>
    <s v="REV"/>
    <s v="974"/>
    <s v="S173443"/>
    <n v="12"/>
    <n v="2016"/>
  </r>
  <r>
    <s v="110"/>
    <d v="2016-12-01T00:00:00"/>
    <x v="13"/>
    <x v="0"/>
    <s v="10828"/>
    <s v="GLNANDA"/>
    <n v="0"/>
    <n v="0"/>
    <s v="MACSS ESTIMATED FUEL REVENUE"/>
    <s v="SCP"/>
    <s v="NONBU"/>
    <s v="G0000110"/>
    <s v="N"/>
    <s v="To identify Estimated Fuel Rev"/>
    <s v=""/>
    <x v="2"/>
    <s v="CAD037BF"/>
    <s v="S"/>
    <s v="KY"/>
    <s v="REV"/>
    <s v="974"/>
    <s v="S173443"/>
    <n v="12"/>
    <n v="2016"/>
  </r>
  <r>
    <s v="110"/>
    <d v="2016-12-01T00:00:00"/>
    <x v="2"/>
    <x v="0"/>
    <s v="10828"/>
    <s v="GLNANDA"/>
    <n v="-291.66000000000003"/>
    <n v="0"/>
    <s v="MACSS ESTIMATED FUEL REVENUE"/>
    <s v="SCP"/>
    <s v="NONBU"/>
    <s v="G0000110"/>
    <s v="N"/>
    <s v="To identify Estimated Fuel Rev"/>
    <s v=""/>
    <x v="2"/>
    <s v="CAD037BF"/>
    <s v="S"/>
    <s v="KY"/>
    <s v="REV"/>
    <s v="974"/>
    <s v="S173443"/>
    <n v="12"/>
    <n v="2016"/>
  </r>
  <r>
    <s v="110"/>
    <d v="2016-12-01T00:00:00"/>
    <x v="3"/>
    <x v="0"/>
    <s v="10828"/>
    <s v="GLNANDA"/>
    <n v="0"/>
    <n v="0"/>
    <s v="MACSS ESTIMATED FUEL REVENUE"/>
    <s v="SCP"/>
    <s v="NONBU"/>
    <s v="G0000110"/>
    <s v="N"/>
    <s v="To identify Estimated Fuel Rev"/>
    <s v=""/>
    <x v="2"/>
    <s v="CAD037BF"/>
    <s v="S"/>
    <s v="KY"/>
    <s v="REV"/>
    <s v="974"/>
    <s v="S173443"/>
    <n v="12"/>
    <n v="2016"/>
  </r>
  <r>
    <s v="110"/>
    <d v="2016-11-30T00:00:00"/>
    <x v="7"/>
    <x v="0"/>
    <s v="10828"/>
    <s v="GLNANDA"/>
    <n v="0"/>
    <n v="0"/>
    <s v="MACSS ESTIMATED FUEL REVENUE"/>
    <s v="SCP"/>
    <s v="NONBU"/>
    <s v="G0000110"/>
    <s v="N"/>
    <s v="To identify Estimated Fuel Rev"/>
    <s v=""/>
    <x v="2"/>
    <s v="CAD037BF"/>
    <s v="S"/>
    <s v="KY"/>
    <s v="REV"/>
    <s v="974"/>
    <s v="S006819"/>
    <n v="11"/>
    <n v="2016"/>
  </r>
  <r>
    <s v="110"/>
    <d v="2016-11-30T00:00:00"/>
    <x v="13"/>
    <x v="0"/>
    <s v="10828"/>
    <s v="GLNANDA"/>
    <n v="0"/>
    <n v="0"/>
    <s v="MACSS ESTIMATED FUEL REVENUE"/>
    <s v="SCP"/>
    <s v="NONBU"/>
    <s v="G0000110"/>
    <s v="N"/>
    <s v="To identify Estimated Fuel Rev"/>
    <s v=""/>
    <x v="2"/>
    <s v="CAD037BF"/>
    <s v="S"/>
    <s v="KY"/>
    <s v="REV"/>
    <s v="974"/>
    <s v="S006819"/>
    <n v="11"/>
    <n v="2016"/>
  </r>
  <r>
    <s v="110"/>
    <d v="2016-11-30T00:00:00"/>
    <x v="3"/>
    <x v="0"/>
    <s v="10828"/>
    <s v="GLNANDA"/>
    <n v="0"/>
    <n v="0"/>
    <s v="MACSS ESTIMATED FUEL REVENUE"/>
    <s v="SCP"/>
    <s v="NONBU"/>
    <s v="G0000110"/>
    <s v="N"/>
    <s v="To identify Estimated Fuel Rev"/>
    <s v=""/>
    <x v="2"/>
    <s v="CAD037BF"/>
    <s v="S"/>
    <s v="KY"/>
    <s v="REV"/>
    <s v="974"/>
    <s v="S006819"/>
    <n v="11"/>
    <n v="2016"/>
  </r>
  <r>
    <s v="110"/>
    <d v="2016-11-30T00:00:00"/>
    <x v="2"/>
    <x v="0"/>
    <s v="10828"/>
    <s v="GLNANDA"/>
    <n v="291.66000000000003"/>
    <n v="0"/>
    <s v="MACSS ESTIMATED FUEL REVENUE"/>
    <s v="SCP"/>
    <s v="NONBU"/>
    <s v="G0000110"/>
    <s v="N"/>
    <s v="To identify Estimated Fuel Rev"/>
    <s v=""/>
    <x v="2"/>
    <s v="CAD037BF"/>
    <s v="S"/>
    <s v="KY"/>
    <s v="REV"/>
    <s v="974"/>
    <s v="S006819"/>
    <n v="11"/>
    <n v="2016"/>
  </r>
  <r>
    <s v="110"/>
    <d v="2016-11-30T00:00:00"/>
    <x v="5"/>
    <x v="0"/>
    <s v="10828"/>
    <s v="GLNANDA"/>
    <n v="0"/>
    <n v="0"/>
    <s v="MACSS ESTIMATED FUEL REVENUE"/>
    <s v="SCP"/>
    <s v="NONBU"/>
    <s v="G0000110"/>
    <s v="N"/>
    <s v="To identify Estimated Fuel Rev"/>
    <s v=""/>
    <x v="2"/>
    <s v="CAD037BF"/>
    <s v="S"/>
    <s v="KY"/>
    <s v="REV"/>
    <s v="974"/>
    <s v="S006819"/>
    <n v="11"/>
    <n v="2016"/>
  </r>
  <r>
    <s v="110"/>
    <d v="2016-11-30T00:00:00"/>
    <x v="0"/>
    <x v="0"/>
    <s v="10828"/>
    <s v="GLNANDA"/>
    <n v="253469.69"/>
    <n v="0"/>
    <s v="MACSS ESTIMATED FUEL REVENUE"/>
    <s v="SCP"/>
    <s v="NONBU"/>
    <s v="G0000110"/>
    <s v="N"/>
    <s v="To identify Estimated Fuel Rev"/>
    <s v=""/>
    <x v="2"/>
    <s v="CAD037BF"/>
    <s v="S"/>
    <s v="KY"/>
    <s v="REV"/>
    <s v="974"/>
    <s v="S006819"/>
    <n v="11"/>
    <n v="2016"/>
  </r>
  <r>
    <s v="110"/>
    <d v="2016-11-30T00:00:00"/>
    <x v="8"/>
    <x v="0"/>
    <s v="10828"/>
    <s v="GLNANDA"/>
    <n v="-291.66000000000003"/>
    <n v="0"/>
    <s v="MACSS ESTIMATED FUEL REVENUE"/>
    <s v="SCP"/>
    <s v="NONBU"/>
    <s v="G0000110"/>
    <s v="N"/>
    <s v="To identify Estimated Fuel Rev"/>
    <s v=""/>
    <x v="2"/>
    <s v="CAD037BF"/>
    <s v="S"/>
    <s v="KY"/>
    <s v="REV"/>
    <s v="974"/>
    <s v="S006819"/>
    <n v="11"/>
    <n v="2016"/>
  </r>
  <r>
    <s v="110"/>
    <d v="2016-11-30T00:00:00"/>
    <x v="11"/>
    <x v="0"/>
    <s v="10828"/>
    <s v="GLNANDA"/>
    <n v="-253469.69"/>
    <n v="0"/>
    <s v="MACSS ESTIMATED FUEL REVENUE"/>
    <s v="SCP"/>
    <s v="NONBU"/>
    <s v="G0000110"/>
    <s v="N"/>
    <s v="To identify Estimated Fuel Rev"/>
    <s v=""/>
    <x v="2"/>
    <s v="CAD037BF"/>
    <s v="S"/>
    <s v="KY"/>
    <s v="REV"/>
    <s v="974"/>
    <s v="S006819"/>
    <n v="11"/>
    <n v="2016"/>
  </r>
  <r>
    <s v="110"/>
    <d v="2016-11-30T00:00:00"/>
    <x v="6"/>
    <x v="0"/>
    <s v="10828"/>
    <s v="GLNANDA"/>
    <n v="0"/>
    <n v="0"/>
    <s v="MACSS ESTIMATED FUEL REVENUE"/>
    <s v="SCP"/>
    <s v="NONBU"/>
    <s v="G0000110"/>
    <s v="N"/>
    <s v="To identify Estimated Fuel Rev"/>
    <s v=""/>
    <x v="2"/>
    <s v="CAD037BF"/>
    <s v="S"/>
    <s v="KY"/>
    <s v="REV"/>
    <s v="974"/>
    <s v="S006819"/>
    <n v="11"/>
    <n v="2016"/>
  </r>
  <r>
    <s v="110"/>
    <d v="2016-11-01T00:00:00"/>
    <x v="0"/>
    <x v="0"/>
    <s v="10828"/>
    <s v="GLNANDA"/>
    <n v="-221877.6"/>
    <n v="0"/>
    <s v="MACSS ESTIMATED FUEL REVENUE"/>
    <s v="SCP"/>
    <s v="NONBU"/>
    <s v="G0000110"/>
    <s v="N"/>
    <s v="To identify Estimated Fuel Rev"/>
    <s v=""/>
    <x v="2"/>
    <s v="CAD037BF"/>
    <s v="S"/>
    <s v="KY"/>
    <s v="REV"/>
    <s v="974"/>
    <s v="S173443"/>
    <n v="11"/>
    <n v="2016"/>
  </r>
  <r>
    <s v="110"/>
    <d v="2016-11-01T00:00:00"/>
    <x v="2"/>
    <x v="0"/>
    <s v="10828"/>
    <s v="GLNANDA"/>
    <n v="0"/>
    <n v="0"/>
    <s v="MACSS ESTIMATED FUEL REVENUE"/>
    <s v="SCP"/>
    <s v="NONBU"/>
    <s v="G0000110"/>
    <s v="N"/>
    <s v="To identify Estimated Fuel Rev"/>
    <s v=""/>
    <x v="2"/>
    <s v="CAD037BF"/>
    <s v="S"/>
    <s v="KY"/>
    <s v="REV"/>
    <s v="974"/>
    <s v="S173443"/>
    <n v="11"/>
    <n v="2016"/>
  </r>
  <r>
    <s v="110"/>
    <d v="2016-11-01T00:00:00"/>
    <x v="8"/>
    <x v="0"/>
    <s v="10828"/>
    <s v="GLNANDA"/>
    <n v="0"/>
    <n v="0"/>
    <s v="MACSS ESTIMATED FUEL REVENUE"/>
    <s v="SCP"/>
    <s v="NONBU"/>
    <s v="G0000110"/>
    <s v="N"/>
    <s v="To identify Estimated Fuel Rev"/>
    <s v=""/>
    <x v="2"/>
    <s v="CAD037BF"/>
    <s v="S"/>
    <s v="KY"/>
    <s v="REV"/>
    <s v="974"/>
    <s v="S173443"/>
    <n v="11"/>
    <n v="2016"/>
  </r>
  <r>
    <s v="110"/>
    <d v="2016-11-01T00:00:00"/>
    <x v="5"/>
    <x v="0"/>
    <s v="10828"/>
    <s v="GLNANDA"/>
    <n v="0"/>
    <n v="0"/>
    <s v="MACSS ESTIMATED FUEL REVENUE"/>
    <s v="SCP"/>
    <s v="NONBU"/>
    <s v="G0000110"/>
    <s v="N"/>
    <s v="To identify Estimated Fuel Rev"/>
    <s v=""/>
    <x v="2"/>
    <s v="CAD037BF"/>
    <s v="S"/>
    <s v="KY"/>
    <s v="REV"/>
    <s v="974"/>
    <s v="S173443"/>
    <n v="11"/>
    <n v="2016"/>
  </r>
  <r>
    <s v="110"/>
    <d v="2016-11-01T00:00:00"/>
    <x v="3"/>
    <x v="0"/>
    <s v="10828"/>
    <s v="GLNANDA"/>
    <n v="0"/>
    <n v="0"/>
    <s v="MACSS ESTIMATED FUEL REVENUE"/>
    <s v="SCP"/>
    <s v="NONBU"/>
    <s v="G0000110"/>
    <s v="N"/>
    <s v="To identify Estimated Fuel Rev"/>
    <s v=""/>
    <x v="2"/>
    <s v="CAD037BF"/>
    <s v="S"/>
    <s v="KY"/>
    <s v="REV"/>
    <s v="974"/>
    <s v="S173443"/>
    <n v="11"/>
    <n v="2016"/>
  </r>
  <r>
    <s v="110"/>
    <d v="2016-11-01T00:00:00"/>
    <x v="7"/>
    <x v="0"/>
    <s v="10828"/>
    <s v="GLNANDA"/>
    <n v="0"/>
    <n v="0"/>
    <s v="MACSS ESTIMATED FUEL REVENUE"/>
    <s v="SCP"/>
    <s v="NONBU"/>
    <s v="G0000110"/>
    <s v="N"/>
    <s v="To identify Estimated Fuel Rev"/>
    <s v=""/>
    <x v="2"/>
    <s v="CAD037BF"/>
    <s v="S"/>
    <s v="KY"/>
    <s v="REV"/>
    <s v="974"/>
    <s v="S173443"/>
    <n v="11"/>
    <n v="2016"/>
  </r>
  <r>
    <s v="110"/>
    <d v="2016-11-01T00:00:00"/>
    <x v="6"/>
    <x v="0"/>
    <s v="10828"/>
    <s v="GLNANDA"/>
    <n v="0"/>
    <n v="0"/>
    <s v="MACSS ESTIMATED FUEL REVENUE"/>
    <s v="SCP"/>
    <s v="NONBU"/>
    <s v="G0000110"/>
    <s v="N"/>
    <s v="To identify Estimated Fuel Rev"/>
    <s v=""/>
    <x v="2"/>
    <s v="CAD037BF"/>
    <s v="S"/>
    <s v="KY"/>
    <s v="REV"/>
    <s v="974"/>
    <s v="S173443"/>
    <n v="11"/>
    <n v="2016"/>
  </r>
  <r>
    <s v="110"/>
    <d v="2016-11-01T00:00:00"/>
    <x v="13"/>
    <x v="0"/>
    <s v="10828"/>
    <s v="GLNANDA"/>
    <n v="0"/>
    <n v="0"/>
    <s v="MACSS ESTIMATED FUEL REVENUE"/>
    <s v="SCP"/>
    <s v="NONBU"/>
    <s v="G0000110"/>
    <s v="N"/>
    <s v="To identify Estimated Fuel Rev"/>
    <s v=""/>
    <x v="2"/>
    <s v="CAD037BF"/>
    <s v="S"/>
    <s v="KY"/>
    <s v="REV"/>
    <s v="974"/>
    <s v="S173443"/>
    <n v="11"/>
    <n v="2016"/>
  </r>
  <r>
    <s v="110"/>
    <d v="2016-11-01T00:00:00"/>
    <x v="11"/>
    <x v="0"/>
    <s v="10828"/>
    <s v="GLNANDA"/>
    <n v="221877.6"/>
    <n v="0"/>
    <s v="MACSS ESTIMATED FUEL REVENUE"/>
    <s v="SCP"/>
    <s v="NONBU"/>
    <s v="G0000110"/>
    <s v="N"/>
    <s v="To identify Estimated Fuel Rev"/>
    <s v=""/>
    <x v="2"/>
    <s v="CAD037BF"/>
    <s v="S"/>
    <s v="KY"/>
    <s v="REV"/>
    <s v="974"/>
    <s v="S173443"/>
    <n v="11"/>
    <n v="2016"/>
  </r>
  <r>
    <s v="110"/>
    <d v="2016-10-31T00:00:00"/>
    <x v="13"/>
    <x v="0"/>
    <s v="10828"/>
    <s v="GLNANDA"/>
    <n v="0"/>
    <n v="0"/>
    <s v="MACSS ESTIMATED FUEL REVENUE"/>
    <s v="SCP"/>
    <s v="NONBU"/>
    <s v="G0000110"/>
    <s v="N"/>
    <s v="To identify Estimated Fuel Rev"/>
    <s v=""/>
    <x v="2"/>
    <s v="CAD037BF"/>
    <s v="S"/>
    <s v="KY"/>
    <s v="REV"/>
    <s v="974"/>
    <s v="O430547"/>
    <n v="10"/>
    <n v="2016"/>
  </r>
  <r>
    <s v="110"/>
    <d v="2016-10-31T00:00:00"/>
    <x v="3"/>
    <x v="0"/>
    <s v="10828"/>
    <s v="GLNANDA"/>
    <n v="0"/>
    <n v="0"/>
    <s v="MACSS ESTIMATED FUEL REVENUE"/>
    <s v="SCP"/>
    <s v="NONBU"/>
    <s v="G0000110"/>
    <s v="N"/>
    <s v="To identify Estimated Fuel Rev"/>
    <s v=""/>
    <x v="2"/>
    <s v="CAD037BF"/>
    <s v="S"/>
    <s v="KY"/>
    <s v="REV"/>
    <s v="974"/>
    <s v="O430547"/>
    <n v="10"/>
    <n v="2016"/>
  </r>
  <r>
    <s v="110"/>
    <d v="2016-10-31T00:00:00"/>
    <x v="2"/>
    <x v="0"/>
    <s v="10828"/>
    <s v="GLNANDA"/>
    <n v="0"/>
    <n v="0"/>
    <s v="MACSS ESTIMATED FUEL REVENUE"/>
    <s v="SCP"/>
    <s v="NONBU"/>
    <s v="G0000110"/>
    <s v="N"/>
    <s v="To identify Estimated Fuel Rev"/>
    <s v=""/>
    <x v="2"/>
    <s v="CAD037BF"/>
    <s v="S"/>
    <s v="KY"/>
    <s v="REV"/>
    <s v="974"/>
    <s v="O430547"/>
    <n v="10"/>
    <n v="2016"/>
  </r>
  <r>
    <s v="110"/>
    <d v="2016-10-31T00:00:00"/>
    <x v="7"/>
    <x v="0"/>
    <s v="10828"/>
    <s v="GLNANDA"/>
    <n v="0"/>
    <n v="0"/>
    <s v="MACSS ESTIMATED FUEL REVENUE"/>
    <s v="SCP"/>
    <s v="NONBU"/>
    <s v="G0000110"/>
    <s v="N"/>
    <s v="To identify Estimated Fuel Rev"/>
    <s v=""/>
    <x v="2"/>
    <s v="CAD037BF"/>
    <s v="S"/>
    <s v="KY"/>
    <s v="REV"/>
    <s v="974"/>
    <s v="O430547"/>
    <n v="10"/>
    <n v="2016"/>
  </r>
  <r>
    <s v="110"/>
    <d v="2016-10-31T00:00:00"/>
    <x v="5"/>
    <x v="0"/>
    <s v="10828"/>
    <s v="GLNANDA"/>
    <n v="0"/>
    <n v="0"/>
    <s v="MACSS ESTIMATED FUEL REVENUE"/>
    <s v="SCP"/>
    <s v="NONBU"/>
    <s v="G0000110"/>
    <s v="N"/>
    <s v="To identify Estimated Fuel Rev"/>
    <s v=""/>
    <x v="2"/>
    <s v="CAD037BF"/>
    <s v="S"/>
    <s v="KY"/>
    <s v="REV"/>
    <s v="974"/>
    <s v="O430547"/>
    <n v="10"/>
    <n v="2016"/>
  </r>
  <r>
    <s v="110"/>
    <d v="2016-10-31T00:00:00"/>
    <x v="11"/>
    <x v="0"/>
    <s v="10828"/>
    <s v="GLNANDA"/>
    <n v="-221877.6"/>
    <n v="0"/>
    <s v="MACSS ESTIMATED FUEL REVENUE"/>
    <s v="SCP"/>
    <s v="NONBU"/>
    <s v="G0000110"/>
    <s v="N"/>
    <s v="To identify Estimated Fuel Rev"/>
    <s v=""/>
    <x v="2"/>
    <s v="CAD037BF"/>
    <s v="S"/>
    <s v="KY"/>
    <s v="REV"/>
    <s v="974"/>
    <s v="O430547"/>
    <n v="10"/>
    <n v="2016"/>
  </r>
  <r>
    <s v="110"/>
    <d v="2016-10-31T00:00:00"/>
    <x v="0"/>
    <x v="0"/>
    <s v="10828"/>
    <s v="GLNANDA"/>
    <n v="221877.6"/>
    <n v="0"/>
    <s v="MACSS ESTIMATED FUEL REVENUE"/>
    <s v="SCP"/>
    <s v="NONBU"/>
    <s v="G0000110"/>
    <s v="N"/>
    <s v="To identify Estimated Fuel Rev"/>
    <s v=""/>
    <x v="2"/>
    <s v="CAD037BF"/>
    <s v="S"/>
    <s v="KY"/>
    <s v="REV"/>
    <s v="974"/>
    <s v="O430547"/>
    <n v="10"/>
    <n v="2016"/>
  </r>
  <r>
    <s v="110"/>
    <d v="2016-10-31T00:00:00"/>
    <x v="8"/>
    <x v="0"/>
    <s v="10828"/>
    <s v="GLNANDA"/>
    <n v="0"/>
    <n v="0"/>
    <s v="MACSS ESTIMATED FUEL REVENUE"/>
    <s v="SCP"/>
    <s v="NONBU"/>
    <s v="G0000110"/>
    <s v="N"/>
    <s v="To identify Estimated Fuel Rev"/>
    <s v=""/>
    <x v="2"/>
    <s v="CAD037BF"/>
    <s v="S"/>
    <s v="KY"/>
    <s v="REV"/>
    <s v="974"/>
    <s v="O430547"/>
    <n v="10"/>
    <n v="2016"/>
  </r>
  <r>
    <s v="110"/>
    <d v="2016-10-31T00:00:00"/>
    <x v="6"/>
    <x v="0"/>
    <s v="10828"/>
    <s v="GLNANDA"/>
    <n v="0"/>
    <n v="0"/>
    <s v="MACSS ESTIMATED FUEL REVENUE"/>
    <s v="SCP"/>
    <s v="NONBU"/>
    <s v="G0000110"/>
    <s v="N"/>
    <s v="To identify Estimated Fuel Rev"/>
    <s v=""/>
    <x v="2"/>
    <s v="CAD037BF"/>
    <s v="S"/>
    <s v="KY"/>
    <s v="REV"/>
    <s v="974"/>
    <s v="O430547"/>
    <n v="10"/>
    <n v="2016"/>
  </r>
  <r>
    <s v="110"/>
    <d v="2016-10-01T00:00:00"/>
    <x v="8"/>
    <x v="0"/>
    <s v="10828"/>
    <s v="GLNANDA"/>
    <n v="93"/>
    <n v="0"/>
    <s v="MACSS ESTIMATED FUEL REVENUE"/>
    <s v="SCP"/>
    <s v="NONBU"/>
    <s v="G0000110"/>
    <s v="N"/>
    <s v="To identify Estimated Fuel Rev"/>
    <s v=""/>
    <x v="2"/>
    <s v="CAD037BF"/>
    <s v="S"/>
    <s v="KY"/>
    <s v="REV"/>
    <s v="974"/>
    <s v="S173443"/>
    <n v="10"/>
    <n v="2016"/>
  </r>
  <r>
    <s v="110"/>
    <d v="2016-10-01T00:00:00"/>
    <x v="3"/>
    <x v="0"/>
    <s v="10828"/>
    <s v="GLNANDA"/>
    <n v="-2397.31"/>
    <n v="0"/>
    <s v="MACSS ESTIMATED FUEL REVENUE"/>
    <s v="SCP"/>
    <s v="NONBU"/>
    <s v="G0000110"/>
    <s v="N"/>
    <s v="To identify Estimated Fuel Rev"/>
    <s v=""/>
    <x v="2"/>
    <s v="CAD037BF"/>
    <s v="S"/>
    <s v="KY"/>
    <s v="REV"/>
    <s v="974"/>
    <s v="S173443"/>
    <n v="10"/>
    <n v="2016"/>
  </r>
  <r>
    <s v="110"/>
    <d v="2016-10-01T00:00:00"/>
    <x v="11"/>
    <x v="0"/>
    <s v="10828"/>
    <s v="GLNANDA"/>
    <n v="228773.81"/>
    <n v="0"/>
    <s v="MACSS ESTIMATED FUEL REVENUE"/>
    <s v="SCP"/>
    <s v="NONBU"/>
    <s v="G0000110"/>
    <s v="N"/>
    <s v="To identify Estimated Fuel Rev"/>
    <s v=""/>
    <x v="2"/>
    <s v="CAD037BF"/>
    <s v="S"/>
    <s v="KY"/>
    <s v="REV"/>
    <s v="974"/>
    <s v="S173443"/>
    <n v="10"/>
    <n v="2016"/>
  </r>
  <r>
    <s v="110"/>
    <d v="2016-10-01T00:00:00"/>
    <x v="7"/>
    <x v="0"/>
    <s v="10828"/>
    <s v="GLNANDA"/>
    <n v="0"/>
    <n v="0"/>
    <s v="MACSS ESTIMATED FUEL REVENUE"/>
    <s v="SCP"/>
    <s v="NONBU"/>
    <s v="G0000110"/>
    <s v="N"/>
    <s v="To identify Estimated Fuel Rev"/>
    <s v=""/>
    <x v="2"/>
    <s v="CAD037BF"/>
    <s v="S"/>
    <s v="KY"/>
    <s v="REV"/>
    <s v="974"/>
    <s v="S173443"/>
    <n v="10"/>
    <n v="2016"/>
  </r>
  <r>
    <s v="110"/>
    <d v="2016-10-01T00:00:00"/>
    <x v="13"/>
    <x v="0"/>
    <s v="10828"/>
    <s v="GLNANDA"/>
    <n v="0"/>
    <n v="0"/>
    <s v="MACSS ESTIMATED FUEL REVENUE"/>
    <s v="SCP"/>
    <s v="NONBU"/>
    <s v="G0000110"/>
    <s v="N"/>
    <s v="To identify Estimated Fuel Rev"/>
    <s v=""/>
    <x v="2"/>
    <s v="CAD037BF"/>
    <s v="S"/>
    <s v="KY"/>
    <s v="REV"/>
    <s v="974"/>
    <s v="S173443"/>
    <n v="10"/>
    <n v="2016"/>
  </r>
  <r>
    <s v="110"/>
    <d v="2016-10-01T00:00:00"/>
    <x v="5"/>
    <x v="0"/>
    <s v="10828"/>
    <s v="GLNANDA"/>
    <n v="0"/>
    <n v="0"/>
    <s v="MACSS ESTIMATED FUEL REVENUE"/>
    <s v="SCP"/>
    <s v="NONBU"/>
    <s v="G0000110"/>
    <s v="N"/>
    <s v="To identify Estimated Fuel Rev"/>
    <s v=""/>
    <x v="2"/>
    <s v="CAD037BF"/>
    <s v="S"/>
    <s v="KY"/>
    <s v="REV"/>
    <s v="974"/>
    <s v="S173443"/>
    <n v="10"/>
    <n v="2016"/>
  </r>
  <r>
    <s v="110"/>
    <d v="2016-10-01T00:00:00"/>
    <x v="6"/>
    <x v="0"/>
    <s v="10828"/>
    <s v="GLNANDA"/>
    <n v="0"/>
    <n v="0"/>
    <s v="MACSS ESTIMATED FUEL REVENUE"/>
    <s v="SCP"/>
    <s v="NONBU"/>
    <s v="G0000110"/>
    <s v="N"/>
    <s v="To identify Estimated Fuel Rev"/>
    <s v=""/>
    <x v="2"/>
    <s v="CAD037BF"/>
    <s v="S"/>
    <s v="KY"/>
    <s v="REV"/>
    <s v="974"/>
    <s v="S173443"/>
    <n v="10"/>
    <n v="2016"/>
  </r>
  <r>
    <s v="110"/>
    <d v="2016-10-01T00:00:00"/>
    <x v="0"/>
    <x v="0"/>
    <s v="10828"/>
    <s v="GLNANDA"/>
    <n v="-226376.5"/>
    <n v="0"/>
    <s v="MACSS ESTIMATED FUEL REVENUE"/>
    <s v="SCP"/>
    <s v="NONBU"/>
    <s v="G0000110"/>
    <s v="N"/>
    <s v="To identify Estimated Fuel Rev"/>
    <s v=""/>
    <x v="2"/>
    <s v="CAD037BF"/>
    <s v="S"/>
    <s v="KY"/>
    <s v="REV"/>
    <s v="974"/>
    <s v="S173443"/>
    <n v="10"/>
    <n v="2016"/>
  </r>
  <r>
    <s v="110"/>
    <d v="2016-10-01T00:00:00"/>
    <x v="2"/>
    <x v="0"/>
    <s v="10828"/>
    <s v="GLNANDA"/>
    <n v="-93"/>
    <n v="0"/>
    <s v="MACSS ESTIMATED FUEL REVENUE"/>
    <s v="SCP"/>
    <s v="NONBU"/>
    <s v="G0000110"/>
    <s v="N"/>
    <s v="To identify Estimated Fuel Rev"/>
    <s v=""/>
    <x v="2"/>
    <s v="CAD037BF"/>
    <s v="S"/>
    <s v="KY"/>
    <s v="REV"/>
    <s v="974"/>
    <s v="S173443"/>
    <n v="10"/>
    <n v="2016"/>
  </r>
  <r>
    <s v="110"/>
    <d v="2016-09-30T00:00:00"/>
    <x v="8"/>
    <x v="0"/>
    <s v="10828"/>
    <s v="GLNANDA"/>
    <n v="-93"/>
    <n v="0"/>
    <s v="MACSS ESTIMATED FUEL REVENUE"/>
    <s v="SCP"/>
    <s v="NONBU"/>
    <s v="G0000110"/>
    <s v="N"/>
    <s v="To identify Estimated Fuel Rev"/>
    <s v=""/>
    <x v="2"/>
    <s v="CAD037BF"/>
    <s v="S"/>
    <s v="KY"/>
    <s v="REV"/>
    <s v="974"/>
    <s v="O430547"/>
    <n v="9"/>
    <n v="2016"/>
  </r>
  <r>
    <s v="110"/>
    <d v="2016-09-30T00:00:00"/>
    <x v="3"/>
    <x v="0"/>
    <s v="10828"/>
    <s v="GLNANDA"/>
    <n v="2397.31"/>
    <n v="0"/>
    <s v="MACSS ESTIMATED FUEL REVENUE"/>
    <s v="SCP"/>
    <s v="NONBU"/>
    <s v="G0000110"/>
    <s v="N"/>
    <s v="To identify Estimated Fuel Rev"/>
    <s v=""/>
    <x v="2"/>
    <s v="CAD037BF"/>
    <s v="S"/>
    <s v="KY"/>
    <s v="REV"/>
    <s v="974"/>
    <s v="O430547"/>
    <n v="9"/>
    <n v="2016"/>
  </r>
  <r>
    <s v="110"/>
    <d v="2016-09-30T00:00:00"/>
    <x v="6"/>
    <x v="0"/>
    <s v="10828"/>
    <s v="GLNANDA"/>
    <n v="0"/>
    <n v="0"/>
    <s v="MACSS ESTIMATED FUEL REVENUE"/>
    <s v="SCP"/>
    <s v="NONBU"/>
    <s v="G0000110"/>
    <s v="N"/>
    <s v="To identify Estimated Fuel Rev"/>
    <s v=""/>
    <x v="2"/>
    <s v="CAD037BF"/>
    <s v="S"/>
    <s v="KY"/>
    <s v="REV"/>
    <s v="974"/>
    <s v="O430547"/>
    <n v="9"/>
    <n v="2016"/>
  </r>
  <r>
    <s v="110"/>
    <d v="2016-09-30T00:00:00"/>
    <x v="11"/>
    <x v="0"/>
    <s v="10828"/>
    <s v="GLNANDA"/>
    <n v="-228773.81"/>
    <n v="0"/>
    <s v="MACSS ESTIMATED FUEL REVENUE"/>
    <s v="SCP"/>
    <s v="NONBU"/>
    <s v="G0000110"/>
    <s v="N"/>
    <s v="To identify Estimated Fuel Rev"/>
    <s v=""/>
    <x v="2"/>
    <s v="CAD037BF"/>
    <s v="S"/>
    <s v="KY"/>
    <s v="REV"/>
    <s v="974"/>
    <s v="O430547"/>
    <n v="9"/>
    <n v="2016"/>
  </r>
  <r>
    <s v="110"/>
    <d v="2016-09-30T00:00:00"/>
    <x v="0"/>
    <x v="0"/>
    <s v="10828"/>
    <s v="GLNANDA"/>
    <n v="226376.5"/>
    <n v="0"/>
    <s v="MACSS ESTIMATED FUEL REVENUE"/>
    <s v="SCP"/>
    <s v="NONBU"/>
    <s v="G0000110"/>
    <s v="N"/>
    <s v="To identify Estimated Fuel Rev"/>
    <s v=""/>
    <x v="2"/>
    <s v="CAD037BF"/>
    <s v="S"/>
    <s v="KY"/>
    <s v="REV"/>
    <s v="974"/>
    <s v="O430547"/>
    <n v="9"/>
    <n v="2016"/>
  </r>
  <r>
    <s v="110"/>
    <d v="2016-09-30T00:00:00"/>
    <x v="2"/>
    <x v="0"/>
    <s v="10828"/>
    <s v="GLNANDA"/>
    <n v="93"/>
    <n v="0"/>
    <s v="MACSS ESTIMATED FUEL REVENUE"/>
    <s v="SCP"/>
    <s v="NONBU"/>
    <s v="G0000110"/>
    <s v="N"/>
    <s v="To identify Estimated Fuel Rev"/>
    <s v=""/>
    <x v="2"/>
    <s v="CAD037BF"/>
    <s v="S"/>
    <s v="KY"/>
    <s v="REV"/>
    <s v="974"/>
    <s v="O430547"/>
    <n v="9"/>
    <n v="2016"/>
  </r>
  <r>
    <s v="110"/>
    <d v="2016-09-30T00:00:00"/>
    <x v="7"/>
    <x v="0"/>
    <s v="10828"/>
    <s v="GLNANDA"/>
    <n v="0"/>
    <n v="0"/>
    <s v="MACSS ESTIMATED FUEL REVENUE"/>
    <s v="SCP"/>
    <s v="NONBU"/>
    <s v="G0000110"/>
    <s v="N"/>
    <s v="To identify Estimated Fuel Rev"/>
    <s v=""/>
    <x v="2"/>
    <s v="CAD037BF"/>
    <s v="S"/>
    <s v="KY"/>
    <s v="REV"/>
    <s v="974"/>
    <s v="O430547"/>
    <n v="9"/>
    <n v="2016"/>
  </r>
  <r>
    <s v="110"/>
    <d v="2016-09-30T00:00:00"/>
    <x v="5"/>
    <x v="0"/>
    <s v="10828"/>
    <s v="GLNANDA"/>
    <n v="0"/>
    <n v="0"/>
    <s v="MACSS ESTIMATED FUEL REVENUE"/>
    <s v="SCP"/>
    <s v="NONBU"/>
    <s v="G0000110"/>
    <s v="N"/>
    <s v="To identify Estimated Fuel Rev"/>
    <s v=""/>
    <x v="2"/>
    <s v="CAD037BF"/>
    <s v="S"/>
    <s v="KY"/>
    <s v="REV"/>
    <s v="974"/>
    <s v="O430547"/>
    <n v="9"/>
    <n v="2016"/>
  </r>
  <r>
    <s v="110"/>
    <d v="2016-09-30T00:00:00"/>
    <x v="13"/>
    <x v="0"/>
    <s v="10828"/>
    <s v="GLNANDA"/>
    <n v="0"/>
    <n v="0"/>
    <s v="MACSS ESTIMATED FUEL REVENUE"/>
    <s v="SCP"/>
    <s v="NONBU"/>
    <s v="G0000110"/>
    <s v="N"/>
    <s v="To identify Estimated Fuel Rev"/>
    <s v=""/>
    <x v="2"/>
    <s v="CAD037BF"/>
    <s v="S"/>
    <s v="KY"/>
    <s v="REV"/>
    <s v="974"/>
    <s v="O430547"/>
    <n v="9"/>
    <n v="2016"/>
  </r>
  <r>
    <s v="110"/>
    <d v="2016-09-01T00:00:00"/>
    <x v="0"/>
    <x v="0"/>
    <s v="10828"/>
    <s v="GLNANDA"/>
    <n v="-398231.61"/>
    <n v="0"/>
    <s v="MACSS ESTIMATED FUEL REVENUE"/>
    <s v="SCP"/>
    <s v="NONBU"/>
    <s v="G0000110"/>
    <s v="N"/>
    <s v="To identify Estimated Fuel Rev"/>
    <s v=""/>
    <x v="2"/>
    <s v="CAD037BF"/>
    <s v="S"/>
    <s v="KY"/>
    <s v="REV"/>
    <s v="974"/>
    <s v="S173443"/>
    <n v="9"/>
    <n v="2016"/>
  </r>
  <r>
    <s v="110"/>
    <d v="2016-09-01T00:00:00"/>
    <x v="3"/>
    <x v="0"/>
    <s v="10828"/>
    <s v="GLNANDA"/>
    <n v="-3440.62"/>
    <n v="0"/>
    <s v="MACSS ESTIMATED FUEL REVENUE"/>
    <s v="SCP"/>
    <s v="NONBU"/>
    <s v="G0000110"/>
    <s v="N"/>
    <s v="To identify Estimated Fuel Rev"/>
    <s v=""/>
    <x v="2"/>
    <s v="CAD037BF"/>
    <s v="S"/>
    <s v="KY"/>
    <s v="REV"/>
    <s v="974"/>
    <s v="S173443"/>
    <n v="9"/>
    <n v="2016"/>
  </r>
  <r>
    <s v="110"/>
    <d v="2016-09-01T00:00:00"/>
    <x v="7"/>
    <x v="0"/>
    <s v="10828"/>
    <s v="GLNANDA"/>
    <n v="0"/>
    <n v="0"/>
    <s v="MACSS ESTIMATED FUEL REVENUE"/>
    <s v="SCP"/>
    <s v="NONBU"/>
    <s v="G0000110"/>
    <s v="N"/>
    <s v="To identify Estimated Fuel Rev"/>
    <s v=""/>
    <x v="2"/>
    <s v="CAD037BF"/>
    <s v="S"/>
    <s v="KY"/>
    <s v="REV"/>
    <s v="974"/>
    <s v="S173443"/>
    <n v="9"/>
    <n v="2016"/>
  </r>
  <r>
    <s v="110"/>
    <d v="2016-09-01T00:00:00"/>
    <x v="2"/>
    <x v="0"/>
    <s v="10828"/>
    <s v="GLNANDA"/>
    <n v="-1116.3499999999999"/>
    <n v="0"/>
    <s v="MACSS ESTIMATED FUEL REVENUE"/>
    <s v="SCP"/>
    <s v="NONBU"/>
    <s v="G0000110"/>
    <s v="N"/>
    <s v="To identify Estimated Fuel Rev"/>
    <s v=""/>
    <x v="2"/>
    <s v="CAD037BF"/>
    <s v="S"/>
    <s v="KY"/>
    <s v="REV"/>
    <s v="974"/>
    <s v="S173443"/>
    <n v="9"/>
    <n v="2016"/>
  </r>
  <r>
    <s v="110"/>
    <d v="2016-09-01T00:00:00"/>
    <x v="8"/>
    <x v="0"/>
    <s v="10828"/>
    <s v="GLNANDA"/>
    <n v="1116.3499999999999"/>
    <n v="0"/>
    <s v="MACSS ESTIMATED FUEL REVENUE"/>
    <s v="SCP"/>
    <s v="NONBU"/>
    <s v="G0000110"/>
    <s v="N"/>
    <s v="To identify Estimated Fuel Rev"/>
    <s v=""/>
    <x v="2"/>
    <s v="CAD037BF"/>
    <s v="S"/>
    <s v="KY"/>
    <s v="REV"/>
    <s v="974"/>
    <s v="S173443"/>
    <n v="9"/>
    <n v="2016"/>
  </r>
  <r>
    <s v="110"/>
    <d v="2016-09-01T00:00:00"/>
    <x v="11"/>
    <x v="0"/>
    <s v="10828"/>
    <s v="GLNANDA"/>
    <n v="401672.23"/>
    <n v="0"/>
    <s v="MACSS ESTIMATED FUEL REVENUE"/>
    <s v="SCP"/>
    <s v="NONBU"/>
    <s v="G0000110"/>
    <s v="N"/>
    <s v="To identify Estimated Fuel Rev"/>
    <s v=""/>
    <x v="2"/>
    <s v="CAD037BF"/>
    <s v="S"/>
    <s v="KY"/>
    <s v="REV"/>
    <s v="974"/>
    <s v="S173443"/>
    <n v="9"/>
    <n v="2016"/>
  </r>
  <r>
    <s v="110"/>
    <d v="2016-09-01T00:00:00"/>
    <x v="6"/>
    <x v="0"/>
    <s v="10828"/>
    <s v="GLNANDA"/>
    <n v="0"/>
    <n v="0"/>
    <s v="MACSS ESTIMATED FUEL REVENUE"/>
    <s v="SCP"/>
    <s v="NONBU"/>
    <s v="G0000110"/>
    <s v="N"/>
    <s v="To identify Estimated Fuel Rev"/>
    <s v=""/>
    <x v="2"/>
    <s v="CAD037BF"/>
    <s v="S"/>
    <s v="KY"/>
    <s v="REV"/>
    <s v="974"/>
    <s v="S173443"/>
    <n v="9"/>
    <n v="2016"/>
  </r>
  <r>
    <s v="110"/>
    <d v="2016-09-01T00:00:00"/>
    <x v="13"/>
    <x v="0"/>
    <s v="10828"/>
    <s v="GLNANDA"/>
    <n v="0"/>
    <n v="0"/>
    <s v="MACSS ESTIMATED FUEL REVENUE"/>
    <s v="SCP"/>
    <s v="NONBU"/>
    <s v="G0000110"/>
    <s v="N"/>
    <s v="To identify Estimated Fuel Rev"/>
    <s v=""/>
    <x v="2"/>
    <s v="CAD037BF"/>
    <s v="S"/>
    <s v="KY"/>
    <s v="REV"/>
    <s v="974"/>
    <s v="S173443"/>
    <n v="9"/>
    <n v="2016"/>
  </r>
  <r>
    <s v="110"/>
    <d v="2016-09-01T00:00:00"/>
    <x v="5"/>
    <x v="0"/>
    <s v="10828"/>
    <s v="GLNANDA"/>
    <n v="0"/>
    <n v="0"/>
    <s v="MACSS ESTIMATED FUEL REVENUE"/>
    <s v="SCP"/>
    <s v="NONBU"/>
    <s v="G0000110"/>
    <s v="N"/>
    <s v="To identify Estimated Fuel Rev"/>
    <s v=""/>
    <x v="2"/>
    <s v="CAD037BF"/>
    <s v="S"/>
    <s v="KY"/>
    <s v="REV"/>
    <s v="974"/>
    <s v="S173443"/>
    <n v="9"/>
    <n v="2016"/>
  </r>
  <r>
    <s v="110"/>
    <d v="2016-08-31T00:00:00"/>
    <x v="8"/>
    <x v="0"/>
    <s v="10828"/>
    <s v="GLNANDA"/>
    <n v="-1116.3499999999999"/>
    <n v="0"/>
    <s v="MACSS ESTIMATED FUEL REVENUE"/>
    <s v="SCP"/>
    <s v="NONBU"/>
    <s v="G0000110"/>
    <s v="N"/>
    <s v="To identify Estimated Fuel Rev"/>
    <s v=""/>
    <x v="2"/>
    <s v="CAD037BF"/>
    <s v="S"/>
    <s v="KY"/>
    <s v="REV"/>
    <s v="974"/>
    <s v="O430547"/>
    <n v="8"/>
    <n v="2016"/>
  </r>
  <r>
    <s v="110"/>
    <d v="2016-08-31T00:00:00"/>
    <x v="3"/>
    <x v="0"/>
    <s v="10828"/>
    <s v="GLNANDA"/>
    <n v="3440.62"/>
    <n v="0"/>
    <s v="MACSS ESTIMATED FUEL REVENUE"/>
    <s v="SCP"/>
    <s v="NONBU"/>
    <s v="G0000110"/>
    <s v="N"/>
    <s v="To identify Estimated Fuel Rev"/>
    <s v=""/>
    <x v="2"/>
    <s v="CAD037BF"/>
    <s v="S"/>
    <s v="KY"/>
    <s v="REV"/>
    <s v="974"/>
    <s v="O430547"/>
    <n v="8"/>
    <n v="2016"/>
  </r>
  <r>
    <s v="110"/>
    <d v="2016-08-31T00:00:00"/>
    <x v="6"/>
    <x v="0"/>
    <s v="10828"/>
    <s v="GLNANDA"/>
    <n v="0"/>
    <n v="0"/>
    <s v="MACSS ESTIMATED FUEL REVENUE"/>
    <s v="SCP"/>
    <s v="NONBU"/>
    <s v="G0000110"/>
    <s v="N"/>
    <s v="To identify Estimated Fuel Rev"/>
    <s v=""/>
    <x v="2"/>
    <s v="CAD037BF"/>
    <s v="S"/>
    <s v="KY"/>
    <s v="REV"/>
    <s v="974"/>
    <s v="O430547"/>
    <n v="8"/>
    <n v="2016"/>
  </r>
  <r>
    <s v="110"/>
    <d v="2016-08-31T00:00:00"/>
    <x v="7"/>
    <x v="0"/>
    <s v="10828"/>
    <s v="GLNANDA"/>
    <n v="0"/>
    <n v="0"/>
    <s v="MACSS ESTIMATED FUEL REVENUE"/>
    <s v="SCP"/>
    <s v="NONBU"/>
    <s v="G0000110"/>
    <s v="N"/>
    <s v="To identify Estimated Fuel Rev"/>
    <s v=""/>
    <x v="2"/>
    <s v="CAD037BF"/>
    <s v="S"/>
    <s v="KY"/>
    <s v="REV"/>
    <s v="974"/>
    <s v="O430547"/>
    <n v="8"/>
    <n v="2016"/>
  </r>
  <r>
    <s v="110"/>
    <d v="2016-08-31T00:00:00"/>
    <x v="0"/>
    <x v="0"/>
    <s v="10828"/>
    <s v="GLNANDA"/>
    <n v="398231.61"/>
    <n v="0"/>
    <s v="MACSS ESTIMATED FUEL REVENUE"/>
    <s v="SCP"/>
    <s v="NONBU"/>
    <s v="G0000110"/>
    <s v="N"/>
    <s v="To identify Estimated Fuel Rev"/>
    <s v=""/>
    <x v="2"/>
    <s v="CAD037BF"/>
    <s v="S"/>
    <s v="KY"/>
    <s v="REV"/>
    <s v="974"/>
    <s v="O430547"/>
    <n v="8"/>
    <n v="2016"/>
  </r>
  <r>
    <s v="110"/>
    <d v="2016-08-31T00:00:00"/>
    <x v="2"/>
    <x v="0"/>
    <s v="10828"/>
    <s v="GLNANDA"/>
    <n v="1116.3499999999999"/>
    <n v="0"/>
    <s v="MACSS ESTIMATED FUEL REVENUE"/>
    <s v="SCP"/>
    <s v="NONBU"/>
    <s v="G0000110"/>
    <s v="N"/>
    <s v="To identify Estimated Fuel Rev"/>
    <s v=""/>
    <x v="2"/>
    <s v="CAD037BF"/>
    <s v="S"/>
    <s v="KY"/>
    <s v="REV"/>
    <s v="974"/>
    <s v="O430547"/>
    <n v="8"/>
    <n v="2016"/>
  </r>
  <r>
    <s v="110"/>
    <d v="2016-08-31T00:00:00"/>
    <x v="13"/>
    <x v="0"/>
    <s v="10828"/>
    <s v="GLNANDA"/>
    <n v="0"/>
    <n v="0"/>
    <s v="MACSS ESTIMATED FUEL REVENUE"/>
    <s v="SCP"/>
    <s v="NONBU"/>
    <s v="G0000110"/>
    <s v="N"/>
    <s v="To identify Estimated Fuel Rev"/>
    <s v=""/>
    <x v="2"/>
    <s v="CAD037BF"/>
    <s v="S"/>
    <s v="KY"/>
    <s v="REV"/>
    <s v="974"/>
    <s v="O430547"/>
    <n v="8"/>
    <n v="2016"/>
  </r>
  <r>
    <s v="110"/>
    <d v="2016-08-31T00:00:00"/>
    <x v="5"/>
    <x v="0"/>
    <s v="10828"/>
    <s v="GLNANDA"/>
    <n v="0"/>
    <n v="0"/>
    <s v="MACSS ESTIMATED FUEL REVENUE"/>
    <s v="SCP"/>
    <s v="NONBU"/>
    <s v="G0000110"/>
    <s v="N"/>
    <s v="To identify Estimated Fuel Rev"/>
    <s v=""/>
    <x v="2"/>
    <s v="CAD037BF"/>
    <s v="S"/>
    <s v="KY"/>
    <s v="REV"/>
    <s v="974"/>
    <s v="O430547"/>
    <n v="8"/>
    <n v="2016"/>
  </r>
  <r>
    <s v="110"/>
    <d v="2016-08-31T00:00:00"/>
    <x v="11"/>
    <x v="0"/>
    <s v="10828"/>
    <s v="GLNANDA"/>
    <n v="-401672.23"/>
    <n v="0"/>
    <s v="MACSS ESTIMATED FUEL REVENUE"/>
    <s v="SCP"/>
    <s v="NONBU"/>
    <s v="G0000110"/>
    <s v="N"/>
    <s v="To identify Estimated Fuel Rev"/>
    <s v=""/>
    <x v="2"/>
    <s v="CAD037BF"/>
    <s v="S"/>
    <s v="KY"/>
    <s v="REV"/>
    <s v="974"/>
    <s v="O430547"/>
    <n v="8"/>
    <n v="2016"/>
  </r>
  <r>
    <s v="110"/>
    <d v="2016-08-01T00:00:00"/>
    <x v="0"/>
    <x v="0"/>
    <s v="10828"/>
    <s v="GLNANDA"/>
    <n v="-2514040.1800000002"/>
    <n v="0"/>
    <s v="MACSS ESTIMATED FUEL REVENUE"/>
    <s v="SCP"/>
    <s v="NONBU"/>
    <s v="G0000110"/>
    <s v="N"/>
    <s v="To identify Estimated Fuel Rev"/>
    <s v=""/>
    <x v="2"/>
    <s v="CAD037BF"/>
    <s v="S"/>
    <s v="KY"/>
    <s v="REV"/>
    <s v="974"/>
    <s v="S173443"/>
    <n v="8"/>
    <n v="2016"/>
  </r>
  <r>
    <s v="110"/>
    <d v="2016-08-01T00:00:00"/>
    <x v="3"/>
    <x v="0"/>
    <s v="10828"/>
    <s v="GLNANDA"/>
    <n v="-2845.62"/>
    <n v="0"/>
    <s v="MACSS ESTIMATED FUEL REVENUE"/>
    <s v="SCP"/>
    <s v="NONBU"/>
    <s v="G0000110"/>
    <s v="N"/>
    <s v="To identify Estimated Fuel Rev"/>
    <s v=""/>
    <x v="2"/>
    <s v="CAD037BF"/>
    <s v="S"/>
    <s v="KY"/>
    <s v="REV"/>
    <s v="974"/>
    <s v="S173443"/>
    <n v="8"/>
    <n v="2016"/>
  </r>
  <r>
    <s v="110"/>
    <d v="2016-08-01T00:00:00"/>
    <x v="7"/>
    <x v="0"/>
    <s v="10828"/>
    <s v="GLNANDA"/>
    <n v="0"/>
    <n v="0"/>
    <s v="MACSS ESTIMATED FUEL REVENUE"/>
    <s v="SCP"/>
    <s v="NONBU"/>
    <s v="G0000110"/>
    <s v="N"/>
    <s v="To identify Estimated Fuel Rev"/>
    <s v=""/>
    <x v="2"/>
    <s v="CAD037BF"/>
    <s v="S"/>
    <s v="KY"/>
    <s v="REV"/>
    <s v="974"/>
    <s v="S173443"/>
    <n v="8"/>
    <n v="2016"/>
  </r>
  <r>
    <s v="110"/>
    <d v="2016-08-01T00:00:00"/>
    <x v="2"/>
    <x v="0"/>
    <s v="10828"/>
    <s v="GLNANDA"/>
    <n v="0"/>
    <n v="0"/>
    <s v="MACSS ESTIMATED FUEL REVENUE"/>
    <s v="SCP"/>
    <s v="NONBU"/>
    <s v="G0000110"/>
    <s v="N"/>
    <s v="To identify Estimated Fuel Rev"/>
    <s v=""/>
    <x v="2"/>
    <s v="CAD037BF"/>
    <s v="S"/>
    <s v="KY"/>
    <s v="REV"/>
    <s v="974"/>
    <s v="S173443"/>
    <n v="8"/>
    <n v="2016"/>
  </r>
  <r>
    <s v="110"/>
    <d v="2016-08-01T00:00:00"/>
    <x v="8"/>
    <x v="0"/>
    <s v="10828"/>
    <s v="GLNANDA"/>
    <n v="0"/>
    <n v="0"/>
    <s v="MACSS ESTIMATED FUEL REVENUE"/>
    <s v="SCP"/>
    <s v="NONBU"/>
    <s v="G0000110"/>
    <s v="N"/>
    <s v="To identify Estimated Fuel Rev"/>
    <s v=""/>
    <x v="2"/>
    <s v="CAD037BF"/>
    <s v="S"/>
    <s v="KY"/>
    <s v="REV"/>
    <s v="974"/>
    <s v="S173443"/>
    <n v="8"/>
    <n v="2016"/>
  </r>
  <r>
    <s v="110"/>
    <d v="2016-08-01T00:00:00"/>
    <x v="11"/>
    <x v="0"/>
    <s v="10828"/>
    <s v="GLNANDA"/>
    <n v="2516885.7999999998"/>
    <n v="0"/>
    <s v="MACSS ESTIMATED FUEL REVENUE"/>
    <s v="SCP"/>
    <s v="NONBU"/>
    <s v="G0000110"/>
    <s v="N"/>
    <s v="To identify Estimated Fuel Rev"/>
    <s v=""/>
    <x v="2"/>
    <s v="CAD037BF"/>
    <s v="S"/>
    <s v="KY"/>
    <s v="REV"/>
    <s v="974"/>
    <s v="S173443"/>
    <n v="8"/>
    <n v="2016"/>
  </r>
  <r>
    <s v="110"/>
    <d v="2016-08-01T00:00:00"/>
    <x v="6"/>
    <x v="0"/>
    <s v="10828"/>
    <s v="GLNANDA"/>
    <n v="0"/>
    <n v="0"/>
    <s v="MACSS ESTIMATED FUEL REVENUE"/>
    <s v="SCP"/>
    <s v="NONBU"/>
    <s v="G0000110"/>
    <s v="N"/>
    <s v="To identify Estimated Fuel Rev"/>
    <s v=""/>
    <x v="2"/>
    <s v="CAD037BF"/>
    <s v="S"/>
    <s v="KY"/>
    <s v="REV"/>
    <s v="974"/>
    <s v="S173443"/>
    <n v="8"/>
    <n v="2016"/>
  </r>
  <r>
    <s v="110"/>
    <d v="2016-08-01T00:00:00"/>
    <x v="13"/>
    <x v="0"/>
    <s v="10828"/>
    <s v="GLNANDA"/>
    <n v="0"/>
    <n v="0"/>
    <s v="MACSS ESTIMATED FUEL REVENUE"/>
    <s v="SCP"/>
    <s v="NONBU"/>
    <s v="G0000110"/>
    <s v="N"/>
    <s v="To identify Estimated Fuel Rev"/>
    <s v=""/>
    <x v="2"/>
    <s v="CAD037BF"/>
    <s v="S"/>
    <s v="KY"/>
    <s v="REV"/>
    <s v="974"/>
    <s v="S173443"/>
    <n v="8"/>
    <n v="2016"/>
  </r>
  <r>
    <s v="110"/>
    <d v="2016-08-01T00:00:00"/>
    <x v="5"/>
    <x v="0"/>
    <s v="10828"/>
    <s v="GLNANDA"/>
    <n v="0"/>
    <n v="0"/>
    <s v="MACSS ESTIMATED FUEL REVENUE"/>
    <s v="SCP"/>
    <s v="NONBU"/>
    <s v="G0000110"/>
    <s v="N"/>
    <s v="To identify Estimated Fuel Rev"/>
    <s v=""/>
    <x v="2"/>
    <s v="CAD037BF"/>
    <s v="S"/>
    <s v="KY"/>
    <s v="REV"/>
    <s v="974"/>
    <s v="S173443"/>
    <n v="8"/>
    <n v="2016"/>
  </r>
  <r>
    <s v="110"/>
    <d v="2016-07-31T00:00:00"/>
    <x v="13"/>
    <x v="0"/>
    <s v="10828"/>
    <s v="GLNANDA"/>
    <n v="0"/>
    <n v="0"/>
    <s v="MACSS ESTIMATED FUEL REVENUE"/>
    <s v="SCP"/>
    <s v="NONBU"/>
    <s v="G0000110"/>
    <s v="N"/>
    <s v="To identify Estimated Fuel Rev"/>
    <s v=""/>
    <x v="2"/>
    <s v="CAD037BF"/>
    <s v="S"/>
    <s v="KY"/>
    <s v="REV"/>
    <s v="974"/>
    <s v="S132940"/>
    <n v="7"/>
    <n v="2016"/>
  </r>
  <r>
    <s v="110"/>
    <d v="2016-07-31T00:00:00"/>
    <x v="6"/>
    <x v="0"/>
    <s v="10828"/>
    <s v="GLNANDA"/>
    <n v="0"/>
    <n v="0"/>
    <s v="MACSS ESTIMATED FUEL REVENUE"/>
    <s v="SCP"/>
    <s v="NONBU"/>
    <s v="G0000110"/>
    <s v="N"/>
    <s v="To identify Estimated Fuel Rev"/>
    <s v=""/>
    <x v="2"/>
    <s v="CAD037BF"/>
    <s v="S"/>
    <s v="KY"/>
    <s v="REV"/>
    <s v="974"/>
    <s v="S132940"/>
    <n v="7"/>
    <n v="2016"/>
  </r>
  <r>
    <s v="110"/>
    <d v="2016-07-31T00:00:00"/>
    <x v="11"/>
    <x v="0"/>
    <s v="10828"/>
    <s v="GLNANDA"/>
    <n v="-2516885.7999999998"/>
    <n v="0"/>
    <s v="MACSS ESTIMATED FUEL REVENUE"/>
    <s v="SCP"/>
    <s v="NONBU"/>
    <s v="G0000110"/>
    <s v="N"/>
    <s v="To identify Estimated Fuel Rev"/>
    <s v=""/>
    <x v="2"/>
    <s v="CAD037BF"/>
    <s v="S"/>
    <s v="KY"/>
    <s v="REV"/>
    <s v="974"/>
    <s v="S132940"/>
    <n v="7"/>
    <n v="2016"/>
  </r>
  <r>
    <s v="110"/>
    <d v="2016-07-31T00:00:00"/>
    <x v="8"/>
    <x v="0"/>
    <s v="10828"/>
    <s v="GLNANDA"/>
    <n v="0"/>
    <n v="0"/>
    <s v="MACSS ESTIMATED FUEL REVENUE"/>
    <s v="SCP"/>
    <s v="NONBU"/>
    <s v="G0000110"/>
    <s v="N"/>
    <s v="To identify Estimated Fuel Rev"/>
    <s v=""/>
    <x v="2"/>
    <s v="CAD037BF"/>
    <s v="S"/>
    <s v="KY"/>
    <s v="REV"/>
    <s v="974"/>
    <s v="S132940"/>
    <n v="7"/>
    <n v="2016"/>
  </r>
  <r>
    <s v="110"/>
    <d v="2016-07-31T00:00:00"/>
    <x v="5"/>
    <x v="0"/>
    <s v="10828"/>
    <s v="GLNANDA"/>
    <n v="0"/>
    <n v="0"/>
    <s v="MACSS ESTIMATED FUEL REVENUE"/>
    <s v="SCP"/>
    <s v="NONBU"/>
    <s v="G0000110"/>
    <s v="N"/>
    <s v="To identify Estimated Fuel Rev"/>
    <s v=""/>
    <x v="2"/>
    <s v="CAD037BF"/>
    <s v="S"/>
    <s v="KY"/>
    <s v="REV"/>
    <s v="974"/>
    <s v="S132940"/>
    <n v="7"/>
    <n v="2016"/>
  </r>
  <r>
    <s v="110"/>
    <d v="2016-07-31T00:00:00"/>
    <x v="2"/>
    <x v="0"/>
    <s v="10828"/>
    <s v="GLNANDA"/>
    <n v="0"/>
    <n v="0"/>
    <s v="MACSS ESTIMATED FUEL REVENUE"/>
    <s v="SCP"/>
    <s v="NONBU"/>
    <s v="G0000110"/>
    <s v="N"/>
    <s v="To identify Estimated Fuel Rev"/>
    <s v=""/>
    <x v="2"/>
    <s v="CAD037BF"/>
    <s v="S"/>
    <s v="KY"/>
    <s v="REV"/>
    <s v="974"/>
    <s v="S132940"/>
    <n v="7"/>
    <n v="2016"/>
  </r>
  <r>
    <s v="110"/>
    <d v="2016-07-31T00:00:00"/>
    <x v="7"/>
    <x v="0"/>
    <s v="10828"/>
    <s v="GLNANDA"/>
    <n v="0"/>
    <n v="0"/>
    <s v="MACSS ESTIMATED FUEL REVENUE"/>
    <s v="SCP"/>
    <s v="NONBU"/>
    <s v="G0000110"/>
    <s v="N"/>
    <s v="To identify Estimated Fuel Rev"/>
    <s v=""/>
    <x v="2"/>
    <s v="CAD037BF"/>
    <s v="S"/>
    <s v="KY"/>
    <s v="REV"/>
    <s v="974"/>
    <s v="S132940"/>
    <n v="7"/>
    <n v="2016"/>
  </r>
  <r>
    <s v="110"/>
    <d v="2016-07-31T00:00:00"/>
    <x v="3"/>
    <x v="0"/>
    <s v="10828"/>
    <s v="GLNANDA"/>
    <n v="2845.62"/>
    <n v="0"/>
    <s v="MACSS ESTIMATED FUEL REVENUE"/>
    <s v="SCP"/>
    <s v="NONBU"/>
    <s v="G0000110"/>
    <s v="N"/>
    <s v="To identify Estimated Fuel Rev"/>
    <s v=""/>
    <x v="2"/>
    <s v="CAD037BF"/>
    <s v="S"/>
    <s v="KY"/>
    <s v="REV"/>
    <s v="974"/>
    <s v="S132940"/>
    <n v="7"/>
    <n v="2016"/>
  </r>
  <r>
    <s v="110"/>
    <d v="2016-07-31T00:00:00"/>
    <x v="0"/>
    <x v="0"/>
    <s v="10828"/>
    <s v="GLNANDA"/>
    <n v="2514040.1800000002"/>
    <n v="0"/>
    <s v="MACSS ESTIMATED FUEL REVENUE"/>
    <s v="SCP"/>
    <s v="NONBU"/>
    <s v="G0000110"/>
    <s v="N"/>
    <s v="To identify Estimated Fuel Rev"/>
    <s v=""/>
    <x v="2"/>
    <s v="CAD037BF"/>
    <s v="S"/>
    <s v="KY"/>
    <s v="REV"/>
    <s v="974"/>
    <s v="S132940"/>
    <n v="7"/>
    <n v="2016"/>
  </r>
  <r>
    <s v="110"/>
    <d v="2016-07-01T00:00:00"/>
    <x v="13"/>
    <x v="0"/>
    <s v="10828"/>
    <s v="GLNANDA"/>
    <n v="0"/>
    <n v="0"/>
    <s v="MACSS ESTIMATED FUEL REVENUE"/>
    <s v="SCP"/>
    <s v="NONBU"/>
    <s v="G0000110"/>
    <s v="N"/>
    <s v="To identify Estimated Fuel Rev"/>
    <s v=""/>
    <x v="2"/>
    <s v="CAD037BF"/>
    <s v="S"/>
    <s v="KY"/>
    <s v="REV"/>
    <s v="974"/>
    <s v="S173443"/>
    <n v="7"/>
    <n v="2016"/>
  </r>
  <r>
    <s v="110"/>
    <d v="2016-07-01T00:00:00"/>
    <x v="6"/>
    <x v="0"/>
    <s v="10828"/>
    <s v="GLNANDA"/>
    <n v="0"/>
    <n v="0"/>
    <s v="MACSS ESTIMATED FUEL REVENUE"/>
    <s v="SCP"/>
    <s v="NONBU"/>
    <s v="G0000110"/>
    <s v="N"/>
    <s v="To identify Estimated Fuel Rev"/>
    <s v=""/>
    <x v="2"/>
    <s v="CAD037BF"/>
    <s v="S"/>
    <s v="KY"/>
    <s v="REV"/>
    <s v="974"/>
    <s v="S173443"/>
    <n v="7"/>
    <n v="2016"/>
  </r>
  <r>
    <s v="110"/>
    <d v="2016-07-01T00:00:00"/>
    <x v="11"/>
    <x v="0"/>
    <s v="10828"/>
    <s v="GLNANDA"/>
    <n v="2529782.58"/>
    <n v="0"/>
    <s v="MACSS ESTIMATED FUEL REVENUE"/>
    <s v="SCP"/>
    <s v="NONBU"/>
    <s v="G0000110"/>
    <s v="N"/>
    <s v="To identify Estimated Fuel Rev"/>
    <s v=""/>
    <x v="2"/>
    <s v="CAD037BF"/>
    <s v="S"/>
    <s v="KY"/>
    <s v="REV"/>
    <s v="974"/>
    <s v="S173443"/>
    <n v="7"/>
    <n v="2016"/>
  </r>
  <r>
    <s v="110"/>
    <d v="2016-07-01T00:00:00"/>
    <x v="8"/>
    <x v="0"/>
    <s v="10828"/>
    <s v="GLNANDA"/>
    <n v="0"/>
    <n v="0"/>
    <s v="MACSS ESTIMATED FUEL REVENUE"/>
    <s v="SCP"/>
    <s v="NONBU"/>
    <s v="G0000110"/>
    <s v="N"/>
    <s v="To identify Estimated Fuel Rev"/>
    <s v=""/>
    <x v="2"/>
    <s v="CAD037BF"/>
    <s v="S"/>
    <s v="KY"/>
    <s v="REV"/>
    <s v="974"/>
    <s v="S173443"/>
    <n v="7"/>
    <n v="2016"/>
  </r>
  <r>
    <s v="110"/>
    <d v="2016-07-01T00:00:00"/>
    <x v="3"/>
    <x v="0"/>
    <s v="10828"/>
    <s v="GLNANDA"/>
    <n v="-3028.5"/>
    <n v="0"/>
    <s v="MACSS ESTIMATED FUEL REVENUE"/>
    <s v="SCP"/>
    <s v="NONBU"/>
    <s v="G0000110"/>
    <s v="N"/>
    <s v="To identify Estimated Fuel Rev"/>
    <s v=""/>
    <x v="2"/>
    <s v="CAD037BF"/>
    <s v="S"/>
    <s v="KY"/>
    <s v="REV"/>
    <s v="974"/>
    <s v="S173443"/>
    <n v="7"/>
    <n v="2016"/>
  </r>
  <r>
    <s v="110"/>
    <d v="2016-07-01T00:00:00"/>
    <x v="0"/>
    <x v="0"/>
    <s v="10828"/>
    <s v="GLNANDA"/>
    <n v="-2526754.08"/>
    <n v="0"/>
    <s v="MACSS ESTIMATED FUEL REVENUE"/>
    <s v="SCP"/>
    <s v="NONBU"/>
    <s v="G0000110"/>
    <s v="N"/>
    <s v="To identify Estimated Fuel Rev"/>
    <s v=""/>
    <x v="2"/>
    <s v="CAD037BF"/>
    <s v="S"/>
    <s v="KY"/>
    <s v="REV"/>
    <s v="974"/>
    <s v="S173443"/>
    <n v="7"/>
    <n v="2016"/>
  </r>
  <r>
    <s v="110"/>
    <d v="2016-07-01T00:00:00"/>
    <x v="2"/>
    <x v="0"/>
    <s v="10828"/>
    <s v="GLNANDA"/>
    <n v="0"/>
    <n v="0"/>
    <s v="MACSS ESTIMATED FUEL REVENUE"/>
    <s v="SCP"/>
    <s v="NONBU"/>
    <s v="G0000110"/>
    <s v="N"/>
    <s v="To identify Estimated Fuel Rev"/>
    <s v=""/>
    <x v="2"/>
    <s v="CAD037BF"/>
    <s v="S"/>
    <s v="KY"/>
    <s v="REV"/>
    <s v="974"/>
    <s v="S173443"/>
    <n v="7"/>
    <n v="2016"/>
  </r>
  <r>
    <s v="110"/>
    <d v="2016-07-01T00:00:00"/>
    <x v="7"/>
    <x v="0"/>
    <s v="10828"/>
    <s v="GLNANDA"/>
    <n v="0"/>
    <n v="0"/>
    <s v="MACSS ESTIMATED FUEL REVENUE"/>
    <s v="SCP"/>
    <s v="NONBU"/>
    <s v="G0000110"/>
    <s v="N"/>
    <s v="To identify Estimated Fuel Rev"/>
    <s v=""/>
    <x v="2"/>
    <s v="CAD037BF"/>
    <s v="S"/>
    <s v="KY"/>
    <s v="REV"/>
    <s v="974"/>
    <s v="S173443"/>
    <n v="7"/>
    <n v="2016"/>
  </r>
  <r>
    <s v="110"/>
    <d v="2016-07-01T00:00:00"/>
    <x v="5"/>
    <x v="0"/>
    <s v="10828"/>
    <s v="GLNANDA"/>
    <n v="0"/>
    <n v="0"/>
    <s v="MACSS ESTIMATED FUEL REVENUE"/>
    <s v="SCP"/>
    <s v="NONBU"/>
    <s v="G0000110"/>
    <s v="N"/>
    <s v="To identify Estimated Fuel Rev"/>
    <s v=""/>
    <x v="2"/>
    <s v="CAD037BF"/>
    <s v="S"/>
    <s v="KY"/>
    <s v="REV"/>
    <s v="974"/>
    <s v="S173443"/>
    <n v="7"/>
    <n v="2016"/>
  </r>
  <r>
    <s v="110"/>
    <d v="2016-06-30T00:00:00"/>
    <x v="11"/>
    <x v="0"/>
    <s v="10828"/>
    <s v="GLNANDA"/>
    <n v="-2529782.58"/>
    <n v="0"/>
    <s v="MACSS ESTIMATED FUEL REVENUE"/>
    <s v="SCP"/>
    <s v="NONBU"/>
    <s v="G0000110"/>
    <s v="N"/>
    <s v="To identify Estimated Fuel Rev"/>
    <s v=""/>
    <x v="2"/>
    <s v="CAD037BF"/>
    <s v="S"/>
    <s v="KY"/>
    <s v="REV"/>
    <s v="974"/>
    <s v="S006819"/>
    <n v="6"/>
    <n v="2016"/>
  </r>
  <r>
    <s v="110"/>
    <d v="2016-06-30T00:00:00"/>
    <x v="7"/>
    <x v="0"/>
    <s v="10828"/>
    <s v="GLNANDA"/>
    <n v="0"/>
    <n v="0"/>
    <s v="MACSS ESTIMATED FUEL REVENUE"/>
    <s v="SCP"/>
    <s v="NONBU"/>
    <s v="G0000110"/>
    <s v="N"/>
    <s v="To identify Estimated Fuel Rev"/>
    <s v=""/>
    <x v="2"/>
    <s v="CAD037BF"/>
    <s v="S"/>
    <s v="KY"/>
    <s v="REV"/>
    <s v="974"/>
    <s v="S006819"/>
    <n v="6"/>
    <n v="2016"/>
  </r>
  <r>
    <s v="110"/>
    <d v="2016-06-30T00:00:00"/>
    <x v="6"/>
    <x v="0"/>
    <s v="10828"/>
    <s v="GLNANDA"/>
    <n v="0"/>
    <n v="0"/>
    <s v="MACSS ESTIMATED FUEL REVENUE"/>
    <s v="SCP"/>
    <s v="NONBU"/>
    <s v="G0000110"/>
    <s v="N"/>
    <s v="To identify Estimated Fuel Rev"/>
    <s v=""/>
    <x v="2"/>
    <s v="CAD037BF"/>
    <s v="S"/>
    <s v="KY"/>
    <s v="REV"/>
    <s v="974"/>
    <s v="S006819"/>
    <n v="6"/>
    <n v="2016"/>
  </r>
  <r>
    <s v="110"/>
    <d v="2016-06-30T00:00:00"/>
    <x v="2"/>
    <x v="0"/>
    <s v="10828"/>
    <s v="GLNANDA"/>
    <n v="0"/>
    <n v="0"/>
    <s v="MACSS ESTIMATED FUEL REVENUE"/>
    <s v="SCP"/>
    <s v="NONBU"/>
    <s v="G0000110"/>
    <s v="N"/>
    <s v="To identify Estimated Fuel Rev"/>
    <s v=""/>
    <x v="2"/>
    <s v="CAD037BF"/>
    <s v="S"/>
    <s v="KY"/>
    <s v="REV"/>
    <s v="974"/>
    <s v="S006819"/>
    <n v="6"/>
    <n v="2016"/>
  </r>
  <r>
    <s v="110"/>
    <d v="2016-06-30T00:00:00"/>
    <x v="3"/>
    <x v="0"/>
    <s v="10828"/>
    <s v="GLNANDA"/>
    <n v="3028.5"/>
    <n v="0"/>
    <s v="MACSS ESTIMATED FUEL REVENUE"/>
    <s v="SCP"/>
    <s v="NONBU"/>
    <s v="G0000110"/>
    <s v="N"/>
    <s v="To identify Estimated Fuel Rev"/>
    <s v=""/>
    <x v="2"/>
    <s v="CAD037BF"/>
    <s v="S"/>
    <s v="KY"/>
    <s v="REV"/>
    <s v="974"/>
    <s v="S006819"/>
    <n v="6"/>
    <n v="2016"/>
  </r>
  <r>
    <s v="110"/>
    <d v="2016-06-30T00:00:00"/>
    <x v="5"/>
    <x v="0"/>
    <s v="10828"/>
    <s v="GLNANDA"/>
    <n v="0"/>
    <n v="0"/>
    <s v="MACSS ESTIMATED FUEL REVENUE"/>
    <s v="SCP"/>
    <s v="NONBU"/>
    <s v="G0000110"/>
    <s v="N"/>
    <s v="To identify Estimated Fuel Rev"/>
    <s v=""/>
    <x v="2"/>
    <s v="CAD037BF"/>
    <s v="S"/>
    <s v="KY"/>
    <s v="REV"/>
    <s v="974"/>
    <s v="S006819"/>
    <n v="6"/>
    <n v="2016"/>
  </r>
  <r>
    <s v="110"/>
    <d v="2016-06-30T00:00:00"/>
    <x v="13"/>
    <x v="0"/>
    <s v="10828"/>
    <s v="GLNANDA"/>
    <n v="0"/>
    <n v="0"/>
    <s v="MACSS ESTIMATED FUEL REVENUE"/>
    <s v="SCP"/>
    <s v="NONBU"/>
    <s v="G0000110"/>
    <s v="N"/>
    <s v="To identify Estimated Fuel Rev"/>
    <s v=""/>
    <x v="2"/>
    <s v="CAD037BF"/>
    <s v="S"/>
    <s v="KY"/>
    <s v="REV"/>
    <s v="974"/>
    <s v="S006819"/>
    <n v="6"/>
    <n v="2016"/>
  </r>
  <r>
    <s v="110"/>
    <d v="2016-06-30T00:00:00"/>
    <x v="8"/>
    <x v="0"/>
    <s v="10828"/>
    <s v="GLNANDA"/>
    <n v="0"/>
    <n v="0"/>
    <s v="MACSS ESTIMATED FUEL REVENUE"/>
    <s v="SCP"/>
    <s v="NONBU"/>
    <s v="G0000110"/>
    <s v="N"/>
    <s v="To identify Estimated Fuel Rev"/>
    <s v=""/>
    <x v="2"/>
    <s v="CAD037BF"/>
    <s v="S"/>
    <s v="KY"/>
    <s v="REV"/>
    <s v="974"/>
    <s v="S006819"/>
    <n v="6"/>
    <n v="2016"/>
  </r>
  <r>
    <s v="110"/>
    <d v="2016-06-30T00:00:00"/>
    <x v="0"/>
    <x v="0"/>
    <s v="10828"/>
    <s v="GLNANDA"/>
    <n v="2526754.08"/>
    <n v="0"/>
    <s v="MACSS ESTIMATED FUEL REVENUE"/>
    <s v="SCP"/>
    <s v="NONBU"/>
    <s v="G0000110"/>
    <s v="N"/>
    <s v="To identify Estimated Fuel Rev"/>
    <s v=""/>
    <x v="2"/>
    <s v="CAD037BF"/>
    <s v="S"/>
    <s v="KY"/>
    <s v="REV"/>
    <s v="974"/>
    <s v="S006819"/>
    <n v="6"/>
    <n v="2016"/>
  </r>
  <r>
    <s v="110"/>
    <d v="2016-06-01T00:00:00"/>
    <x v="3"/>
    <x v="0"/>
    <s v="10828"/>
    <s v="GLNANDA"/>
    <n v="-3841.19"/>
    <n v="0"/>
    <s v="MACSS ESTIMATED FUEL REVENUE"/>
    <s v="SCP"/>
    <s v="NONBU"/>
    <s v="G0000110"/>
    <s v="N"/>
    <s v="To identify Estimated Fuel Rev"/>
    <s v=""/>
    <x v="2"/>
    <s v="CAD037BF"/>
    <s v="S"/>
    <s v="KY"/>
    <s v="REV"/>
    <s v="974"/>
    <s v="S173443"/>
    <n v="6"/>
    <n v="2016"/>
  </r>
  <r>
    <s v="110"/>
    <d v="2016-06-01T00:00:00"/>
    <x v="7"/>
    <x v="0"/>
    <s v="10828"/>
    <s v="GLNANDA"/>
    <n v="-2896.93"/>
    <n v="0"/>
    <s v="MACSS ESTIMATED FUEL REVENUE"/>
    <s v="SCP"/>
    <s v="NONBU"/>
    <s v="G0000110"/>
    <s v="N"/>
    <s v="To identify Estimated Fuel Rev"/>
    <s v=""/>
    <x v="2"/>
    <s v="CAD037BF"/>
    <s v="S"/>
    <s v="KY"/>
    <s v="REV"/>
    <s v="974"/>
    <s v="S173443"/>
    <n v="6"/>
    <n v="2016"/>
  </r>
  <r>
    <s v="110"/>
    <d v="2016-06-01T00:00:00"/>
    <x v="2"/>
    <x v="0"/>
    <s v="10828"/>
    <s v="GLNANDA"/>
    <n v="-6128.58"/>
    <n v="0"/>
    <s v="MACSS ESTIMATED FUEL REVENUE"/>
    <s v="SCP"/>
    <s v="NONBU"/>
    <s v="G0000110"/>
    <s v="N"/>
    <s v="To identify Estimated Fuel Rev"/>
    <s v=""/>
    <x v="2"/>
    <s v="CAD037BF"/>
    <s v="S"/>
    <s v="KY"/>
    <s v="REV"/>
    <s v="974"/>
    <s v="S173443"/>
    <n v="6"/>
    <n v="2016"/>
  </r>
  <r>
    <s v="110"/>
    <d v="2016-06-01T00:00:00"/>
    <x v="5"/>
    <x v="0"/>
    <s v="10828"/>
    <s v="GLNANDA"/>
    <n v="0"/>
    <n v="0"/>
    <s v="MACSS ESTIMATED FUEL REVENUE"/>
    <s v="SCP"/>
    <s v="NONBU"/>
    <s v="G0000110"/>
    <s v="N"/>
    <s v="To identify Estimated Fuel Rev"/>
    <s v=""/>
    <x v="2"/>
    <s v="CAD037BF"/>
    <s v="S"/>
    <s v="KY"/>
    <s v="REV"/>
    <s v="974"/>
    <s v="S173443"/>
    <n v="6"/>
    <n v="2016"/>
  </r>
  <r>
    <s v="110"/>
    <d v="2016-06-01T00:00:00"/>
    <x v="11"/>
    <x v="0"/>
    <s v="10828"/>
    <s v="GLNANDA"/>
    <n v="3004956.04"/>
    <n v="0"/>
    <s v="MACSS ESTIMATED FUEL REVENUE"/>
    <s v="SCP"/>
    <s v="NONBU"/>
    <s v="G0000110"/>
    <s v="N"/>
    <s v="To identify Estimated Fuel Rev"/>
    <s v=""/>
    <x v="2"/>
    <s v="CAD037BF"/>
    <s v="S"/>
    <s v="KY"/>
    <s v="REV"/>
    <s v="974"/>
    <s v="S173443"/>
    <n v="6"/>
    <n v="2016"/>
  </r>
  <r>
    <s v="110"/>
    <d v="2016-06-01T00:00:00"/>
    <x v="0"/>
    <x v="0"/>
    <s v="10828"/>
    <s v="GLNANDA"/>
    <n v="-3001114.85"/>
    <n v="0"/>
    <s v="MACSS ESTIMATED FUEL REVENUE"/>
    <s v="SCP"/>
    <s v="NONBU"/>
    <s v="G0000110"/>
    <s v="N"/>
    <s v="To identify Estimated Fuel Rev"/>
    <s v=""/>
    <x v="2"/>
    <s v="CAD037BF"/>
    <s v="S"/>
    <s v="KY"/>
    <s v="REV"/>
    <s v="974"/>
    <s v="S173443"/>
    <n v="6"/>
    <n v="2016"/>
  </r>
  <r>
    <s v="110"/>
    <d v="2016-06-01T00:00:00"/>
    <x v="6"/>
    <x v="0"/>
    <s v="10828"/>
    <s v="GLNANDA"/>
    <n v="0"/>
    <n v="0"/>
    <s v="MACSS ESTIMATED FUEL REVENUE"/>
    <s v="SCP"/>
    <s v="NONBU"/>
    <s v="G0000110"/>
    <s v="N"/>
    <s v="To identify Estimated Fuel Rev"/>
    <s v=""/>
    <x v="2"/>
    <s v="CAD037BF"/>
    <s v="S"/>
    <s v="KY"/>
    <s v="REV"/>
    <s v="974"/>
    <s v="S173443"/>
    <n v="6"/>
    <n v="2016"/>
  </r>
  <r>
    <s v="110"/>
    <d v="2016-06-01T00:00:00"/>
    <x v="13"/>
    <x v="0"/>
    <s v="10828"/>
    <s v="GLNANDA"/>
    <n v="0"/>
    <n v="0"/>
    <s v="MACSS ESTIMATED FUEL REVENUE"/>
    <s v="SCP"/>
    <s v="NONBU"/>
    <s v="G0000110"/>
    <s v="N"/>
    <s v="To identify Estimated Fuel Rev"/>
    <s v=""/>
    <x v="2"/>
    <s v="CAD037BF"/>
    <s v="S"/>
    <s v="KY"/>
    <s v="REV"/>
    <s v="974"/>
    <s v="S173443"/>
    <n v="6"/>
    <n v="2016"/>
  </r>
  <r>
    <s v="110"/>
    <d v="2016-06-01T00:00:00"/>
    <x v="8"/>
    <x v="0"/>
    <s v="10828"/>
    <s v="GLNANDA"/>
    <n v="9025.51"/>
    <n v="0"/>
    <s v="MACSS ESTIMATED FUEL REVENUE"/>
    <s v="SCP"/>
    <s v="NONBU"/>
    <s v="G0000110"/>
    <s v="N"/>
    <s v="To identify Estimated Fuel Rev"/>
    <s v=""/>
    <x v="2"/>
    <s v="CAD037BF"/>
    <s v="S"/>
    <s v="KY"/>
    <s v="REV"/>
    <s v="974"/>
    <s v="S173443"/>
    <n v="6"/>
    <n v="2016"/>
  </r>
  <r>
    <s v="110"/>
    <d v="2016-05-31T00:00:00"/>
    <x v="13"/>
    <x v="0"/>
    <s v="10828"/>
    <s v="GLNANDA"/>
    <n v="0"/>
    <n v="0"/>
    <s v="MACSS ESTIMATED FUEL REVENUE"/>
    <s v="SCP"/>
    <s v="NONBU"/>
    <s v="G0000110"/>
    <s v="N"/>
    <s v="To identify Estimated Fuel Rev"/>
    <s v=""/>
    <x v="2"/>
    <s v="CAD037BF"/>
    <s v="S"/>
    <s v="KY"/>
    <s v="REV"/>
    <s v="974"/>
    <s v="S132940"/>
    <n v="5"/>
    <n v="2016"/>
  </r>
  <r>
    <s v="110"/>
    <d v="2016-05-31T00:00:00"/>
    <x v="3"/>
    <x v="0"/>
    <s v="10828"/>
    <s v="GLNANDA"/>
    <n v="3841.19"/>
    <n v="0"/>
    <s v="MACSS ESTIMATED FUEL REVENUE"/>
    <s v="SCP"/>
    <s v="NONBU"/>
    <s v="G0000110"/>
    <s v="N"/>
    <s v="To identify Estimated Fuel Rev"/>
    <s v=""/>
    <x v="2"/>
    <s v="CAD037BF"/>
    <s v="S"/>
    <s v="KY"/>
    <s v="REV"/>
    <s v="974"/>
    <s v="S132940"/>
    <n v="5"/>
    <n v="2016"/>
  </r>
  <r>
    <s v="110"/>
    <d v="2016-05-31T00:00:00"/>
    <x v="7"/>
    <x v="0"/>
    <s v="10828"/>
    <s v="GLNANDA"/>
    <n v="2896.93"/>
    <n v="0"/>
    <s v="MACSS ESTIMATED FUEL REVENUE"/>
    <s v="SCP"/>
    <s v="NONBU"/>
    <s v="G0000110"/>
    <s v="N"/>
    <s v="To identify Estimated Fuel Rev"/>
    <s v=""/>
    <x v="2"/>
    <s v="CAD037BF"/>
    <s v="S"/>
    <s v="KY"/>
    <s v="REV"/>
    <s v="974"/>
    <s v="S132940"/>
    <n v="5"/>
    <n v="2016"/>
  </r>
  <r>
    <s v="110"/>
    <d v="2016-05-31T00:00:00"/>
    <x v="2"/>
    <x v="0"/>
    <s v="10828"/>
    <s v="GLNANDA"/>
    <n v="6128.58"/>
    <n v="0"/>
    <s v="MACSS ESTIMATED FUEL REVENUE"/>
    <s v="SCP"/>
    <s v="NONBU"/>
    <s v="G0000110"/>
    <s v="N"/>
    <s v="To identify Estimated Fuel Rev"/>
    <s v=""/>
    <x v="2"/>
    <s v="CAD037BF"/>
    <s v="S"/>
    <s v="KY"/>
    <s v="REV"/>
    <s v="974"/>
    <s v="S132940"/>
    <n v="5"/>
    <n v="2016"/>
  </r>
  <r>
    <s v="110"/>
    <d v="2016-05-31T00:00:00"/>
    <x v="5"/>
    <x v="0"/>
    <s v="10828"/>
    <s v="GLNANDA"/>
    <n v="0"/>
    <n v="0"/>
    <s v="MACSS ESTIMATED FUEL REVENUE"/>
    <s v="SCP"/>
    <s v="NONBU"/>
    <s v="G0000110"/>
    <s v="N"/>
    <s v="To identify Estimated Fuel Rev"/>
    <s v=""/>
    <x v="2"/>
    <s v="CAD037BF"/>
    <s v="S"/>
    <s v="KY"/>
    <s v="REV"/>
    <s v="974"/>
    <s v="S132940"/>
    <n v="5"/>
    <n v="2016"/>
  </r>
  <r>
    <s v="110"/>
    <d v="2016-05-31T00:00:00"/>
    <x v="8"/>
    <x v="0"/>
    <s v="10828"/>
    <s v="GLNANDA"/>
    <n v="-9025.51"/>
    <n v="0"/>
    <s v="MACSS ESTIMATED FUEL REVENUE"/>
    <s v="SCP"/>
    <s v="NONBU"/>
    <s v="G0000110"/>
    <s v="N"/>
    <s v="To identify Estimated Fuel Rev"/>
    <s v=""/>
    <x v="2"/>
    <s v="CAD037BF"/>
    <s v="S"/>
    <s v="KY"/>
    <s v="REV"/>
    <s v="974"/>
    <s v="S132940"/>
    <n v="5"/>
    <n v="2016"/>
  </r>
  <r>
    <s v="110"/>
    <d v="2016-05-31T00:00:00"/>
    <x v="11"/>
    <x v="0"/>
    <s v="10828"/>
    <s v="GLNANDA"/>
    <n v="-3004956.04"/>
    <n v="0"/>
    <s v="MACSS ESTIMATED FUEL REVENUE"/>
    <s v="SCP"/>
    <s v="NONBU"/>
    <s v="G0000110"/>
    <s v="N"/>
    <s v="To identify Estimated Fuel Rev"/>
    <s v=""/>
    <x v="2"/>
    <s v="CAD037BF"/>
    <s v="S"/>
    <s v="KY"/>
    <s v="REV"/>
    <s v="974"/>
    <s v="S132940"/>
    <n v="5"/>
    <n v="2016"/>
  </r>
  <r>
    <s v="110"/>
    <d v="2016-05-31T00:00:00"/>
    <x v="0"/>
    <x v="0"/>
    <s v="10828"/>
    <s v="GLNANDA"/>
    <n v="3001114.85"/>
    <n v="0"/>
    <s v="MACSS ESTIMATED FUEL REVENUE"/>
    <s v="SCP"/>
    <s v="NONBU"/>
    <s v="G0000110"/>
    <s v="N"/>
    <s v="To identify Estimated Fuel Rev"/>
    <s v=""/>
    <x v="2"/>
    <s v="CAD037BF"/>
    <s v="S"/>
    <s v="KY"/>
    <s v="REV"/>
    <s v="974"/>
    <s v="S132940"/>
    <n v="5"/>
    <n v="2016"/>
  </r>
  <r>
    <s v="110"/>
    <d v="2016-05-31T00:00:00"/>
    <x v="6"/>
    <x v="0"/>
    <s v="10828"/>
    <s v="GLNANDA"/>
    <n v="0"/>
    <n v="0"/>
    <s v="MACSS ESTIMATED FUEL REVENUE"/>
    <s v="SCP"/>
    <s v="NONBU"/>
    <s v="G0000110"/>
    <s v="N"/>
    <s v="To identify Estimated Fuel Rev"/>
    <s v=""/>
    <x v="2"/>
    <s v="CAD037BF"/>
    <s v="S"/>
    <s v="KY"/>
    <s v="REV"/>
    <s v="974"/>
    <s v="S132940"/>
    <n v="5"/>
    <n v="2016"/>
  </r>
  <r>
    <s v="110"/>
    <d v="2016-05-01T00:00:00"/>
    <x v="8"/>
    <x v="0"/>
    <s v="10828"/>
    <s v="GLNANDA"/>
    <n v="54949.79"/>
    <n v="0"/>
    <s v="MACSS ESTIMATED FUEL REVENUE"/>
    <s v="NVS"/>
    <s v="NONBU"/>
    <s v="G0000110"/>
    <s v="N"/>
    <s v="To identify Estimated Fuel Rev"/>
    <s v=""/>
    <x v="2"/>
    <s v="CAD037BF"/>
    <s v="S"/>
    <s v="KY"/>
    <s v="REV"/>
    <s v="974"/>
    <s v="S173443"/>
    <n v="5"/>
    <n v="2016"/>
  </r>
  <r>
    <s v="110"/>
    <d v="2016-05-01T00:00:00"/>
    <x v="7"/>
    <x v="0"/>
    <s v="10828"/>
    <s v="GLNANDA"/>
    <n v="0"/>
    <n v="0"/>
    <s v="MACSS ESTIMATED FUEL REVENUE"/>
    <s v="NVS"/>
    <s v="NONBU"/>
    <s v="G0000110"/>
    <s v="N"/>
    <s v="To identify Estimated Fuel Rev"/>
    <s v=""/>
    <x v="2"/>
    <s v="CAD037BF"/>
    <s v="S"/>
    <s v="KY"/>
    <s v="REV"/>
    <s v="974"/>
    <s v="S173443"/>
    <n v="5"/>
    <n v="2016"/>
  </r>
  <r>
    <s v="110"/>
    <d v="2016-05-01T00:00:00"/>
    <x v="11"/>
    <x v="0"/>
    <s v="10828"/>
    <s v="GLNANDA"/>
    <n v="2828878.49"/>
    <n v="0"/>
    <s v="MACSS ESTIMATED FUEL REVENUE"/>
    <s v="NVS"/>
    <s v="NONBU"/>
    <s v="G0000110"/>
    <s v="N"/>
    <s v="To identify Estimated Fuel Rev"/>
    <s v=""/>
    <x v="2"/>
    <s v="CAD037BF"/>
    <s v="S"/>
    <s v="KY"/>
    <s v="REV"/>
    <s v="974"/>
    <s v="S173443"/>
    <n v="5"/>
    <n v="2016"/>
  </r>
  <r>
    <s v="110"/>
    <d v="2016-05-01T00:00:00"/>
    <x v="5"/>
    <x v="0"/>
    <s v="10828"/>
    <s v="GLNANDA"/>
    <n v="0"/>
    <n v="0"/>
    <s v="MACSS ESTIMATED FUEL REVENUE"/>
    <s v="NVS"/>
    <s v="NONBU"/>
    <s v="G0000110"/>
    <s v="N"/>
    <s v="To identify Estimated Fuel Rev"/>
    <s v=""/>
    <x v="2"/>
    <s v="CAD037BF"/>
    <s v="S"/>
    <s v="KY"/>
    <s v="REV"/>
    <s v="974"/>
    <s v="S173443"/>
    <n v="5"/>
    <n v="2016"/>
  </r>
  <r>
    <s v="110"/>
    <d v="2016-05-01T00:00:00"/>
    <x v="13"/>
    <x v="0"/>
    <s v="10828"/>
    <s v="GLNANDA"/>
    <n v="0"/>
    <n v="0"/>
    <s v="MACSS ESTIMATED FUEL REVENUE"/>
    <s v="NVS"/>
    <s v="NONBU"/>
    <s v="G0000110"/>
    <s v="N"/>
    <s v="To identify Estimated Fuel Rev"/>
    <s v=""/>
    <x v="2"/>
    <s v="CAD037BF"/>
    <s v="S"/>
    <s v="KY"/>
    <s v="REV"/>
    <s v="974"/>
    <s v="S173443"/>
    <n v="5"/>
    <n v="2016"/>
  </r>
  <r>
    <s v="110"/>
    <d v="2016-05-01T00:00:00"/>
    <x v="2"/>
    <x v="0"/>
    <s v="10828"/>
    <s v="GLNANDA"/>
    <n v="-54949.79"/>
    <n v="0"/>
    <s v="MACSS ESTIMATED FUEL REVENUE"/>
    <s v="NVS"/>
    <s v="NONBU"/>
    <s v="G0000110"/>
    <s v="N"/>
    <s v="To identify Estimated Fuel Rev"/>
    <s v=""/>
    <x v="2"/>
    <s v="CAD037BF"/>
    <s v="S"/>
    <s v="KY"/>
    <s v="REV"/>
    <s v="974"/>
    <s v="S173443"/>
    <n v="5"/>
    <n v="2016"/>
  </r>
  <r>
    <s v="110"/>
    <d v="2016-05-01T00:00:00"/>
    <x v="6"/>
    <x v="0"/>
    <s v="10828"/>
    <s v="GLNANDA"/>
    <n v="0"/>
    <n v="0"/>
    <s v="MACSS ESTIMATED FUEL REVENUE"/>
    <s v="NVS"/>
    <s v="NONBU"/>
    <s v="G0000110"/>
    <s v="N"/>
    <s v="To identify Estimated Fuel Rev"/>
    <s v=""/>
    <x v="2"/>
    <s v="CAD037BF"/>
    <s v="S"/>
    <s v="KY"/>
    <s v="REV"/>
    <s v="974"/>
    <s v="S173443"/>
    <n v="5"/>
    <n v="2016"/>
  </r>
  <r>
    <s v="110"/>
    <d v="2016-05-01T00:00:00"/>
    <x v="3"/>
    <x v="0"/>
    <s v="10828"/>
    <s v="GLNANDA"/>
    <n v="-21191.439999999999"/>
    <n v="0"/>
    <s v="MACSS ESTIMATED FUEL REVENUE"/>
    <s v="NVS"/>
    <s v="NONBU"/>
    <s v="G0000110"/>
    <s v="N"/>
    <s v="To identify Estimated Fuel Rev"/>
    <s v=""/>
    <x v="2"/>
    <s v="CAD037BF"/>
    <s v="S"/>
    <s v="KY"/>
    <s v="REV"/>
    <s v="974"/>
    <s v="S173443"/>
    <n v="5"/>
    <n v="2016"/>
  </r>
  <r>
    <s v="110"/>
    <d v="2016-05-01T00:00:00"/>
    <x v="0"/>
    <x v="0"/>
    <s v="10828"/>
    <s v="GLNANDA"/>
    <n v="-2807687.05"/>
    <n v="0"/>
    <s v="MACSS ESTIMATED FUEL REVENUE"/>
    <s v="NVS"/>
    <s v="NONBU"/>
    <s v="G0000110"/>
    <s v="N"/>
    <s v="To identify Estimated Fuel Rev"/>
    <s v=""/>
    <x v="2"/>
    <s v="CAD037BF"/>
    <s v="S"/>
    <s v="KY"/>
    <s v="REV"/>
    <s v="974"/>
    <s v="S173443"/>
    <n v="5"/>
    <n v="2016"/>
  </r>
  <r>
    <s v="110"/>
    <d v="2016-04-30T00:00:00"/>
    <x v="11"/>
    <x v="0"/>
    <s v="10828"/>
    <s v="GLNANDA"/>
    <n v="-2828878.49"/>
    <n v="0"/>
    <s v="MACSS ESTIMATED FUEL REVENUE"/>
    <s v="NVS"/>
    <s v="NONBU"/>
    <s v="G0000110"/>
    <s v="N"/>
    <s v="To identify Estimated Fuel Rev"/>
    <s v=""/>
    <x v="2"/>
    <s v="CAD037BF"/>
    <s v="S"/>
    <s v="KY"/>
    <s v="REV"/>
    <s v="974"/>
    <s v="S132940"/>
    <n v="4"/>
    <n v="2016"/>
  </r>
  <r>
    <s v="110"/>
    <d v="2016-04-30T00:00:00"/>
    <x v="7"/>
    <x v="0"/>
    <s v="10828"/>
    <s v="GLNANDA"/>
    <n v="0"/>
    <n v="0"/>
    <s v="MACSS ESTIMATED FUEL REVENUE"/>
    <s v="NVS"/>
    <s v="NONBU"/>
    <s v="G0000110"/>
    <s v="N"/>
    <s v="To identify Estimated Fuel Rev"/>
    <s v=""/>
    <x v="2"/>
    <s v="CAD037BF"/>
    <s v="S"/>
    <s v="KY"/>
    <s v="REV"/>
    <s v="974"/>
    <s v="S132940"/>
    <n v="4"/>
    <n v="2016"/>
  </r>
  <r>
    <s v="110"/>
    <d v="2016-04-30T00:00:00"/>
    <x v="13"/>
    <x v="0"/>
    <s v="10828"/>
    <s v="GLNANDA"/>
    <n v="0"/>
    <n v="0"/>
    <s v="MACSS ESTIMATED FUEL REVENUE"/>
    <s v="NVS"/>
    <s v="NONBU"/>
    <s v="G0000110"/>
    <s v="N"/>
    <s v="To identify Estimated Fuel Rev"/>
    <s v=""/>
    <x v="2"/>
    <s v="CAD037BF"/>
    <s v="S"/>
    <s v="KY"/>
    <s v="REV"/>
    <s v="974"/>
    <s v="S132940"/>
    <n v="4"/>
    <n v="2016"/>
  </r>
  <r>
    <s v="110"/>
    <d v="2016-04-30T00:00:00"/>
    <x v="0"/>
    <x v="0"/>
    <s v="10828"/>
    <s v="GLNANDA"/>
    <n v="2807687.05"/>
    <n v="0"/>
    <s v="MACSS ESTIMATED FUEL REVENUE"/>
    <s v="NVS"/>
    <s v="NONBU"/>
    <s v="G0000110"/>
    <s v="N"/>
    <s v="To identify Estimated Fuel Rev"/>
    <s v=""/>
    <x v="2"/>
    <s v="CAD037BF"/>
    <s v="S"/>
    <s v="KY"/>
    <s v="REV"/>
    <s v="974"/>
    <s v="S132940"/>
    <n v="4"/>
    <n v="2016"/>
  </r>
  <r>
    <s v="110"/>
    <d v="2016-04-30T00:00:00"/>
    <x v="3"/>
    <x v="0"/>
    <s v="10828"/>
    <s v="GLNANDA"/>
    <n v="21191.439999999999"/>
    <n v="0"/>
    <s v="MACSS ESTIMATED FUEL REVENUE"/>
    <s v="NVS"/>
    <s v="NONBU"/>
    <s v="G0000110"/>
    <s v="N"/>
    <s v="To identify Estimated Fuel Rev"/>
    <s v=""/>
    <x v="2"/>
    <s v="CAD037BF"/>
    <s v="S"/>
    <s v="KY"/>
    <s v="REV"/>
    <s v="974"/>
    <s v="S132940"/>
    <n v="4"/>
    <n v="2016"/>
  </r>
  <r>
    <s v="110"/>
    <d v="2016-04-30T00:00:00"/>
    <x v="6"/>
    <x v="0"/>
    <s v="10828"/>
    <s v="GLNANDA"/>
    <n v="0"/>
    <n v="0"/>
    <s v="MACSS ESTIMATED FUEL REVENUE"/>
    <s v="NVS"/>
    <s v="NONBU"/>
    <s v="G0000110"/>
    <s v="N"/>
    <s v="To identify Estimated Fuel Rev"/>
    <s v=""/>
    <x v="2"/>
    <s v="CAD037BF"/>
    <s v="S"/>
    <s v="KY"/>
    <s v="REV"/>
    <s v="974"/>
    <s v="S132940"/>
    <n v="4"/>
    <n v="2016"/>
  </r>
  <r>
    <s v="110"/>
    <d v="2016-04-30T00:00:00"/>
    <x v="5"/>
    <x v="0"/>
    <s v="10828"/>
    <s v="GLNANDA"/>
    <n v="0"/>
    <n v="0"/>
    <s v="MACSS ESTIMATED FUEL REVENUE"/>
    <s v="NVS"/>
    <s v="NONBU"/>
    <s v="G0000110"/>
    <s v="N"/>
    <s v="To identify Estimated Fuel Rev"/>
    <s v=""/>
    <x v="2"/>
    <s v="CAD037BF"/>
    <s v="S"/>
    <s v="KY"/>
    <s v="REV"/>
    <s v="974"/>
    <s v="S132940"/>
    <n v="4"/>
    <n v="2016"/>
  </r>
  <r>
    <s v="110"/>
    <d v="2016-04-30T00:00:00"/>
    <x v="8"/>
    <x v="0"/>
    <s v="10828"/>
    <s v="GLNANDA"/>
    <n v="-54949.79"/>
    <n v="0"/>
    <s v="MACSS ESTIMATED FUEL REVENUE"/>
    <s v="NVS"/>
    <s v="NONBU"/>
    <s v="G0000110"/>
    <s v="N"/>
    <s v="To identify Estimated Fuel Rev"/>
    <s v=""/>
    <x v="2"/>
    <s v="CAD037BF"/>
    <s v="S"/>
    <s v="KY"/>
    <s v="REV"/>
    <s v="974"/>
    <s v="S132940"/>
    <n v="4"/>
    <n v="2016"/>
  </r>
  <r>
    <s v="110"/>
    <d v="2016-04-30T00:00:00"/>
    <x v="2"/>
    <x v="0"/>
    <s v="10828"/>
    <s v="GLNANDA"/>
    <n v="54949.79"/>
    <n v="0"/>
    <s v="MACSS ESTIMATED FUEL REVENUE"/>
    <s v="NVS"/>
    <s v="NONBU"/>
    <s v="G0000110"/>
    <s v="N"/>
    <s v="To identify Estimated Fuel Rev"/>
    <s v=""/>
    <x v="2"/>
    <s v="CAD037BF"/>
    <s v="S"/>
    <s v="KY"/>
    <s v="REV"/>
    <s v="974"/>
    <s v="S132940"/>
    <n v="4"/>
    <n v="2016"/>
  </r>
  <r>
    <s v="110"/>
    <d v="2016-04-01T00:00:00"/>
    <x v="3"/>
    <x v="0"/>
    <s v="10828"/>
    <s v="GLNANDA"/>
    <n v="-60817.23"/>
    <n v="0"/>
    <s v="MACSS ESTIMATED FUEL REVENUE"/>
    <s v="NVS"/>
    <s v="NONBU"/>
    <s v="G0000110"/>
    <s v="N"/>
    <s v="To identify Estimated Fuel Rev"/>
    <s v=""/>
    <x v="2"/>
    <s v="CAD037BF"/>
    <s v="S"/>
    <s v="KY"/>
    <s v="REV"/>
    <s v="974"/>
    <s v="S173443"/>
    <n v="4"/>
    <n v="2016"/>
  </r>
  <r>
    <s v="110"/>
    <d v="2016-04-01T00:00:00"/>
    <x v="7"/>
    <x v="0"/>
    <s v="10828"/>
    <s v="GLNANDA"/>
    <n v="0"/>
    <n v="0"/>
    <s v="MACSS ESTIMATED FUEL REVENUE"/>
    <s v="NVS"/>
    <s v="NONBU"/>
    <s v="G0000110"/>
    <s v="N"/>
    <s v="To identify Estimated Fuel Rev"/>
    <s v=""/>
    <x v="2"/>
    <s v="CAD037BF"/>
    <s v="S"/>
    <s v="KY"/>
    <s v="REV"/>
    <s v="974"/>
    <s v="S173443"/>
    <n v="4"/>
    <n v="2016"/>
  </r>
  <r>
    <s v="110"/>
    <d v="2016-04-01T00:00:00"/>
    <x v="5"/>
    <x v="0"/>
    <s v="10828"/>
    <s v="GLNANDA"/>
    <n v="0"/>
    <n v="0"/>
    <s v="MACSS ESTIMATED FUEL REVENUE"/>
    <s v="NVS"/>
    <s v="NONBU"/>
    <s v="G0000110"/>
    <s v="N"/>
    <s v="To identify Estimated Fuel Rev"/>
    <s v=""/>
    <x v="2"/>
    <s v="CAD037BF"/>
    <s v="S"/>
    <s v="KY"/>
    <s v="REV"/>
    <s v="974"/>
    <s v="S173443"/>
    <n v="4"/>
    <n v="2016"/>
  </r>
  <r>
    <s v="110"/>
    <d v="2016-04-01T00:00:00"/>
    <x v="2"/>
    <x v="0"/>
    <s v="10828"/>
    <s v="GLNANDA"/>
    <n v="0"/>
    <n v="0"/>
    <s v="MACSS ESTIMATED FUEL REVENUE"/>
    <s v="NVS"/>
    <s v="NONBU"/>
    <s v="G0000110"/>
    <s v="N"/>
    <s v="To identify Estimated Fuel Rev"/>
    <s v=""/>
    <x v="2"/>
    <s v="CAD037BF"/>
    <s v="S"/>
    <s v="KY"/>
    <s v="REV"/>
    <s v="974"/>
    <s v="S173443"/>
    <n v="4"/>
    <n v="2016"/>
  </r>
  <r>
    <s v="110"/>
    <d v="2016-04-01T00:00:00"/>
    <x v="11"/>
    <x v="0"/>
    <s v="10828"/>
    <s v="GLNANDA"/>
    <n v="247055.23"/>
    <n v="0"/>
    <s v="MACSS ESTIMATED FUEL REVENUE"/>
    <s v="NVS"/>
    <s v="NONBU"/>
    <s v="G0000110"/>
    <s v="N"/>
    <s v="To identify Estimated Fuel Rev"/>
    <s v=""/>
    <x v="2"/>
    <s v="CAD037BF"/>
    <s v="S"/>
    <s v="KY"/>
    <s v="REV"/>
    <s v="974"/>
    <s v="S173443"/>
    <n v="4"/>
    <n v="2016"/>
  </r>
  <r>
    <s v="110"/>
    <d v="2016-04-01T00:00:00"/>
    <x v="0"/>
    <x v="0"/>
    <s v="10828"/>
    <s v="GLNANDA"/>
    <n v="-186238"/>
    <n v="0"/>
    <s v="MACSS ESTIMATED FUEL REVENUE"/>
    <s v="NVS"/>
    <s v="NONBU"/>
    <s v="G0000110"/>
    <s v="N"/>
    <s v="To identify Estimated Fuel Rev"/>
    <s v=""/>
    <x v="2"/>
    <s v="CAD037BF"/>
    <s v="S"/>
    <s v="KY"/>
    <s v="REV"/>
    <s v="974"/>
    <s v="S173443"/>
    <n v="4"/>
    <n v="2016"/>
  </r>
  <r>
    <s v="110"/>
    <d v="2016-04-01T00:00:00"/>
    <x v="6"/>
    <x v="0"/>
    <s v="10828"/>
    <s v="GLNANDA"/>
    <n v="0"/>
    <n v="0"/>
    <s v="MACSS ESTIMATED FUEL REVENUE"/>
    <s v="NVS"/>
    <s v="NONBU"/>
    <s v="G0000110"/>
    <s v="N"/>
    <s v="To identify Estimated Fuel Rev"/>
    <s v=""/>
    <x v="2"/>
    <s v="CAD037BF"/>
    <s v="S"/>
    <s v="KY"/>
    <s v="REV"/>
    <s v="974"/>
    <s v="S173443"/>
    <n v="4"/>
    <n v="2016"/>
  </r>
  <r>
    <s v="110"/>
    <d v="2016-04-01T00:00:00"/>
    <x v="13"/>
    <x v="0"/>
    <s v="10828"/>
    <s v="GLNANDA"/>
    <n v="0"/>
    <n v="0"/>
    <s v="MACSS ESTIMATED FUEL REVENUE"/>
    <s v="NVS"/>
    <s v="NONBU"/>
    <s v="G0000110"/>
    <s v="N"/>
    <s v="To identify Estimated Fuel Rev"/>
    <s v=""/>
    <x v="2"/>
    <s v="CAD037BF"/>
    <s v="S"/>
    <s v="KY"/>
    <s v="REV"/>
    <s v="974"/>
    <s v="S173443"/>
    <n v="4"/>
    <n v="2016"/>
  </r>
  <r>
    <s v="110"/>
    <d v="2016-04-01T00:00:00"/>
    <x v="8"/>
    <x v="0"/>
    <s v="10828"/>
    <s v="GLNANDA"/>
    <n v="0"/>
    <n v="0"/>
    <s v="MACSS ESTIMATED FUEL REVENUE"/>
    <s v="NVS"/>
    <s v="NONBU"/>
    <s v="G0000110"/>
    <s v="N"/>
    <s v="To identify Estimated Fuel Rev"/>
    <s v=""/>
    <x v="2"/>
    <s v="CAD037BF"/>
    <s v="S"/>
    <s v="KY"/>
    <s v="REV"/>
    <s v="974"/>
    <s v="S173443"/>
    <n v="4"/>
    <n v="2016"/>
  </r>
  <r>
    <s v="110"/>
    <d v="2016-03-31T00:00:00"/>
    <x v="11"/>
    <x v="0"/>
    <s v="10828"/>
    <s v="GLNANDA"/>
    <n v="-247055.23"/>
    <n v="0"/>
    <s v="MACSS ESTIMATED FUEL REVENUE"/>
    <s v="NVS"/>
    <s v="NONBU"/>
    <s v="G0000110"/>
    <s v="N"/>
    <s v="To identify Estimated Fuel Rev"/>
    <s v=""/>
    <x v="2"/>
    <s v="CAD037BF"/>
    <s v="S"/>
    <s v="KY"/>
    <s v="REV"/>
    <s v="974"/>
    <s v="S132940"/>
    <n v="3"/>
    <n v="2016"/>
  </r>
  <r>
    <s v="110"/>
    <d v="2016-03-31T00:00:00"/>
    <x v="7"/>
    <x v="0"/>
    <s v="10828"/>
    <s v="GLNANDA"/>
    <n v="0"/>
    <n v="0"/>
    <s v="MACSS ESTIMATED FUEL REVENUE"/>
    <s v="NVS"/>
    <s v="NONBU"/>
    <s v="G0000110"/>
    <s v="N"/>
    <s v="To identify Estimated Fuel Rev"/>
    <s v=""/>
    <x v="2"/>
    <s v="CAD037BF"/>
    <s v="S"/>
    <s v="KY"/>
    <s v="REV"/>
    <s v="974"/>
    <s v="S132940"/>
    <n v="3"/>
    <n v="2016"/>
  </r>
  <r>
    <s v="110"/>
    <d v="2016-03-31T00:00:00"/>
    <x v="6"/>
    <x v="0"/>
    <s v="10828"/>
    <s v="GLNANDA"/>
    <n v="0"/>
    <n v="0"/>
    <s v="MACSS ESTIMATED FUEL REVENUE"/>
    <s v="NVS"/>
    <s v="NONBU"/>
    <s v="G0000110"/>
    <s v="N"/>
    <s v="To identify Estimated Fuel Rev"/>
    <s v=""/>
    <x v="2"/>
    <s v="CAD037BF"/>
    <s v="S"/>
    <s v="KY"/>
    <s v="REV"/>
    <s v="974"/>
    <s v="S132940"/>
    <n v="3"/>
    <n v="2016"/>
  </r>
  <r>
    <s v="110"/>
    <d v="2016-03-31T00:00:00"/>
    <x v="5"/>
    <x v="0"/>
    <s v="10828"/>
    <s v="GLNANDA"/>
    <n v="0"/>
    <n v="0"/>
    <s v="MACSS ESTIMATED FUEL REVENUE"/>
    <s v="NVS"/>
    <s v="NONBU"/>
    <s v="G0000110"/>
    <s v="N"/>
    <s v="To identify Estimated Fuel Rev"/>
    <s v=""/>
    <x v="2"/>
    <s v="CAD037BF"/>
    <s v="S"/>
    <s v="KY"/>
    <s v="REV"/>
    <s v="974"/>
    <s v="S132940"/>
    <n v="3"/>
    <n v="2016"/>
  </r>
  <r>
    <s v="110"/>
    <d v="2016-03-31T00:00:00"/>
    <x v="3"/>
    <x v="0"/>
    <s v="10828"/>
    <s v="GLNANDA"/>
    <n v="60817.23"/>
    <n v="0"/>
    <s v="MACSS ESTIMATED FUEL REVENUE"/>
    <s v="NVS"/>
    <s v="NONBU"/>
    <s v="G0000110"/>
    <s v="N"/>
    <s v="To identify Estimated Fuel Rev"/>
    <s v=""/>
    <x v="2"/>
    <s v="CAD037BF"/>
    <s v="S"/>
    <s v="KY"/>
    <s v="REV"/>
    <s v="974"/>
    <s v="S132940"/>
    <n v="3"/>
    <n v="2016"/>
  </r>
  <r>
    <s v="110"/>
    <d v="2016-03-31T00:00:00"/>
    <x v="2"/>
    <x v="0"/>
    <s v="10828"/>
    <s v="GLNANDA"/>
    <n v="0"/>
    <n v="0"/>
    <s v="MACSS ESTIMATED FUEL REVENUE"/>
    <s v="NVS"/>
    <s v="NONBU"/>
    <s v="G0000110"/>
    <s v="N"/>
    <s v="To identify Estimated Fuel Rev"/>
    <s v=""/>
    <x v="2"/>
    <s v="CAD037BF"/>
    <s v="S"/>
    <s v="KY"/>
    <s v="REV"/>
    <s v="974"/>
    <s v="S132940"/>
    <n v="3"/>
    <n v="2016"/>
  </r>
  <r>
    <s v="110"/>
    <d v="2016-03-31T00:00:00"/>
    <x v="13"/>
    <x v="0"/>
    <s v="10828"/>
    <s v="GLNANDA"/>
    <n v="0"/>
    <n v="0"/>
    <s v="MACSS ESTIMATED FUEL REVENUE"/>
    <s v="NVS"/>
    <s v="NONBU"/>
    <s v="G0000110"/>
    <s v="N"/>
    <s v="To identify Estimated Fuel Rev"/>
    <s v=""/>
    <x v="2"/>
    <s v="CAD037BF"/>
    <s v="S"/>
    <s v="KY"/>
    <s v="REV"/>
    <s v="974"/>
    <s v="S132940"/>
    <n v="3"/>
    <n v="2016"/>
  </r>
  <r>
    <s v="110"/>
    <d v="2016-03-31T00:00:00"/>
    <x v="8"/>
    <x v="0"/>
    <s v="10828"/>
    <s v="GLNANDA"/>
    <n v="0"/>
    <n v="0"/>
    <s v="MACSS ESTIMATED FUEL REVENUE"/>
    <s v="NVS"/>
    <s v="NONBU"/>
    <s v="G0000110"/>
    <s v="N"/>
    <s v="To identify Estimated Fuel Rev"/>
    <s v=""/>
    <x v="2"/>
    <s v="CAD037BF"/>
    <s v="S"/>
    <s v="KY"/>
    <s v="REV"/>
    <s v="974"/>
    <s v="S132940"/>
    <n v="3"/>
    <n v="2016"/>
  </r>
  <r>
    <s v="110"/>
    <d v="2016-03-31T00:00:00"/>
    <x v="0"/>
    <x v="0"/>
    <s v="10828"/>
    <s v="GLNANDA"/>
    <n v="186238"/>
    <n v="0"/>
    <s v="MACSS ESTIMATED FUEL REVENUE"/>
    <s v="NVS"/>
    <s v="NONBU"/>
    <s v="G0000110"/>
    <s v="N"/>
    <s v="To identify Estimated Fuel Rev"/>
    <s v=""/>
    <x v="2"/>
    <s v="CAD037BF"/>
    <s v="S"/>
    <s v="KY"/>
    <s v="REV"/>
    <s v="974"/>
    <s v="S132940"/>
    <n v="3"/>
    <n v="2016"/>
  </r>
  <r>
    <s v="110"/>
    <d v="2016-03-01T00:00:00"/>
    <x v="3"/>
    <x v="0"/>
    <s v="10828"/>
    <s v="GLNANDA"/>
    <n v="-37901.85"/>
    <n v="0"/>
    <s v="MACSS ESTIMATED FUEL REVENUE"/>
    <s v="NVS"/>
    <s v="NONBU"/>
    <s v="G0000110"/>
    <s v="N"/>
    <s v="To identify Estimated Fuel Rev"/>
    <s v=""/>
    <x v="2"/>
    <s v="CAD037BF"/>
    <s v="S"/>
    <s v="KY"/>
    <s v="REV"/>
    <s v="974"/>
    <s v="S173443"/>
    <n v="3"/>
    <n v="2016"/>
  </r>
  <r>
    <s v="110"/>
    <d v="2016-03-01T00:00:00"/>
    <x v="7"/>
    <x v="0"/>
    <s v="10828"/>
    <s v="GLNANDA"/>
    <n v="-1997.04"/>
    <n v="0"/>
    <s v="MACSS ESTIMATED FUEL REVENUE"/>
    <s v="NVS"/>
    <s v="NONBU"/>
    <s v="G0000110"/>
    <s v="N"/>
    <s v="To identify Estimated Fuel Rev"/>
    <s v=""/>
    <x v="2"/>
    <s v="CAD037BF"/>
    <s v="S"/>
    <s v="KY"/>
    <s v="REV"/>
    <s v="974"/>
    <s v="S173443"/>
    <n v="3"/>
    <n v="2016"/>
  </r>
  <r>
    <s v="110"/>
    <d v="2016-03-01T00:00:00"/>
    <x v="5"/>
    <x v="0"/>
    <s v="10828"/>
    <s v="GLNANDA"/>
    <n v="0"/>
    <n v="0"/>
    <s v="MACSS ESTIMATED FUEL REVENUE"/>
    <s v="NVS"/>
    <s v="NONBU"/>
    <s v="G0000110"/>
    <s v="N"/>
    <s v="To identify Estimated Fuel Rev"/>
    <s v=""/>
    <x v="2"/>
    <s v="CAD037BF"/>
    <s v="S"/>
    <s v="KY"/>
    <s v="REV"/>
    <s v="974"/>
    <s v="S173443"/>
    <n v="3"/>
    <n v="2016"/>
  </r>
  <r>
    <s v="110"/>
    <d v="2016-03-01T00:00:00"/>
    <x v="2"/>
    <x v="0"/>
    <s v="10828"/>
    <s v="GLNANDA"/>
    <n v="-7035.8"/>
    <n v="0"/>
    <s v="MACSS ESTIMATED FUEL REVENUE"/>
    <s v="NVS"/>
    <s v="NONBU"/>
    <s v="G0000110"/>
    <s v="N"/>
    <s v="To identify Estimated Fuel Rev"/>
    <s v=""/>
    <x v="2"/>
    <s v="CAD037BF"/>
    <s v="S"/>
    <s v="KY"/>
    <s v="REV"/>
    <s v="974"/>
    <s v="S173443"/>
    <n v="3"/>
    <n v="2016"/>
  </r>
  <r>
    <s v="110"/>
    <d v="2016-03-01T00:00:00"/>
    <x v="11"/>
    <x v="0"/>
    <s v="10828"/>
    <s v="GLNANDA"/>
    <n v="289236.92"/>
    <n v="0"/>
    <s v="MACSS ESTIMATED FUEL REVENUE"/>
    <s v="NVS"/>
    <s v="NONBU"/>
    <s v="G0000110"/>
    <s v="N"/>
    <s v="To identify Estimated Fuel Rev"/>
    <s v=""/>
    <x v="2"/>
    <s v="CAD037BF"/>
    <s v="S"/>
    <s v="KY"/>
    <s v="REV"/>
    <s v="974"/>
    <s v="S173443"/>
    <n v="3"/>
    <n v="2016"/>
  </r>
  <r>
    <s v="110"/>
    <d v="2016-03-01T00:00:00"/>
    <x v="0"/>
    <x v="0"/>
    <s v="10828"/>
    <s v="GLNANDA"/>
    <n v="-251335.07"/>
    <n v="0"/>
    <s v="MACSS ESTIMATED FUEL REVENUE"/>
    <s v="NVS"/>
    <s v="NONBU"/>
    <s v="G0000110"/>
    <s v="N"/>
    <s v="To identify Estimated Fuel Rev"/>
    <s v=""/>
    <x v="2"/>
    <s v="CAD037BF"/>
    <s v="S"/>
    <s v="KY"/>
    <s v="REV"/>
    <s v="974"/>
    <s v="S173443"/>
    <n v="3"/>
    <n v="2016"/>
  </r>
  <r>
    <s v="110"/>
    <d v="2016-03-01T00:00:00"/>
    <x v="6"/>
    <x v="0"/>
    <s v="10828"/>
    <s v="GLNANDA"/>
    <n v="0"/>
    <n v="0"/>
    <s v="MACSS ESTIMATED FUEL REVENUE"/>
    <s v="NVS"/>
    <s v="NONBU"/>
    <s v="G0000110"/>
    <s v="N"/>
    <s v="To identify Estimated Fuel Rev"/>
    <s v=""/>
    <x v="2"/>
    <s v="CAD037BF"/>
    <s v="S"/>
    <s v="KY"/>
    <s v="REV"/>
    <s v="974"/>
    <s v="S173443"/>
    <n v="3"/>
    <n v="2016"/>
  </r>
  <r>
    <s v="110"/>
    <d v="2016-03-01T00:00:00"/>
    <x v="13"/>
    <x v="0"/>
    <s v="10828"/>
    <s v="GLNANDA"/>
    <n v="0"/>
    <n v="0"/>
    <s v="MACSS ESTIMATED FUEL REVENUE"/>
    <s v="NVS"/>
    <s v="NONBU"/>
    <s v="G0000110"/>
    <s v="N"/>
    <s v="To identify Estimated Fuel Rev"/>
    <s v=""/>
    <x v="2"/>
    <s v="CAD037BF"/>
    <s v="S"/>
    <s v="KY"/>
    <s v="REV"/>
    <s v="974"/>
    <s v="S173443"/>
    <n v="3"/>
    <n v="2016"/>
  </r>
  <r>
    <s v="110"/>
    <d v="2016-03-01T00:00:00"/>
    <x v="8"/>
    <x v="0"/>
    <s v="10828"/>
    <s v="GLNANDA"/>
    <n v="9032.84"/>
    <n v="0"/>
    <s v="MACSS ESTIMATED FUEL REVENUE"/>
    <s v="NVS"/>
    <s v="NONBU"/>
    <s v="G0000110"/>
    <s v="N"/>
    <s v="To identify Estimated Fuel Rev"/>
    <s v=""/>
    <x v="2"/>
    <s v="CAD037BF"/>
    <s v="S"/>
    <s v="KY"/>
    <s v="REV"/>
    <s v="974"/>
    <s v="S173443"/>
    <n v="3"/>
    <n v="2016"/>
  </r>
  <r>
    <s v="110"/>
    <d v="2017-02-28T00:00:00"/>
    <x v="3"/>
    <x v="0"/>
    <s v="10828"/>
    <s v="GLNANDA"/>
    <n v="109273.48"/>
    <n v="0"/>
    <s v="MACSS ESTIMATED FUEL REVENUE"/>
    <s v="SCP"/>
    <s v="NONBU"/>
    <s v="G0000110"/>
    <s v="N"/>
    <s v="To identify Unbilled Fuel Reve"/>
    <s v=""/>
    <x v="3"/>
    <s v="CAD038BF"/>
    <s v="S"/>
    <s v="KY"/>
    <s v="REV"/>
    <s v="974"/>
    <s v="S006819"/>
    <n v="2"/>
    <n v="2017"/>
  </r>
  <r>
    <s v="110"/>
    <d v="2017-02-28T00:00:00"/>
    <x v="12"/>
    <x v="0"/>
    <s v="10828"/>
    <s v="GLNANDA"/>
    <n v="0"/>
    <n v="0"/>
    <s v="MACSS ESTIMATED FUEL REVENUE"/>
    <s v="SCP"/>
    <s v="NONBU"/>
    <s v="G0000110"/>
    <s v="N"/>
    <s v="To identify Unbilled Fuel Reve"/>
    <s v=""/>
    <x v="3"/>
    <s v="CAD038BF"/>
    <s v="S"/>
    <s v="KY"/>
    <s v="REV"/>
    <s v="974"/>
    <s v="S006819"/>
    <n v="2"/>
    <n v="2017"/>
  </r>
  <r>
    <s v="110"/>
    <d v="2017-02-28T00:00:00"/>
    <x v="2"/>
    <x v="0"/>
    <s v="10828"/>
    <s v="GLNANDA"/>
    <n v="362037.02"/>
    <n v="0"/>
    <s v="MACSS ESTIMATED FUEL REVENUE"/>
    <s v="SCP"/>
    <s v="NONBU"/>
    <s v="G0000110"/>
    <s v="N"/>
    <s v="To identify Unbilled Fuel Reve"/>
    <s v=""/>
    <x v="3"/>
    <s v="CAD038BF"/>
    <s v="S"/>
    <s v="KY"/>
    <s v="REV"/>
    <s v="974"/>
    <s v="S006819"/>
    <n v="2"/>
    <n v="2017"/>
  </r>
  <r>
    <s v="110"/>
    <d v="2017-02-28T00:00:00"/>
    <x v="1"/>
    <x v="0"/>
    <s v="10828"/>
    <s v="GLNANDA"/>
    <n v="257819.33"/>
    <n v="0"/>
    <s v="MACSS ESTIMATED FUEL REVENUE"/>
    <s v="SCP"/>
    <s v="NONBU"/>
    <s v="G0000110"/>
    <s v="N"/>
    <s v="To identify Unbilled Fuel Reve"/>
    <s v=""/>
    <x v="3"/>
    <s v="CAD038BF"/>
    <s v="S"/>
    <s v="KY"/>
    <s v="REV"/>
    <s v="974"/>
    <s v="S006819"/>
    <n v="2"/>
    <n v="2017"/>
  </r>
  <r>
    <s v="110"/>
    <d v="2017-02-28T00:00:00"/>
    <x v="14"/>
    <x v="0"/>
    <s v="10828"/>
    <s v="GLNANDA"/>
    <n v="-948203.25"/>
    <n v="0"/>
    <s v="MACSS ESTIMATED FUEL REVENUE"/>
    <s v="SCP"/>
    <s v="NONBU"/>
    <s v="G0000110"/>
    <s v="N"/>
    <s v="To identify Unbilled Fuel Reve"/>
    <s v=""/>
    <x v="3"/>
    <s v="CAD038BF"/>
    <s v="S"/>
    <s v="KY"/>
    <s v="REV"/>
    <s v="974"/>
    <s v="S006819"/>
    <n v="2"/>
    <n v="2017"/>
  </r>
  <r>
    <s v="110"/>
    <d v="2017-02-28T00:00:00"/>
    <x v="4"/>
    <x v="0"/>
    <s v="10828"/>
    <s v="GLNANDA"/>
    <n v="690383.92"/>
    <n v="0"/>
    <s v="MACSS ESTIMATED FUEL REVENUE"/>
    <s v="SCP"/>
    <s v="NONBU"/>
    <s v="G0000110"/>
    <s v="N"/>
    <s v="To identify Unbilled Fuel Reve"/>
    <s v=""/>
    <x v="3"/>
    <s v="CAD038BF"/>
    <s v="S"/>
    <s v="KY"/>
    <s v="REV"/>
    <s v="974"/>
    <s v="S006819"/>
    <n v="2"/>
    <n v="2017"/>
  </r>
  <r>
    <s v="110"/>
    <d v="2017-02-28T00:00:00"/>
    <x v="10"/>
    <x v="0"/>
    <s v="10828"/>
    <s v="GLNANDA"/>
    <n v="0"/>
    <n v="0"/>
    <s v="MACSS ESTIMATED FUEL REVENUE"/>
    <s v="SCP"/>
    <s v="NONBU"/>
    <s v="G0000110"/>
    <s v="N"/>
    <s v="To identify Unbilled Fuel Reve"/>
    <s v=""/>
    <x v="3"/>
    <s v="CAD038BF"/>
    <s v="S"/>
    <s v="KY"/>
    <s v="REV"/>
    <s v="974"/>
    <s v="S006819"/>
    <n v="2"/>
    <n v="2017"/>
  </r>
  <r>
    <s v="110"/>
    <d v="2017-02-28T00:00:00"/>
    <x v="13"/>
    <x v="0"/>
    <s v="10828"/>
    <s v="GLNANDA"/>
    <n v="-1011.56"/>
    <n v="0"/>
    <s v="MACSS ESTIMATED FUEL REVENUE"/>
    <s v="SCP"/>
    <s v="NONBU"/>
    <s v="G0000110"/>
    <s v="N"/>
    <s v="To identify Unbilled Fuel Reve"/>
    <s v=""/>
    <x v="3"/>
    <s v="CAD038BF"/>
    <s v="S"/>
    <s v="KY"/>
    <s v="REV"/>
    <s v="974"/>
    <s v="S006819"/>
    <n v="2"/>
    <n v="2017"/>
  </r>
  <r>
    <s v="110"/>
    <d v="2017-02-28T00:00:00"/>
    <x v="9"/>
    <x v="0"/>
    <s v="10828"/>
    <s v="GLNANDA"/>
    <n v="0"/>
    <n v="0"/>
    <s v="MACSS ESTIMATED FUEL REVENUE"/>
    <s v="SCP"/>
    <s v="NONBU"/>
    <s v="G0000110"/>
    <s v="N"/>
    <s v="To identify Unbilled Fuel Reve"/>
    <s v=""/>
    <x v="3"/>
    <s v="CAD038BF"/>
    <s v="S"/>
    <s v="KY"/>
    <s v="REV"/>
    <s v="974"/>
    <s v="S006819"/>
    <n v="2"/>
    <n v="2017"/>
  </r>
  <r>
    <s v="110"/>
    <d v="2017-02-28T00:00:00"/>
    <x v="6"/>
    <x v="0"/>
    <s v="10828"/>
    <s v="GLNANDA"/>
    <n v="1011.56"/>
    <n v="0"/>
    <s v="MACSS ESTIMATED FUEL REVENUE"/>
    <s v="SCP"/>
    <s v="NONBU"/>
    <s v="G0000110"/>
    <s v="N"/>
    <s v="To identify Unbilled Fuel Reve"/>
    <s v=""/>
    <x v="3"/>
    <s v="CAD038BF"/>
    <s v="S"/>
    <s v="KY"/>
    <s v="REV"/>
    <s v="974"/>
    <s v="S006819"/>
    <n v="2"/>
    <n v="2017"/>
  </r>
  <r>
    <s v="110"/>
    <d v="2017-02-28T00:00:00"/>
    <x v="11"/>
    <x v="0"/>
    <s v="10828"/>
    <s v="GLNANDA"/>
    <n v="-337145.08"/>
    <n v="0"/>
    <s v="MACSS ESTIMATED FUEL REVENUE"/>
    <s v="SCP"/>
    <s v="NONBU"/>
    <s v="G0000110"/>
    <s v="N"/>
    <s v="To identify Unbilled Fuel Reve"/>
    <s v=""/>
    <x v="3"/>
    <s v="CAD038BF"/>
    <s v="S"/>
    <s v="KY"/>
    <s v="REV"/>
    <s v="974"/>
    <s v="S006819"/>
    <n v="2"/>
    <n v="2017"/>
  </r>
  <r>
    <s v="110"/>
    <d v="2017-02-28T00:00:00"/>
    <x v="15"/>
    <x v="0"/>
    <s v="10828"/>
    <s v="GLNANDA"/>
    <n v="0"/>
    <n v="0"/>
    <s v="MACSS ESTIMATED FUEL REVENUE"/>
    <s v="SCP"/>
    <s v="NONBU"/>
    <s v="G0000110"/>
    <s v="N"/>
    <s v="To identify Unbilled Fuel Reve"/>
    <s v=""/>
    <x v="3"/>
    <s v="CAD038BF"/>
    <s v="S"/>
    <s v="KY"/>
    <s v="REV"/>
    <s v="974"/>
    <s v="S006819"/>
    <n v="2"/>
    <n v="2017"/>
  </r>
  <r>
    <s v="110"/>
    <d v="2017-02-28T00:00:00"/>
    <x v="8"/>
    <x v="0"/>
    <s v="10828"/>
    <s v="GLNANDA"/>
    <n v="-499633.47"/>
    <n v="0"/>
    <s v="MACSS ESTIMATED FUEL REVENUE"/>
    <s v="SCP"/>
    <s v="NONBU"/>
    <s v="G0000110"/>
    <s v="N"/>
    <s v="To identify Unbilled Fuel Reve"/>
    <s v=""/>
    <x v="3"/>
    <s v="CAD038BF"/>
    <s v="S"/>
    <s v="KY"/>
    <s v="REV"/>
    <s v="974"/>
    <s v="S006819"/>
    <n v="2"/>
    <n v="2017"/>
  </r>
  <r>
    <s v="110"/>
    <d v="2017-02-28T00:00:00"/>
    <x v="5"/>
    <x v="0"/>
    <s v="10828"/>
    <s v="GLNANDA"/>
    <n v="72350.960000000006"/>
    <n v="0"/>
    <s v="MACSS ESTIMATED FUEL REVENUE"/>
    <s v="SCP"/>
    <s v="NONBU"/>
    <s v="G0000110"/>
    <s v="N"/>
    <s v="To identify Unbilled Fuel Reve"/>
    <s v=""/>
    <x v="3"/>
    <s v="CAD038BF"/>
    <s v="S"/>
    <s v="KY"/>
    <s v="REV"/>
    <s v="974"/>
    <s v="S006819"/>
    <n v="2"/>
    <n v="2017"/>
  </r>
  <r>
    <s v="110"/>
    <d v="2017-02-28T00:00:00"/>
    <x v="7"/>
    <x v="0"/>
    <s v="10828"/>
    <s v="GLNANDA"/>
    <n v="65245.49"/>
    <n v="0"/>
    <s v="MACSS ESTIMATED FUEL REVENUE"/>
    <s v="SCP"/>
    <s v="NONBU"/>
    <s v="G0000110"/>
    <s v="N"/>
    <s v="To identify Unbilled Fuel Reve"/>
    <s v=""/>
    <x v="3"/>
    <s v="CAD038BF"/>
    <s v="S"/>
    <s v="KY"/>
    <s v="REV"/>
    <s v="974"/>
    <s v="S006819"/>
    <n v="2"/>
    <n v="2017"/>
  </r>
  <r>
    <s v="110"/>
    <d v="2017-02-28T00:00:00"/>
    <x v="0"/>
    <x v="0"/>
    <s v="10828"/>
    <s v="GLNANDA"/>
    <n v="227871.6"/>
    <n v="0"/>
    <s v="MACSS ESTIMATED FUEL REVENUE"/>
    <s v="SCP"/>
    <s v="NONBU"/>
    <s v="G0000110"/>
    <s v="N"/>
    <s v="To identify Unbilled Fuel Reve"/>
    <s v=""/>
    <x v="3"/>
    <s v="CAD038BF"/>
    <s v="S"/>
    <s v="KY"/>
    <s v="REV"/>
    <s v="974"/>
    <s v="S006819"/>
    <n v="2"/>
    <n v="2017"/>
  </r>
  <r>
    <s v="110"/>
    <d v="2017-02-01T00:00:00"/>
    <x v="3"/>
    <x v="0"/>
    <s v="10828"/>
    <s v="GLNANDA"/>
    <n v="-194138.49"/>
    <n v="0"/>
    <s v="MACSS ESTIMATED FUEL REVENUE"/>
    <s v="SCP"/>
    <s v="NONBU"/>
    <s v="G0000110"/>
    <s v="N"/>
    <s v="To identify Unbilled Fuel Reve"/>
    <s v=""/>
    <x v="3"/>
    <s v="CAD038BF"/>
    <s v="S"/>
    <s v="KY"/>
    <s v="REV"/>
    <s v="974"/>
    <s v="S173443"/>
    <n v="2"/>
    <n v="2017"/>
  </r>
  <r>
    <s v="110"/>
    <d v="2017-02-01T00:00:00"/>
    <x v="0"/>
    <x v="0"/>
    <s v="10828"/>
    <s v="GLNANDA"/>
    <n v="-370666.42"/>
    <n v="0"/>
    <s v="MACSS ESTIMATED FUEL REVENUE"/>
    <s v="SCP"/>
    <s v="NONBU"/>
    <s v="G0000110"/>
    <s v="N"/>
    <s v="To identify Unbilled Fuel Reve"/>
    <s v=""/>
    <x v="3"/>
    <s v="CAD038BF"/>
    <s v="S"/>
    <s v="KY"/>
    <s v="REV"/>
    <s v="974"/>
    <s v="S173443"/>
    <n v="2"/>
    <n v="2017"/>
  </r>
  <r>
    <s v="110"/>
    <d v="2017-02-01T00:00:00"/>
    <x v="2"/>
    <x v="0"/>
    <s v="10828"/>
    <s v="GLNANDA"/>
    <n v="-665230.80000000005"/>
    <n v="0"/>
    <s v="MACSS ESTIMATED FUEL REVENUE"/>
    <s v="SCP"/>
    <s v="NONBU"/>
    <s v="G0000110"/>
    <s v="N"/>
    <s v="To identify Unbilled Fuel Reve"/>
    <s v=""/>
    <x v="3"/>
    <s v="CAD038BF"/>
    <s v="S"/>
    <s v="KY"/>
    <s v="REV"/>
    <s v="974"/>
    <s v="S173443"/>
    <n v="2"/>
    <n v="2017"/>
  </r>
  <r>
    <s v="110"/>
    <d v="2017-02-01T00:00:00"/>
    <x v="1"/>
    <x v="0"/>
    <s v="10828"/>
    <s v="GLNANDA"/>
    <n v="-505771.21"/>
    <n v="0"/>
    <s v="MACSS ESTIMATED FUEL REVENUE"/>
    <s v="SCP"/>
    <s v="NONBU"/>
    <s v="G0000110"/>
    <s v="N"/>
    <s v="To identify Unbilled Fuel Reve"/>
    <s v=""/>
    <x v="3"/>
    <s v="CAD038BF"/>
    <s v="S"/>
    <s v="KY"/>
    <s v="REV"/>
    <s v="974"/>
    <s v="S173443"/>
    <n v="2"/>
    <n v="2017"/>
  </r>
  <r>
    <s v="110"/>
    <d v="2017-02-01T00:00:00"/>
    <x v="14"/>
    <x v="0"/>
    <s v="10828"/>
    <s v="GLNANDA"/>
    <n v="1887972.41"/>
    <n v="0"/>
    <s v="MACSS ESTIMATED FUEL REVENUE"/>
    <s v="SCP"/>
    <s v="NONBU"/>
    <s v="G0000110"/>
    <s v="N"/>
    <s v="To identify Unbilled Fuel Reve"/>
    <s v=""/>
    <x v="3"/>
    <s v="CAD038BF"/>
    <s v="S"/>
    <s v="KY"/>
    <s v="REV"/>
    <s v="974"/>
    <s v="S173443"/>
    <n v="2"/>
    <n v="2017"/>
  </r>
  <r>
    <s v="110"/>
    <d v="2017-02-01T00:00:00"/>
    <x v="4"/>
    <x v="0"/>
    <s v="10828"/>
    <s v="GLNANDA"/>
    <n v="-1382201.2"/>
    <n v="0"/>
    <s v="MACSS ESTIMATED FUEL REVENUE"/>
    <s v="SCP"/>
    <s v="NONBU"/>
    <s v="G0000110"/>
    <s v="N"/>
    <s v="To identify Unbilled Fuel Reve"/>
    <s v=""/>
    <x v="3"/>
    <s v="CAD038BF"/>
    <s v="S"/>
    <s v="KY"/>
    <s v="REV"/>
    <s v="974"/>
    <s v="S173443"/>
    <n v="2"/>
    <n v="2017"/>
  </r>
  <r>
    <s v="110"/>
    <d v="2017-02-01T00:00:00"/>
    <x v="10"/>
    <x v="0"/>
    <s v="10828"/>
    <s v="GLNANDA"/>
    <n v="0"/>
    <n v="0"/>
    <s v="MACSS ESTIMATED FUEL REVENUE"/>
    <s v="SCP"/>
    <s v="NONBU"/>
    <s v="G0000110"/>
    <s v="N"/>
    <s v="To identify Unbilled Fuel Reve"/>
    <s v=""/>
    <x v="3"/>
    <s v="CAD038BF"/>
    <s v="S"/>
    <s v="KY"/>
    <s v="REV"/>
    <s v="974"/>
    <s v="S173443"/>
    <n v="2"/>
    <n v="2017"/>
  </r>
  <r>
    <s v="110"/>
    <d v="2017-02-01T00:00:00"/>
    <x v="13"/>
    <x v="0"/>
    <s v="10828"/>
    <s v="GLNANDA"/>
    <n v="1783.17"/>
    <n v="0"/>
    <s v="MACSS ESTIMATED FUEL REVENUE"/>
    <s v="SCP"/>
    <s v="NONBU"/>
    <s v="G0000110"/>
    <s v="N"/>
    <s v="To identify Unbilled Fuel Reve"/>
    <s v=""/>
    <x v="3"/>
    <s v="CAD038BF"/>
    <s v="S"/>
    <s v="KY"/>
    <s v="REV"/>
    <s v="974"/>
    <s v="S173443"/>
    <n v="2"/>
    <n v="2017"/>
  </r>
  <r>
    <s v="110"/>
    <d v="2017-02-01T00:00:00"/>
    <x v="9"/>
    <x v="0"/>
    <s v="10828"/>
    <s v="GLNANDA"/>
    <n v="0"/>
    <n v="0"/>
    <s v="MACSS ESTIMATED FUEL REVENUE"/>
    <s v="SCP"/>
    <s v="NONBU"/>
    <s v="G0000110"/>
    <s v="N"/>
    <s v="To identify Unbilled Fuel Reve"/>
    <s v=""/>
    <x v="3"/>
    <s v="CAD038BF"/>
    <s v="S"/>
    <s v="KY"/>
    <s v="REV"/>
    <s v="974"/>
    <s v="S173443"/>
    <n v="2"/>
    <n v="2017"/>
  </r>
  <r>
    <s v="110"/>
    <d v="2017-02-01T00:00:00"/>
    <x v="6"/>
    <x v="0"/>
    <s v="10828"/>
    <s v="GLNANDA"/>
    <n v="-1783.17"/>
    <n v="0"/>
    <s v="MACSS ESTIMATED FUEL REVENUE"/>
    <s v="SCP"/>
    <s v="NONBU"/>
    <s v="G0000110"/>
    <s v="N"/>
    <s v="To identify Unbilled Fuel Reve"/>
    <s v=""/>
    <x v="3"/>
    <s v="CAD038BF"/>
    <s v="S"/>
    <s v="KY"/>
    <s v="REV"/>
    <s v="974"/>
    <s v="S173443"/>
    <n v="2"/>
    <n v="2017"/>
  </r>
  <r>
    <s v="110"/>
    <d v="2017-02-01T00:00:00"/>
    <x v="11"/>
    <x v="0"/>
    <s v="10828"/>
    <s v="GLNANDA"/>
    <n v="564804.91"/>
    <n v="0"/>
    <s v="MACSS ESTIMATED FUEL REVENUE"/>
    <s v="SCP"/>
    <s v="NONBU"/>
    <s v="G0000110"/>
    <s v="N"/>
    <s v="To identify Unbilled Fuel Reve"/>
    <s v=""/>
    <x v="3"/>
    <s v="CAD038BF"/>
    <s v="S"/>
    <s v="KY"/>
    <s v="REV"/>
    <s v="974"/>
    <s v="S173443"/>
    <n v="2"/>
    <n v="2017"/>
  </r>
  <r>
    <s v="110"/>
    <d v="2017-02-01T00:00:00"/>
    <x v="15"/>
    <x v="0"/>
    <s v="10828"/>
    <s v="GLNANDA"/>
    <n v="0"/>
    <n v="0"/>
    <s v="MACSS ESTIMATED FUEL REVENUE"/>
    <s v="SCP"/>
    <s v="NONBU"/>
    <s v="G0000110"/>
    <s v="N"/>
    <s v="To identify Unbilled Fuel Reve"/>
    <s v=""/>
    <x v="3"/>
    <s v="CAD038BF"/>
    <s v="S"/>
    <s v="KY"/>
    <s v="REV"/>
    <s v="974"/>
    <s v="S173443"/>
    <n v="2"/>
    <n v="2017"/>
  </r>
  <r>
    <s v="110"/>
    <d v="2017-02-01T00:00:00"/>
    <x v="8"/>
    <x v="0"/>
    <s v="10828"/>
    <s v="GLNANDA"/>
    <n v="911056.87"/>
    <n v="0"/>
    <s v="MACSS ESTIMATED FUEL REVENUE"/>
    <s v="SCP"/>
    <s v="NONBU"/>
    <s v="G0000110"/>
    <s v="N"/>
    <s v="To identify Unbilled Fuel Reve"/>
    <s v=""/>
    <x v="3"/>
    <s v="CAD038BF"/>
    <s v="S"/>
    <s v="KY"/>
    <s v="REV"/>
    <s v="974"/>
    <s v="S173443"/>
    <n v="2"/>
    <n v="2017"/>
  </r>
  <r>
    <s v="110"/>
    <d v="2017-02-01T00:00:00"/>
    <x v="5"/>
    <x v="0"/>
    <s v="10828"/>
    <s v="GLNANDA"/>
    <n v="-132239.5"/>
    <n v="0"/>
    <s v="MACSS ESTIMATED FUEL REVENUE"/>
    <s v="SCP"/>
    <s v="NONBU"/>
    <s v="G0000110"/>
    <s v="N"/>
    <s v="To identify Unbilled Fuel Reve"/>
    <s v=""/>
    <x v="3"/>
    <s v="CAD038BF"/>
    <s v="S"/>
    <s v="KY"/>
    <s v="REV"/>
    <s v="974"/>
    <s v="S173443"/>
    <n v="2"/>
    <n v="2017"/>
  </r>
  <r>
    <s v="110"/>
    <d v="2017-02-01T00:00:00"/>
    <x v="7"/>
    <x v="0"/>
    <s v="10828"/>
    <s v="GLNANDA"/>
    <n v="-113586.57"/>
    <n v="0"/>
    <s v="MACSS ESTIMATED FUEL REVENUE"/>
    <s v="SCP"/>
    <s v="NONBU"/>
    <s v="G0000110"/>
    <s v="N"/>
    <s v="To identify Unbilled Fuel Reve"/>
    <s v=""/>
    <x v="3"/>
    <s v="CAD038BF"/>
    <s v="S"/>
    <s v="KY"/>
    <s v="REV"/>
    <s v="974"/>
    <s v="S173443"/>
    <n v="2"/>
    <n v="2017"/>
  </r>
  <r>
    <s v="110"/>
    <d v="2017-02-01T00:00:00"/>
    <x v="12"/>
    <x v="0"/>
    <s v="10828"/>
    <s v="GLNANDA"/>
    <n v="0"/>
    <n v="0"/>
    <s v="MACSS ESTIMATED FUEL REVENUE"/>
    <s v="SCP"/>
    <s v="NONBU"/>
    <s v="G0000110"/>
    <s v="N"/>
    <s v="To identify Unbilled Fuel Reve"/>
    <s v=""/>
    <x v="3"/>
    <s v="CAD038BF"/>
    <s v="S"/>
    <s v="KY"/>
    <s v="REV"/>
    <s v="974"/>
    <s v="S173443"/>
    <n v="2"/>
    <n v="2017"/>
  </r>
  <r>
    <s v="110"/>
    <d v="2017-01-31T00:00:00"/>
    <x v="10"/>
    <x v="0"/>
    <s v="10828"/>
    <s v="GLNANDA"/>
    <n v="0"/>
    <n v="0"/>
    <s v="MACSS ESTIMATED FUEL REVENUE"/>
    <s v="SCP"/>
    <s v="NONBU"/>
    <s v="G0000110"/>
    <s v="N"/>
    <s v="To identify Unbilled Fuel Reve"/>
    <s v=""/>
    <x v="3"/>
    <s v="CAD038BF"/>
    <s v="S"/>
    <s v="KY"/>
    <s v="REV"/>
    <s v="974"/>
    <s v="S006819"/>
    <n v="1"/>
    <n v="2017"/>
  </r>
  <r>
    <s v="110"/>
    <d v="2017-01-31T00:00:00"/>
    <x v="7"/>
    <x v="0"/>
    <s v="10828"/>
    <s v="GLNANDA"/>
    <n v="113586.57"/>
    <n v="0"/>
    <s v="MACSS ESTIMATED FUEL REVENUE"/>
    <s v="SCP"/>
    <s v="NONBU"/>
    <s v="G0000110"/>
    <s v="N"/>
    <s v="To identify Unbilled Fuel Reve"/>
    <s v=""/>
    <x v="3"/>
    <s v="CAD038BF"/>
    <s v="S"/>
    <s v="KY"/>
    <s v="REV"/>
    <s v="974"/>
    <s v="S006819"/>
    <n v="1"/>
    <n v="2017"/>
  </r>
  <r>
    <s v="110"/>
    <d v="2017-01-31T00:00:00"/>
    <x v="9"/>
    <x v="0"/>
    <s v="10828"/>
    <s v="GLNANDA"/>
    <n v="0"/>
    <n v="0"/>
    <s v="MACSS ESTIMATED FUEL REVENUE"/>
    <s v="SCP"/>
    <s v="NONBU"/>
    <s v="G0000110"/>
    <s v="N"/>
    <s v="To identify Unbilled Fuel Reve"/>
    <s v=""/>
    <x v="3"/>
    <s v="CAD038BF"/>
    <s v="S"/>
    <s v="KY"/>
    <s v="REV"/>
    <s v="974"/>
    <s v="S006819"/>
    <n v="1"/>
    <n v="2017"/>
  </r>
  <r>
    <s v="110"/>
    <d v="2017-01-31T00:00:00"/>
    <x v="4"/>
    <x v="0"/>
    <s v="10828"/>
    <s v="GLNANDA"/>
    <n v="1382201.2"/>
    <n v="0"/>
    <s v="MACSS ESTIMATED FUEL REVENUE"/>
    <s v="SCP"/>
    <s v="NONBU"/>
    <s v="G0000110"/>
    <s v="N"/>
    <s v="To identify Unbilled Fuel Reve"/>
    <s v=""/>
    <x v="3"/>
    <s v="CAD038BF"/>
    <s v="S"/>
    <s v="KY"/>
    <s v="REV"/>
    <s v="974"/>
    <s v="S006819"/>
    <n v="1"/>
    <n v="2017"/>
  </r>
  <r>
    <s v="110"/>
    <d v="2017-01-31T00:00:00"/>
    <x v="5"/>
    <x v="0"/>
    <s v="10828"/>
    <s v="GLNANDA"/>
    <n v="132239.5"/>
    <n v="0"/>
    <s v="MACSS ESTIMATED FUEL REVENUE"/>
    <s v="SCP"/>
    <s v="NONBU"/>
    <s v="G0000110"/>
    <s v="N"/>
    <s v="To identify Unbilled Fuel Reve"/>
    <s v=""/>
    <x v="3"/>
    <s v="CAD038BF"/>
    <s v="S"/>
    <s v="KY"/>
    <s v="REV"/>
    <s v="974"/>
    <s v="S006819"/>
    <n v="1"/>
    <n v="2017"/>
  </r>
  <r>
    <s v="110"/>
    <d v="2017-01-31T00:00:00"/>
    <x v="8"/>
    <x v="0"/>
    <s v="10828"/>
    <s v="GLNANDA"/>
    <n v="-911056.87"/>
    <n v="0"/>
    <s v="MACSS ESTIMATED FUEL REVENUE"/>
    <s v="SCP"/>
    <s v="NONBU"/>
    <s v="G0000110"/>
    <s v="N"/>
    <s v="To identify Unbilled Fuel Reve"/>
    <s v=""/>
    <x v="3"/>
    <s v="CAD038BF"/>
    <s v="S"/>
    <s v="KY"/>
    <s v="REV"/>
    <s v="974"/>
    <s v="S006819"/>
    <n v="1"/>
    <n v="2017"/>
  </r>
  <r>
    <s v="110"/>
    <d v="2017-01-31T00:00:00"/>
    <x v="12"/>
    <x v="0"/>
    <s v="10828"/>
    <s v="GLNANDA"/>
    <n v="0"/>
    <n v="0"/>
    <s v="MACSS ESTIMATED FUEL REVENUE"/>
    <s v="SCP"/>
    <s v="NONBU"/>
    <s v="G0000110"/>
    <s v="N"/>
    <s v="To identify Unbilled Fuel Reve"/>
    <s v=""/>
    <x v="3"/>
    <s v="CAD038BF"/>
    <s v="S"/>
    <s v="KY"/>
    <s v="REV"/>
    <s v="974"/>
    <s v="S006819"/>
    <n v="1"/>
    <n v="2017"/>
  </r>
  <r>
    <s v="110"/>
    <d v="2017-01-31T00:00:00"/>
    <x v="2"/>
    <x v="0"/>
    <s v="10828"/>
    <s v="GLNANDA"/>
    <n v="665230.80000000005"/>
    <n v="0"/>
    <s v="MACSS ESTIMATED FUEL REVENUE"/>
    <s v="SCP"/>
    <s v="NONBU"/>
    <s v="G0000110"/>
    <s v="N"/>
    <s v="To identify Unbilled Fuel Reve"/>
    <s v=""/>
    <x v="3"/>
    <s v="CAD038BF"/>
    <s v="S"/>
    <s v="KY"/>
    <s v="REV"/>
    <s v="974"/>
    <s v="S006819"/>
    <n v="1"/>
    <n v="2017"/>
  </r>
  <r>
    <s v="110"/>
    <d v="2017-01-31T00:00:00"/>
    <x v="15"/>
    <x v="0"/>
    <s v="10828"/>
    <s v="GLNANDA"/>
    <n v="0"/>
    <n v="0"/>
    <s v="MACSS ESTIMATED FUEL REVENUE"/>
    <s v="SCP"/>
    <s v="NONBU"/>
    <s v="G0000110"/>
    <s v="N"/>
    <s v="To identify Unbilled Fuel Reve"/>
    <s v=""/>
    <x v="3"/>
    <s v="CAD038BF"/>
    <s v="S"/>
    <s v="KY"/>
    <s v="REV"/>
    <s v="974"/>
    <s v="S006819"/>
    <n v="1"/>
    <n v="2017"/>
  </r>
  <r>
    <s v="110"/>
    <d v="2017-01-31T00:00:00"/>
    <x v="3"/>
    <x v="0"/>
    <s v="10828"/>
    <s v="GLNANDA"/>
    <n v="194138.49"/>
    <n v="0"/>
    <s v="MACSS ESTIMATED FUEL REVENUE"/>
    <s v="SCP"/>
    <s v="NONBU"/>
    <s v="G0000110"/>
    <s v="N"/>
    <s v="To identify Unbilled Fuel Reve"/>
    <s v=""/>
    <x v="3"/>
    <s v="CAD038BF"/>
    <s v="S"/>
    <s v="KY"/>
    <s v="REV"/>
    <s v="974"/>
    <s v="S006819"/>
    <n v="1"/>
    <n v="2017"/>
  </r>
  <r>
    <s v="110"/>
    <d v="2017-01-31T00:00:00"/>
    <x v="1"/>
    <x v="0"/>
    <s v="10828"/>
    <s v="GLNANDA"/>
    <n v="505771.21"/>
    <n v="0"/>
    <s v="MACSS ESTIMATED FUEL REVENUE"/>
    <s v="SCP"/>
    <s v="NONBU"/>
    <s v="G0000110"/>
    <s v="N"/>
    <s v="To identify Unbilled Fuel Reve"/>
    <s v=""/>
    <x v="3"/>
    <s v="CAD038BF"/>
    <s v="S"/>
    <s v="KY"/>
    <s v="REV"/>
    <s v="974"/>
    <s v="S006819"/>
    <n v="1"/>
    <n v="2017"/>
  </r>
  <r>
    <s v="110"/>
    <d v="2017-01-31T00:00:00"/>
    <x v="11"/>
    <x v="0"/>
    <s v="10828"/>
    <s v="GLNANDA"/>
    <n v="-564804.91"/>
    <n v="0"/>
    <s v="MACSS ESTIMATED FUEL REVENUE"/>
    <s v="SCP"/>
    <s v="NONBU"/>
    <s v="G0000110"/>
    <s v="N"/>
    <s v="To identify Unbilled Fuel Reve"/>
    <s v=""/>
    <x v="3"/>
    <s v="CAD038BF"/>
    <s v="S"/>
    <s v="KY"/>
    <s v="REV"/>
    <s v="974"/>
    <s v="S006819"/>
    <n v="1"/>
    <n v="2017"/>
  </r>
  <r>
    <s v="110"/>
    <d v="2017-01-31T00:00:00"/>
    <x v="6"/>
    <x v="0"/>
    <s v="10828"/>
    <s v="GLNANDA"/>
    <n v="1783.17"/>
    <n v="0"/>
    <s v="MACSS ESTIMATED FUEL REVENUE"/>
    <s v="SCP"/>
    <s v="NONBU"/>
    <s v="G0000110"/>
    <s v="N"/>
    <s v="To identify Unbilled Fuel Reve"/>
    <s v=""/>
    <x v="3"/>
    <s v="CAD038BF"/>
    <s v="S"/>
    <s v="KY"/>
    <s v="REV"/>
    <s v="974"/>
    <s v="S006819"/>
    <n v="1"/>
    <n v="2017"/>
  </r>
  <r>
    <s v="110"/>
    <d v="2017-01-31T00:00:00"/>
    <x v="0"/>
    <x v="0"/>
    <s v="10828"/>
    <s v="GLNANDA"/>
    <n v="370666.42"/>
    <n v="0"/>
    <s v="MACSS ESTIMATED FUEL REVENUE"/>
    <s v="SCP"/>
    <s v="NONBU"/>
    <s v="G0000110"/>
    <s v="N"/>
    <s v="To identify Unbilled Fuel Reve"/>
    <s v=""/>
    <x v="3"/>
    <s v="CAD038BF"/>
    <s v="S"/>
    <s v="KY"/>
    <s v="REV"/>
    <s v="974"/>
    <s v="S006819"/>
    <n v="1"/>
    <n v="2017"/>
  </r>
  <r>
    <s v="110"/>
    <d v="2017-01-31T00:00:00"/>
    <x v="14"/>
    <x v="0"/>
    <s v="10828"/>
    <s v="GLNANDA"/>
    <n v="-1887972.41"/>
    <n v="0"/>
    <s v="MACSS ESTIMATED FUEL REVENUE"/>
    <s v="SCP"/>
    <s v="NONBU"/>
    <s v="G0000110"/>
    <s v="N"/>
    <s v="To identify Unbilled Fuel Reve"/>
    <s v=""/>
    <x v="3"/>
    <s v="CAD038BF"/>
    <s v="S"/>
    <s v="KY"/>
    <s v="REV"/>
    <s v="974"/>
    <s v="S006819"/>
    <n v="1"/>
    <n v="2017"/>
  </r>
  <r>
    <s v="110"/>
    <d v="2017-01-31T00:00:00"/>
    <x v="13"/>
    <x v="0"/>
    <s v="10828"/>
    <s v="GLNANDA"/>
    <n v="-1783.17"/>
    <n v="0"/>
    <s v="MACSS ESTIMATED FUEL REVENUE"/>
    <s v="SCP"/>
    <s v="NONBU"/>
    <s v="G0000110"/>
    <s v="N"/>
    <s v="To identify Unbilled Fuel Reve"/>
    <s v=""/>
    <x v="3"/>
    <s v="CAD038BF"/>
    <s v="S"/>
    <s v="KY"/>
    <s v="REV"/>
    <s v="974"/>
    <s v="S006819"/>
    <n v="1"/>
    <n v="2017"/>
  </r>
  <r>
    <s v="110"/>
    <d v="2017-01-01T00:00:00"/>
    <x v="4"/>
    <x v="0"/>
    <s v="10828"/>
    <s v="GLNANDA"/>
    <n v="-1980289.05"/>
    <n v="0"/>
    <s v="MACSS ESTIMATED FUEL REVENUE"/>
    <s v="SCP"/>
    <s v="NONBU"/>
    <s v="G0000110"/>
    <s v="N"/>
    <s v="To identify Unbilled Fuel Reve"/>
    <s v=""/>
    <x v="3"/>
    <s v="CAD038BF"/>
    <s v="S"/>
    <s v="KY"/>
    <s v="REV"/>
    <s v="974"/>
    <s v="S173443"/>
    <n v="1"/>
    <n v="2017"/>
  </r>
  <r>
    <s v="110"/>
    <d v="2017-01-01T00:00:00"/>
    <x v="14"/>
    <x v="0"/>
    <s v="10828"/>
    <s v="GLNANDA"/>
    <n v="2746675.85"/>
    <n v="0"/>
    <s v="MACSS ESTIMATED FUEL REVENUE"/>
    <s v="SCP"/>
    <s v="NONBU"/>
    <s v="G0000110"/>
    <s v="N"/>
    <s v="To identify Unbilled Fuel Reve"/>
    <s v=""/>
    <x v="3"/>
    <s v="CAD038BF"/>
    <s v="S"/>
    <s v="KY"/>
    <s v="REV"/>
    <s v="974"/>
    <s v="S173443"/>
    <n v="1"/>
    <n v="2017"/>
  </r>
  <r>
    <s v="110"/>
    <d v="2017-01-01T00:00:00"/>
    <x v="1"/>
    <x v="0"/>
    <s v="10828"/>
    <s v="GLNANDA"/>
    <n v="-766386.8"/>
    <n v="0"/>
    <s v="MACSS ESTIMATED FUEL REVENUE"/>
    <s v="SCP"/>
    <s v="NONBU"/>
    <s v="G0000110"/>
    <s v="N"/>
    <s v="To identify Unbilled Fuel Reve"/>
    <s v=""/>
    <x v="3"/>
    <s v="CAD038BF"/>
    <s v="S"/>
    <s v="KY"/>
    <s v="REV"/>
    <s v="974"/>
    <s v="S173443"/>
    <n v="1"/>
    <n v="2017"/>
  </r>
  <r>
    <s v="110"/>
    <d v="2017-01-01T00:00:00"/>
    <x v="2"/>
    <x v="0"/>
    <s v="10828"/>
    <s v="GLNANDA"/>
    <n v="-1064937.8"/>
    <n v="0"/>
    <s v="MACSS ESTIMATED FUEL REVENUE"/>
    <s v="SCP"/>
    <s v="NONBU"/>
    <s v="G0000110"/>
    <s v="N"/>
    <s v="To identify Unbilled Fuel Reve"/>
    <s v=""/>
    <x v="3"/>
    <s v="CAD038BF"/>
    <s v="S"/>
    <s v="KY"/>
    <s v="REV"/>
    <s v="974"/>
    <s v="S173443"/>
    <n v="1"/>
    <n v="2017"/>
  </r>
  <r>
    <s v="110"/>
    <d v="2017-01-01T00:00:00"/>
    <x v="0"/>
    <x v="0"/>
    <s v="10828"/>
    <s v="GLNANDA"/>
    <n v="-671344.06"/>
    <n v="0"/>
    <s v="MACSS ESTIMATED FUEL REVENUE"/>
    <s v="SCP"/>
    <s v="NONBU"/>
    <s v="G0000110"/>
    <s v="N"/>
    <s v="To identify Unbilled Fuel Reve"/>
    <s v=""/>
    <x v="3"/>
    <s v="CAD038BF"/>
    <s v="S"/>
    <s v="KY"/>
    <s v="REV"/>
    <s v="974"/>
    <s v="S173443"/>
    <n v="1"/>
    <n v="2017"/>
  </r>
  <r>
    <s v="110"/>
    <d v="2017-01-01T00:00:00"/>
    <x v="3"/>
    <x v="0"/>
    <s v="10828"/>
    <s v="GLNANDA"/>
    <n v="-309086.61"/>
    <n v="0"/>
    <s v="MACSS ESTIMATED FUEL REVENUE"/>
    <s v="SCP"/>
    <s v="NONBU"/>
    <s v="G0000110"/>
    <s v="N"/>
    <s v="To identify Unbilled Fuel Reve"/>
    <s v=""/>
    <x v="3"/>
    <s v="CAD038BF"/>
    <s v="S"/>
    <s v="KY"/>
    <s v="REV"/>
    <s v="974"/>
    <s v="S173443"/>
    <n v="1"/>
    <n v="2017"/>
  </r>
  <r>
    <s v="110"/>
    <d v="2017-01-01T00:00:00"/>
    <x v="12"/>
    <x v="0"/>
    <s v="10828"/>
    <s v="GLNANDA"/>
    <n v="0"/>
    <n v="0"/>
    <s v="MACSS ESTIMATED FUEL REVENUE"/>
    <s v="SCP"/>
    <s v="NONBU"/>
    <s v="G0000110"/>
    <s v="N"/>
    <s v="To identify Unbilled Fuel Reve"/>
    <s v=""/>
    <x v="3"/>
    <s v="CAD038BF"/>
    <s v="S"/>
    <s v="KY"/>
    <s v="REV"/>
    <s v="974"/>
    <s v="S173443"/>
    <n v="1"/>
    <n v="2017"/>
  </r>
  <r>
    <s v="110"/>
    <d v="2017-01-01T00:00:00"/>
    <x v="7"/>
    <x v="0"/>
    <s v="10828"/>
    <s v="GLNANDA"/>
    <n v="-190024.33"/>
    <n v="0"/>
    <s v="MACSS ESTIMATED FUEL REVENUE"/>
    <s v="SCP"/>
    <s v="NONBU"/>
    <s v="G0000110"/>
    <s v="N"/>
    <s v="To identify Unbilled Fuel Reve"/>
    <s v=""/>
    <x v="3"/>
    <s v="CAD038BF"/>
    <s v="S"/>
    <s v="KY"/>
    <s v="REV"/>
    <s v="974"/>
    <s v="S173443"/>
    <n v="1"/>
    <n v="2017"/>
  </r>
  <r>
    <s v="110"/>
    <d v="2017-01-01T00:00:00"/>
    <x v="5"/>
    <x v="0"/>
    <s v="10828"/>
    <s v="GLNANDA"/>
    <n v="-215832.12"/>
    <n v="0"/>
    <s v="MACSS ESTIMATED FUEL REVENUE"/>
    <s v="SCP"/>
    <s v="NONBU"/>
    <s v="G0000110"/>
    <s v="N"/>
    <s v="To identify Unbilled Fuel Reve"/>
    <s v=""/>
    <x v="3"/>
    <s v="CAD038BF"/>
    <s v="S"/>
    <s v="KY"/>
    <s v="REV"/>
    <s v="974"/>
    <s v="S173443"/>
    <n v="1"/>
    <n v="2017"/>
  </r>
  <r>
    <s v="110"/>
    <d v="2017-01-01T00:00:00"/>
    <x v="8"/>
    <x v="0"/>
    <s v="10828"/>
    <s v="GLNANDA"/>
    <n v="1470794.25"/>
    <n v="0"/>
    <s v="MACSS ESTIMATED FUEL REVENUE"/>
    <s v="SCP"/>
    <s v="NONBU"/>
    <s v="G0000110"/>
    <s v="N"/>
    <s v="To identify Unbilled Fuel Reve"/>
    <s v=""/>
    <x v="3"/>
    <s v="CAD038BF"/>
    <s v="S"/>
    <s v="KY"/>
    <s v="REV"/>
    <s v="974"/>
    <s v="S173443"/>
    <n v="1"/>
    <n v="2017"/>
  </r>
  <r>
    <s v="110"/>
    <d v="2017-01-01T00:00:00"/>
    <x v="15"/>
    <x v="0"/>
    <s v="10828"/>
    <s v="GLNANDA"/>
    <n v="0"/>
    <n v="0"/>
    <s v="MACSS ESTIMATED FUEL REVENUE"/>
    <s v="SCP"/>
    <s v="NONBU"/>
    <s v="G0000110"/>
    <s v="N"/>
    <s v="To identify Unbilled Fuel Reve"/>
    <s v=""/>
    <x v="3"/>
    <s v="CAD038BF"/>
    <s v="S"/>
    <s v="KY"/>
    <s v="REV"/>
    <s v="974"/>
    <s v="S173443"/>
    <n v="1"/>
    <n v="2017"/>
  </r>
  <r>
    <s v="110"/>
    <d v="2017-01-01T00:00:00"/>
    <x v="11"/>
    <x v="0"/>
    <s v="10828"/>
    <s v="GLNANDA"/>
    <n v="980430.67"/>
    <n v="0"/>
    <s v="MACSS ESTIMATED FUEL REVENUE"/>
    <s v="SCP"/>
    <s v="NONBU"/>
    <s v="G0000110"/>
    <s v="N"/>
    <s v="To identify Unbilled Fuel Reve"/>
    <s v=""/>
    <x v="3"/>
    <s v="CAD038BF"/>
    <s v="S"/>
    <s v="KY"/>
    <s v="REV"/>
    <s v="974"/>
    <s v="S173443"/>
    <n v="1"/>
    <n v="2017"/>
  </r>
  <r>
    <s v="110"/>
    <d v="2017-01-01T00:00:00"/>
    <x v="6"/>
    <x v="0"/>
    <s v="10828"/>
    <s v="GLNANDA"/>
    <n v="-3239.85"/>
    <n v="0"/>
    <s v="MACSS ESTIMATED FUEL REVENUE"/>
    <s v="SCP"/>
    <s v="NONBU"/>
    <s v="G0000110"/>
    <s v="N"/>
    <s v="To identify Unbilled Fuel Reve"/>
    <s v=""/>
    <x v="3"/>
    <s v="CAD038BF"/>
    <s v="S"/>
    <s v="KY"/>
    <s v="REV"/>
    <s v="974"/>
    <s v="S173443"/>
    <n v="1"/>
    <n v="2017"/>
  </r>
  <r>
    <s v="110"/>
    <d v="2017-01-01T00:00:00"/>
    <x v="9"/>
    <x v="0"/>
    <s v="10828"/>
    <s v="GLNANDA"/>
    <n v="0"/>
    <n v="0"/>
    <s v="MACSS ESTIMATED FUEL REVENUE"/>
    <s v="SCP"/>
    <s v="NONBU"/>
    <s v="G0000110"/>
    <s v="N"/>
    <s v="To identify Unbilled Fuel Reve"/>
    <s v=""/>
    <x v="3"/>
    <s v="CAD038BF"/>
    <s v="S"/>
    <s v="KY"/>
    <s v="REV"/>
    <s v="974"/>
    <s v="S173443"/>
    <n v="1"/>
    <n v="2017"/>
  </r>
  <r>
    <s v="110"/>
    <d v="2017-01-01T00:00:00"/>
    <x v="13"/>
    <x v="0"/>
    <s v="10828"/>
    <s v="GLNANDA"/>
    <n v="3239.85"/>
    <n v="0"/>
    <s v="MACSS ESTIMATED FUEL REVENUE"/>
    <s v="SCP"/>
    <s v="NONBU"/>
    <s v="G0000110"/>
    <s v="N"/>
    <s v="To identify Unbilled Fuel Reve"/>
    <s v=""/>
    <x v="3"/>
    <s v="CAD038BF"/>
    <s v="S"/>
    <s v="KY"/>
    <s v="REV"/>
    <s v="974"/>
    <s v="S173443"/>
    <n v="1"/>
    <n v="2017"/>
  </r>
  <r>
    <s v="110"/>
    <d v="2017-01-01T00:00:00"/>
    <x v="10"/>
    <x v="0"/>
    <s v="10828"/>
    <s v="GLNANDA"/>
    <n v="0"/>
    <n v="0"/>
    <s v="MACSS ESTIMATED FUEL REVENUE"/>
    <s v="SCP"/>
    <s v="NONBU"/>
    <s v="G0000110"/>
    <s v="N"/>
    <s v="To identify Unbilled Fuel Reve"/>
    <s v=""/>
    <x v="3"/>
    <s v="CAD038BF"/>
    <s v="S"/>
    <s v="KY"/>
    <s v="REV"/>
    <s v="974"/>
    <s v="S173443"/>
    <n v="1"/>
    <n v="2017"/>
  </r>
  <r>
    <s v="110"/>
    <d v="2016-12-31T00:00:00"/>
    <x v="6"/>
    <x v="0"/>
    <s v="10828"/>
    <s v="GLNANDA"/>
    <n v="3239.85"/>
    <n v="0"/>
    <s v="MACSS ESTIMATED FUEL REVENUE"/>
    <s v="SCP"/>
    <s v="NONBU"/>
    <s v="G0000110"/>
    <s v="N"/>
    <s v="To identify Unbilled Fuel Reve"/>
    <s v=""/>
    <x v="3"/>
    <s v="CAD038BF"/>
    <s v="S"/>
    <s v="KY"/>
    <s v="REV"/>
    <s v="974"/>
    <s v="S006819"/>
    <n v="12"/>
    <n v="2016"/>
  </r>
  <r>
    <s v="110"/>
    <d v="2016-12-31T00:00:00"/>
    <x v="2"/>
    <x v="0"/>
    <s v="10828"/>
    <s v="GLNANDA"/>
    <n v="1064937.8"/>
    <n v="0"/>
    <s v="MACSS ESTIMATED FUEL REVENUE"/>
    <s v="SCP"/>
    <s v="NONBU"/>
    <s v="G0000110"/>
    <s v="N"/>
    <s v="To identify Unbilled Fuel Reve"/>
    <s v=""/>
    <x v="3"/>
    <s v="CAD038BF"/>
    <s v="S"/>
    <s v="KY"/>
    <s v="REV"/>
    <s v="974"/>
    <s v="S006819"/>
    <n v="12"/>
    <n v="2016"/>
  </r>
  <r>
    <s v="110"/>
    <d v="2016-12-31T00:00:00"/>
    <x v="10"/>
    <x v="0"/>
    <s v="10828"/>
    <s v="GLNANDA"/>
    <n v="0"/>
    <n v="0"/>
    <s v="MACSS ESTIMATED FUEL REVENUE"/>
    <s v="SCP"/>
    <s v="NONBU"/>
    <s v="G0000110"/>
    <s v="N"/>
    <s v="To identify Unbilled Fuel Reve"/>
    <s v=""/>
    <x v="3"/>
    <s v="CAD038BF"/>
    <s v="S"/>
    <s v="KY"/>
    <s v="REV"/>
    <s v="974"/>
    <s v="S006819"/>
    <n v="12"/>
    <n v="2016"/>
  </r>
  <r>
    <s v="110"/>
    <d v="2016-12-31T00:00:00"/>
    <x v="4"/>
    <x v="0"/>
    <s v="10828"/>
    <s v="GLNANDA"/>
    <n v="1980289.05"/>
    <n v="0"/>
    <s v="MACSS ESTIMATED FUEL REVENUE"/>
    <s v="SCP"/>
    <s v="NONBU"/>
    <s v="G0000110"/>
    <s v="N"/>
    <s v="To identify Unbilled Fuel Reve"/>
    <s v=""/>
    <x v="3"/>
    <s v="CAD038BF"/>
    <s v="S"/>
    <s v="KY"/>
    <s v="REV"/>
    <s v="974"/>
    <s v="S006819"/>
    <n v="12"/>
    <n v="2016"/>
  </r>
  <r>
    <s v="110"/>
    <d v="2016-12-31T00:00:00"/>
    <x v="13"/>
    <x v="0"/>
    <s v="10828"/>
    <s v="GLNANDA"/>
    <n v="-3239.85"/>
    <n v="0"/>
    <s v="MACSS ESTIMATED FUEL REVENUE"/>
    <s v="SCP"/>
    <s v="NONBU"/>
    <s v="G0000110"/>
    <s v="N"/>
    <s v="To identify Unbilled Fuel Reve"/>
    <s v=""/>
    <x v="3"/>
    <s v="CAD038BF"/>
    <s v="S"/>
    <s v="KY"/>
    <s v="REV"/>
    <s v="974"/>
    <s v="S006819"/>
    <n v="12"/>
    <n v="2016"/>
  </r>
  <r>
    <s v="110"/>
    <d v="2016-12-31T00:00:00"/>
    <x v="7"/>
    <x v="0"/>
    <s v="10828"/>
    <s v="GLNANDA"/>
    <n v="190024.33"/>
    <n v="0"/>
    <s v="MACSS ESTIMATED FUEL REVENUE"/>
    <s v="SCP"/>
    <s v="NONBU"/>
    <s v="G0000110"/>
    <s v="N"/>
    <s v="To identify Unbilled Fuel Reve"/>
    <s v=""/>
    <x v="3"/>
    <s v="CAD038BF"/>
    <s v="S"/>
    <s v="KY"/>
    <s v="REV"/>
    <s v="974"/>
    <s v="S006819"/>
    <n v="12"/>
    <n v="2016"/>
  </r>
  <r>
    <s v="110"/>
    <d v="2016-12-31T00:00:00"/>
    <x v="9"/>
    <x v="0"/>
    <s v="10828"/>
    <s v="GLNANDA"/>
    <n v="0"/>
    <n v="0"/>
    <s v="MACSS ESTIMATED FUEL REVENUE"/>
    <s v="SCP"/>
    <s v="NONBU"/>
    <s v="G0000110"/>
    <s v="N"/>
    <s v="To identify Unbilled Fuel Reve"/>
    <s v=""/>
    <x v="3"/>
    <s v="CAD038BF"/>
    <s v="S"/>
    <s v="KY"/>
    <s v="REV"/>
    <s v="974"/>
    <s v="S006819"/>
    <n v="12"/>
    <n v="2016"/>
  </r>
  <r>
    <s v="110"/>
    <d v="2016-12-31T00:00:00"/>
    <x v="0"/>
    <x v="0"/>
    <s v="10828"/>
    <s v="GLNANDA"/>
    <n v="671344.06"/>
    <n v="0"/>
    <s v="MACSS ESTIMATED FUEL REVENUE"/>
    <s v="SCP"/>
    <s v="NONBU"/>
    <s v="G0000110"/>
    <s v="N"/>
    <s v="To identify Unbilled Fuel Reve"/>
    <s v=""/>
    <x v="3"/>
    <s v="CAD038BF"/>
    <s v="S"/>
    <s v="KY"/>
    <s v="REV"/>
    <s v="974"/>
    <s v="S006819"/>
    <n v="12"/>
    <n v="2016"/>
  </r>
  <r>
    <s v="110"/>
    <d v="2016-12-31T00:00:00"/>
    <x v="5"/>
    <x v="0"/>
    <s v="10828"/>
    <s v="GLNANDA"/>
    <n v="215832.12"/>
    <n v="0"/>
    <s v="MACSS ESTIMATED FUEL REVENUE"/>
    <s v="SCP"/>
    <s v="NONBU"/>
    <s v="G0000110"/>
    <s v="N"/>
    <s v="To identify Unbilled Fuel Reve"/>
    <s v=""/>
    <x v="3"/>
    <s v="CAD038BF"/>
    <s v="S"/>
    <s v="KY"/>
    <s v="REV"/>
    <s v="974"/>
    <s v="S006819"/>
    <n v="12"/>
    <n v="2016"/>
  </r>
  <r>
    <s v="110"/>
    <d v="2016-12-31T00:00:00"/>
    <x v="3"/>
    <x v="0"/>
    <s v="10828"/>
    <s v="GLNANDA"/>
    <n v="309086.61"/>
    <n v="0"/>
    <s v="MACSS ESTIMATED FUEL REVENUE"/>
    <s v="SCP"/>
    <s v="NONBU"/>
    <s v="G0000110"/>
    <s v="N"/>
    <s v="To identify Unbilled Fuel Reve"/>
    <s v=""/>
    <x v="3"/>
    <s v="CAD038BF"/>
    <s v="S"/>
    <s v="KY"/>
    <s v="REV"/>
    <s v="974"/>
    <s v="S006819"/>
    <n v="12"/>
    <n v="2016"/>
  </r>
  <r>
    <s v="110"/>
    <d v="2016-12-31T00:00:00"/>
    <x v="8"/>
    <x v="0"/>
    <s v="10828"/>
    <s v="GLNANDA"/>
    <n v="-1470794.25"/>
    <n v="0"/>
    <s v="MACSS ESTIMATED FUEL REVENUE"/>
    <s v="SCP"/>
    <s v="NONBU"/>
    <s v="G0000110"/>
    <s v="N"/>
    <s v="To identify Unbilled Fuel Reve"/>
    <s v=""/>
    <x v="3"/>
    <s v="CAD038BF"/>
    <s v="S"/>
    <s v="KY"/>
    <s v="REV"/>
    <s v="974"/>
    <s v="S006819"/>
    <n v="12"/>
    <n v="2016"/>
  </r>
  <r>
    <s v="110"/>
    <d v="2016-12-31T00:00:00"/>
    <x v="1"/>
    <x v="0"/>
    <s v="10828"/>
    <s v="GLNANDA"/>
    <n v="766386.8"/>
    <n v="0"/>
    <s v="MACSS ESTIMATED FUEL REVENUE"/>
    <s v="SCP"/>
    <s v="NONBU"/>
    <s v="G0000110"/>
    <s v="N"/>
    <s v="To identify Unbilled Fuel Reve"/>
    <s v=""/>
    <x v="3"/>
    <s v="CAD038BF"/>
    <s v="S"/>
    <s v="KY"/>
    <s v="REV"/>
    <s v="974"/>
    <s v="S006819"/>
    <n v="12"/>
    <n v="2016"/>
  </r>
  <r>
    <s v="110"/>
    <d v="2016-12-31T00:00:00"/>
    <x v="12"/>
    <x v="0"/>
    <s v="10828"/>
    <s v="GLNANDA"/>
    <n v="0"/>
    <n v="0"/>
    <s v="MACSS ESTIMATED FUEL REVENUE"/>
    <s v="SCP"/>
    <s v="NONBU"/>
    <s v="G0000110"/>
    <s v="N"/>
    <s v="To identify Unbilled Fuel Reve"/>
    <s v=""/>
    <x v="3"/>
    <s v="CAD038BF"/>
    <s v="S"/>
    <s v="KY"/>
    <s v="REV"/>
    <s v="974"/>
    <s v="S006819"/>
    <n v="12"/>
    <n v="2016"/>
  </r>
  <r>
    <s v="110"/>
    <d v="2016-12-31T00:00:00"/>
    <x v="15"/>
    <x v="0"/>
    <s v="10828"/>
    <s v="GLNANDA"/>
    <n v="0"/>
    <n v="0"/>
    <s v="MACSS ESTIMATED FUEL REVENUE"/>
    <s v="SCP"/>
    <s v="NONBU"/>
    <s v="G0000110"/>
    <s v="N"/>
    <s v="To identify Unbilled Fuel Reve"/>
    <s v=""/>
    <x v="3"/>
    <s v="CAD038BF"/>
    <s v="S"/>
    <s v="KY"/>
    <s v="REV"/>
    <s v="974"/>
    <s v="S006819"/>
    <n v="12"/>
    <n v="2016"/>
  </r>
  <r>
    <s v="110"/>
    <d v="2016-12-31T00:00:00"/>
    <x v="11"/>
    <x v="0"/>
    <s v="10828"/>
    <s v="GLNANDA"/>
    <n v="-980430.67"/>
    <n v="0"/>
    <s v="MACSS ESTIMATED FUEL REVENUE"/>
    <s v="SCP"/>
    <s v="NONBU"/>
    <s v="G0000110"/>
    <s v="N"/>
    <s v="To identify Unbilled Fuel Reve"/>
    <s v=""/>
    <x v="3"/>
    <s v="CAD038BF"/>
    <s v="S"/>
    <s v="KY"/>
    <s v="REV"/>
    <s v="974"/>
    <s v="S006819"/>
    <n v="12"/>
    <n v="2016"/>
  </r>
  <r>
    <s v="110"/>
    <d v="2016-12-31T00:00:00"/>
    <x v="14"/>
    <x v="0"/>
    <s v="10828"/>
    <s v="GLNANDA"/>
    <n v="-2746675.85"/>
    <n v="0"/>
    <s v="MACSS ESTIMATED FUEL REVENUE"/>
    <s v="SCP"/>
    <s v="NONBU"/>
    <s v="G0000110"/>
    <s v="N"/>
    <s v="To identify Unbilled Fuel Reve"/>
    <s v=""/>
    <x v="3"/>
    <s v="CAD038BF"/>
    <s v="S"/>
    <s v="KY"/>
    <s v="REV"/>
    <s v="974"/>
    <s v="S006819"/>
    <n v="12"/>
    <n v="2016"/>
  </r>
  <r>
    <s v="110"/>
    <d v="2016-12-01T00:00:00"/>
    <x v="4"/>
    <x v="0"/>
    <s v="10828"/>
    <s v="GLNANDA"/>
    <n v="-1551767.54"/>
    <n v="0"/>
    <s v="MACSS ESTIMATED FUEL REVENUE"/>
    <s v="SCP"/>
    <s v="NONBU"/>
    <s v="G0000110"/>
    <s v="N"/>
    <s v="To identify Unbilled Fuel Reve"/>
    <s v=""/>
    <x v="3"/>
    <s v="CAD038BF"/>
    <s v="S"/>
    <s v="KY"/>
    <s v="REV"/>
    <s v="974"/>
    <s v="S173443"/>
    <n v="12"/>
    <n v="2016"/>
  </r>
  <r>
    <s v="110"/>
    <d v="2016-12-01T00:00:00"/>
    <x v="0"/>
    <x v="0"/>
    <s v="10828"/>
    <s v="GLNANDA"/>
    <n v="-860143.89"/>
    <n v="0"/>
    <s v="MACSS ESTIMATED FUEL REVENUE"/>
    <s v="SCP"/>
    <s v="NONBU"/>
    <s v="G0000110"/>
    <s v="N"/>
    <s v="To identify Unbilled Fuel Reve"/>
    <s v=""/>
    <x v="3"/>
    <s v="CAD038BF"/>
    <s v="S"/>
    <s v="KY"/>
    <s v="REV"/>
    <s v="974"/>
    <s v="S173443"/>
    <n v="12"/>
    <n v="2016"/>
  </r>
  <r>
    <s v="110"/>
    <d v="2016-12-01T00:00:00"/>
    <x v="9"/>
    <x v="0"/>
    <s v="10828"/>
    <s v="GLNANDA"/>
    <n v="0"/>
    <n v="0"/>
    <s v="MACSS ESTIMATED FUEL REVENUE"/>
    <s v="SCP"/>
    <s v="NONBU"/>
    <s v="G0000110"/>
    <s v="N"/>
    <s v="To identify Unbilled Fuel Reve"/>
    <s v=""/>
    <x v="3"/>
    <s v="CAD038BF"/>
    <s v="S"/>
    <s v="KY"/>
    <s v="REV"/>
    <s v="974"/>
    <s v="S173443"/>
    <n v="12"/>
    <n v="2016"/>
  </r>
  <r>
    <s v="110"/>
    <d v="2016-12-01T00:00:00"/>
    <x v="7"/>
    <x v="0"/>
    <s v="10828"/>
    <s v="GLNANDA"/>
    <n v="-229964.19"/>
    <n v="0"/>
    <s v="MACSS ESTIMATED FUEL REVENUE"/>
    <s v="SCP"/>
    <s v="NONBU"/>
    <s v="G0000110"/>
    <s v="N"/>
    <s v="To identify Unbilled Fuel Reve"/>
    <s v=""/>
    <x v="3"/>
    <s v="CAD038BF"/>
    <s v="S"/>
    <s v="KY"/>
    <s v="REV"/>
    <s v="974"/>
    <s v="S173443"/>
    <n v="12"/>
    <n v="2016"/>
  </r>
  <r>
    <s v="110"/>
    <d v="2016-12-01T00:00:00"/>
    <x v="8"/>
    <x v="0"/>
    <s v="10828"/>
    <s v="GLNANDA"/>
    <n v="1761908.36"/>
    <n v="0"/>
    <s v="MACSS ESTIMATED FUEL REVENUE"/>
    <s v="SCP"/>
    <s v="NONBU"/>
    <s v="G0000110"/>
    <s v="N"/>
    <s v="To identify Unbilled Fuel Reve"/>
    <s v=""/>
    <x v="3"/>
    <s v="CAD038BF"/>
    <s v="S"/>
    <s v="KY"/>
    <s v="REV"/>
    <s v="974"/>
    <s v="S173443"/>
    <n v="12"/>
    <n v="2016"/>
  </r>
  <r>
    <s v="110"/>
    <d v="2016-12-01T00:00:00"/>
    <x v="3"/>
    <x v="0"/>
    <s v="10828"/>
    <s v="GLNANDA"/>
    <n v="-395450.64"/>
    <n v="0"/>
    <s v="MACSS ESTIMATED FUEL REVENUE"/>
    <s v="SCP"/>
    <s v="NONBU"/>
    <s v="G0000110"/>
    <s v="N"/>
    <s v="To identify Unbilled Fuel Reve"/>
    <s v=""/>
    <x v="3"/>
    <s v="CAD038BF"/>
    <s v="S"/>
    <s v="KY"/>
    <s v="REV"/>
    <s v="974"/>
    <s v="S173443"/>
    <n v="12"/>
    <n v="2016"/>
  </r>
  <r>
    <s v="110"/>
    <d v="2016-12-01T00:00:00"/>
    <x v="1"/>
    <x v="0"/>
    <s v="10828"/>
    <s v="GLNANDA"/>
    <n v="-730328.29"/>
    <n v="0"/>
    <s v="MACSS ESTIMATED FUEL REVENUE"/>
    <s v="SCP"/>
    <s v="NONBU"/>
    <s v="G0000110"/>
    <s v="N"/>
    <s v="To identify Unbilled Fuel Reve"/>
    <s v=""/>
    <x v="3"/>
    <s v="CAD038BF"/>
    <s v="S"/>
    <s v="KY"/>
    <s v="REV"/>
    <s v="974"/>
    <s v="S173443"/>
    <n v="12"/>
    <n v="2016"/>
  </r>
  <r>
    <s v="110"/>
    <d v="2016-12-01T00:00:00"/>
    <x v="5"/>
    <x v="0"/>
    <s v="10828"/>
    <s v="GLNANDA"/>
    <n v="-260168.07"/>
    <n v="0"/>
    <s v="MACSS ESTIMATED FUEL REVENUE"/>
    <s v="SCP"/>
    <s v="NONBU"/>
    <s v="G0000110"/>
    <s v="N"/>
    <s v="To identify Unbilled Fuel Reve"/>
    <s v=""/>
    <x v="3"/>
    <s v="CAD038BF"/>
    <s v="S"/>
    <s v="KY"/>
    <s v="REV"/>
    <s v="974"/>
    <s v="S173443"/>
    <n v="12"/>
    <n v="2016"/>
  </r>
  <r>
    <s v="110"/>
    <d v="2016-12-01T00:00:00"/>
    <x v="15"/>
    <x v="0"/>
    <s v="10828"/>
    <s v="GLNANDA"/>
    <n v="0"/>
    <n v="0"/>
    <s v="MACSS ESTIMATED FUEL REVENUE"/>
    <s v="SCP"/>
    <s v="NONBU"/>
    <s v="G0000110"/>
    <s v="N"/>
    <s v="To identify Unbilled Fuel Reve"/>
    <s v=""/>
    <x v="3"/>
    <s v="CAD038BF"/>
    <s v="S"/>
    <s v="KY"/>
    <s v="REV"/>
    <s v="974"/>
    <s v="S173443"/>
    <n v="12"/>
    <n v="2016"/>
  </r>
  <r>
    <s v="110"/>
    <d v="2016-12-01T00:00:00"/>
    <x v="14"/>
    <x v="0"/>
    <s v="10828"/>
    <s v="GLNANDA"/>
    <n v="2282095.83"/>
    <n v="0"/>
    <s v="MACSS ESTIMATED FUEL REVENUE"/>
    <s v="SCP"/>
    <s v="NONBU"/>
    <s v="G0000110"/>
    <s v="N"/>
    <s v="To identify Unbilled Fuel Reve"/>
    <s v=""/>
    <x v="3"/>
    <s v="CAD038BF"/>
    <s v="S"/>
    <s v="KY"/>
    <s v="REV"/>
    <s v="974"/>
    <s v="S173443"/>
    <n v="12"/>
    <n v="2016"/>
  </r>
  <r>
    <s v="110"/>
    <d v="2016-12-01T00:00:00"/>
    <x v="12"/>
    <x v="0"/>
    <s v="10828"/>
    <s v="GLNANDA"/>
    <n v="0"/>
    <n v="0"/>
    <s v="MACSS ESTIMATED FUEL REVENUE"/>
    <s v="SCP"/>
    <s v="NONBU"/>
    <s v="G0000110"/>
    <s v="N"/>
    <s v="To identify Unbilled Fuel Reve"/>
    <s v=""/>
    <x v="3"/>
    <s v="CAD038BF"/>
    <s v="S"/>
    <s v="KY"/>
    <s v="REV"/>
    <s v="974"/>
    <s v="S173443"/>
    <n v="12"/>
    <n v="2016"/>
  </r>
  <r>
    <s v="110"/>
    <d v="2016-12-01T00:00:00"/>
    <x v="2"/>
    <x v="0"/>
    <s v="10828"/>
    <s v="GLNANDA"/>
    <n v="-1271776.1000000001"/>
    <n v="0"/>
    <s v="MACSS ESTIMATED FUEL REVENUE"/>
    <s v="SCP"/>
    <s v="NONBU"/>
    <s v="G0000110"/>
    <s v="N"/>
    <s v="To identify Unbilled Fuel Reve"/>
    <s v=""/>
    <x v="3"/>
    <s v="CAD038BF"/>
    <s v="S"/>
    <s v="KY"/>
    <s v="REV"/>
    <s v="974"/>
    <s v="S173443"/>
    <n v="12"/>
    <n v="2016"/>
  </r>
  <r>
    <s v="110"/>
    <d v="2016-12-01T00:00:00"/>
    <x v="11"/>
    <x v="0"/>
    <s v="10828"/>
    <s v="GLNANDA"/>
    <n v="1255594.53"/>
    <n v="0"/>
    <s v="MACSS ESTIMATED FUEL REVENUE"/>
    <s v="SCP"/>
    <s v="NONBU"/>
    <s v="G0000110"/>
    <s v="N"/>
    <s v="To identify Unbilled Fuel Reve"/>
    <s v=""/>
    <x v="3"/>
    <s v="CAD038BF"/>
    <s v="S"/>
    <s v="KY"/>
    <s v="REV"/>
    <s v="974"/>
    <s v="S173443"/>
    <n v="12"/>
    <n v="2016"/>
  </r>
  <r>
    <s v="110"/>
    <d v="2016-12-01T00:00:00"/>
    <x v="6"/>
    <x v="0"/>
    <s v="10828"/>
    <s v="GLNANDA"/>
    <n v="-3632.95"/>
    <n v="0"/>
    <s v="MACSS ESTIMATED FUEL REVENUE"/>
    <s v="SCP"/>
    <s v="NONBU"/>
    <s v="G0000110"/>
    <s v="N"/>
    <s v="To identify Unbilled Fuel Reve"/>
    <s v=""/>
    <x v="3"/>
    <s v="CAD038BF"/>
    <s v="S"/>
    <s v="KY"/>
    <s v="REV"/>
    <s v="974"/>
    <s v="S173443"/>
    <n v="12"/>
    <n v="2016"/>
  </r>
  <r>
    <s v="110"/>
    <d v="2016-12-01T00:00:00"/>
    <x v="13"/>
    <x v="0"/>
    <s v="10828"/>
    <s v="GLNANDA"/>
    <n v="3632.95"/>
    <n v="0"/>
    <s v="MACSS ESTIMATED FUEL REVENUE"/>
    <s v="SCP"/>
    <s v="NONBU"/>
    <s v="G0000110"/>
    <s v="N"/>
    <s v="To identify Unbilled Fuel Reve"/>
    <s v=""/>
    <x v="3"/>
    <s v="CAD038BF"/>
    <s v="S"/>
    <s v="KY"/>
    <s v="REV"/>
    <s v="974"/>
    <s v="S173443"/>
    <n v="12"/>
    <n v="2016"/>
  </r>
  <r>
    <s v="110"/>
    <d v="2016-12-01T00:00:00"/>
    <x v="10"/>
    <x v="0"/>
    <s v="10828"/>
    <s v="GLNANDA"/>
    <n v="0"/>
    <n v="0"/>
    <s v="MACSS ESTIMATED FUEL REVENUE"/>
    <s v="SCP"/>
    <s v="NONBU"/>
    <s v="G0000110"/>
    <s v="N"/>
    <s v="To identify Unbilled Fuel Reve"/>
    <s v=""/>
    <x v="3"/>
    <s v="CAD038BF"/>
    <s v="S"/>
    <s v="KY"/>
    <s v="REV"/>
    <s v="974"/>
    <s v="S173443"/>
    <n v="12"/>
    <n v="2016"/>
  </r>
  <r>
    <s v="110"/>
    <d v="2016-11-30T00:00:00"/>
    <x v="10"/>
    <x v="0"/>
    <s v="10828"/>
    <s v="GLNANDA"/>
    <n v="0"/>
    <n v="0"/>
    <s v="MACSS ESTIMATED FUEL REVENUE"/>
    <s v="SCP"/>
    <s v="NONBU"/>
    <s v="G0000110"/>
    <s v="N"/>
    <s v="To identify Unbilled Fuel Reve"/>
    <s v=""/>
    <x v="3"/>
    <s v="CAD038BF"/>
    <s v="S"/>
    <s v="KY"/>
    <s v="REV"/>
    <s v="974"/>
    <s v="S006819"/>
    <n v="11"/>
    <n v="2016"/>
  </r>
  <r>
    <s v="110"/>
    <d v="2016-11-30T00:00:00"/>
    <x v="13"/>
    <x v="0"/>
    <s v="10828"/>
    <s v="GLNANDA"/>
    <n v="-3632.95"/>
    <n v="0"/>
    <s v="MACSS ESTIMATED FUEL REVENUE"/>
    <s v="SCP"/>
    <s v="NONBU"/>
    <s v="G0000110"/>
    <s v="N"/>
    <s v="To identify Unbilled Fuel Reve"/>
    <s v=""/>
    <x v="3"/>
    <s v="CAD038BF"/>
    <s v="S"/>
    <s v="KY"/>
    <s v="REV"/>
    <s v="974"/>
    <s v="S006819"/>
    <n v="11"/>
    <n v="2016"/>
  </r>
  <r>
    <s v="110"/>
    <d v="2016-11-30T00:00:00"/>
    <x v="9"/>
    <x v="0"/>
    <s v="10828"/>
    <s v="GLNANDA"/>
    <n v="0"/>
    <n v="0"/>
    <s v="MACSS ESTIMATED FUEL REVENUE"/>
    <s v="SCP"/>
    <s v="NONBU"/>
    <s v="G0000110"/>
    <s v="N"/>
    <s v="To identify Unbilled Fuel Reve"/>
    <s v=""/>
    <x v="3"/>
    <s v="CAD038BF"/>
    <s v="S"/>
    <s v="KY"/>
    <s v="REV"/>
    <s v="974"/>
    <s v="S006819"/>
    <n v="11"/>
    <n v="2016"/>
  </r>
  <r>
    <s v="110"/>
    <d v="2016-11-30T00:00:00"/>
    <x v="6"/>
    <x v="0"/>
    <s v="10828"/>
    <s v="GLNANDA"/>
    <n v="3632.95"/>
    <n v="0"/>
    <s v="MACSS ESTIMATED FUEL REVENUE"/>
    <s v="SCP"/>
    <s v="NONBU"/>
    <s v="G0000110"/>
    <s v="N"/>
    <s v="To identify Unbilled Fuel Reve"/>
    <s v=""/>
    <x v="3"/>
    <s v="CAD038BF"/>
    <s v="S"/>
    <s v="KY"/>
    <s v="REV"/>
    <s v="974"/>
    <s v="S006819"/>
    <n v="11"/>
    <n v="2016"/>
  </r>
  <r>
    <s v="110"/>
    <d v="2016-11-30T00:00:00"/>
    <x v="11"/>
    <x v="0"/>
    <s v="10828"/>
    <s v="GLNANDA"/>
    <n v="-1255594.53"/>
    <n v="0"/>
    <s v="MACSS ESTIMATED FUEL REVENUE"/>
    <s v="SCP"/>
    <s v="NONBU"/>
    <s v="G0000110"/>
    <s v="N"/>
    <s v="To identify Unbilled Fuel Reve"/>
    <s v=""/>
    <x v="3"/>
    <s v="CAD038BF"/>
    <s v="S"/>
    <s v="KY"/>
    <s v="REV"/>
    <s v="974"/>
    <s v="S006819"/>
    <n v="11"/>
    <n v="2016"/>
  </r>
  <r>
    <s v="110"/>
    <d v="2016-11-30T00:00:00"/>
    <x v="15"/>
    <x v="0"/>
    <s v="10828"/>
    <s v="GLNANDA"/>
    <n v="0"/>
    <n v="0"/>
    <s v="MACSS ESTIMATED FUEL REVENUE"/>
    <s v="SCP"/>
    <s v="NONBU"/>
    <s v="G0000110"/>
    <s v="N"/>
    <s v="To identify Unbilled Fuel Reve"/>
    <s v=""/>
    <x v="3"/>
    <s v="CAD038BF"/>
    <s v="S"/>
    <s v="KY"/>
    <s v="REV"/>
    <s v="974"/>
    <s v="S006819"/>
    <n v="11"/>
    <n v="2016"/>
  </r>
  <r>
    <s v="110"/>
    <d v="2016-11-30T00:00:00"/>
    <x v="8"/>
    <x v="0"/>
    <s v="10828"/>
    <s v="GLNANDA"/>
    <n v="-1761908.36"/>
    <n v="0"/>
    <s v="MACSS ESTIMATED FUEL REVENUE"/>
    <s v="SCP"/>
    <s v="NONBU"/>
    <s v="G0000110"/>
    <s v="N"/>
    <s v="To identify Unbilled Fuel Reve"/>
    <s v=""/>
    <x v="3"/>
    <s v="CAD038BF"/>
    <s v="S"/>
    <s v="KY"/>
    <s v="REV"/>
    <s v="974"/>
    <s v="S006819"/>
    <n v="11"/>
    <n v="2016"/>
  </r>
  <r>
    <s v="110"/>
    <d v="2016-11-30T00:00:00"/>
    <x v="5"/>
    <x v="0"/>
    <s v="10828"/>
    <s v="GLNANDA"/>
    <n v="260168.07"/>
    <n v="0"/>
    <s v="MACSS ESTIMATED FUEL REVENUE"/>
    <s v="SCP"/>
    <s v="NONBU"/>
    <s v="G0000110"/>
    <s v="N"/>
    <s v="To identify Unbilled Fuel Reve"/>
    <s v=""/>
    <x v="3"/>
    <s v="CAD038BF"/>
    <s v="S"/>
    <s v="KY"/>
    <s v="REV"/>
    <s v="974"/>
    <s v="S006819"/>
    <n v="11"/>
    <n v="2016"/>
  </r>
  <r>
    <s v="110"/>
    <d v="2016-11-30T00:00:00"/>
    <x v="7"/>
    <x v="0"/>
    <s v="10828"/>
    <s v="GLNANDA"/>
    <n v="229964.19"/>
    <n v="0"/>
    <s v="MACSS ESTIMATED FUEL REVENUE"/>
    <s v="SCP"/>
    <s v="NONBU"/>
    <s v="G0000110"/>
    <s v="N"/>
    <s v="To identify Unbilled Fuel Reve"/>
    <s v=""/>
    <x v="3"/>
    <s v="CAD038BF"/>
    <s v="S"/>
    <s v="KY"/>
    <s v="REV"/>
    <s v="974"/>
    <s v="S006819"/>
    <n v="11"/>
    <n v="2016"/>
  </r>
  <r>
    <s v="110"/>
    <d v="2016-11-30T00:00:00"/>
    <x v="12"/>
    <x v="0"/>
    <s v="10828"/>
    <s v="GLNANDA"/>
    <n v="0"/>
    <n v="0"/>
    <s v="MACSS ESTIMATED FUEL REVENUE"/>
    <s v="SCP"/>
    <s v="NONBU"/>
    <s v="G0000110"/>
    <s v="N"/>
    <s v="To identify Unbilled Fuel Reve"/>
    <s v=""/>
    <x v="3"/>
    <s v="CAD038BF"/>
    <s v="S"/>
    <s v="KY"/>
    <s v="REV"/>
    <s v="974"/>
    <s v="S006819"/>
    <n v="11"/>
    <n v="2016"/>
  </r>
  <r>
    <s v="110"/>
    <d v="2016-11-30T00:00:00"/>
    <x v="3"/>
    <x v="0"/>
    <s v="10828"/>
    <s v="GLNANDA"/>
    <n v="395450.64"/>
    <n v="0"/>
    <s v="MACSS ESTIMATED FUEL REVENUE"/>
    <s v="SCP"/>
    <s v="NONBU"/>
    <s v="G0000110"/>
    <s v="N"/>
    <s v="To identify Unbilled Fuel Reve"/>
    <s v=""/>
    <x v="3"/>
    <s v="CAD038BF"/>
    <s v="S"/>
    <s v="KY"/>
    <s v="REV"/>
    <s v="974"/>
    <s v="S006819"/>
    <n v="11"/>
    <n v="2016"/>
  </r>
  <r>
    <s v="110"/>
    <d v="2016-11-30T00:00:00"/>
    <x v="0"/>
    <x v="0"/>
    <s v="10828"/>
    <s v="GLNANDA"/>
    <n v="860143.89"/>
    <n v="0"/>
    <s v="MACSS ESTIMATED FUEL REVENUE"/>
    <s v="SCP"/>
    <s v="NONBU"/>
    <s v="G0000110"/>
    <s v="N"/>
    <s v="To identify Unbilled Fuel Reve"/>
    <s v=""/>
    <x v="3"/>
    <s v="CAD038BF"/>
    <s v="S"/>
    <s v="KY"/>
    <s v="REV"/>
    <s v="974"/>
    <s v="S006819"/>
    <n v="11"/>
    <n v="2016"/>
  </r>
  <r>
    <s v="110"/>
    <d v="2016-11-30T00:00:00"/>
    <x v="2"/>
    <x v="0"/>
    <s v="10828"/>
    <s v="GLNANDA"/>
    <n v="1271776.1000000001"/>
    <n v="0"/>
    <s v="MACSS ESTIMATED FUEL REVENUE"/>
    <s v="SCP"/>
    <s v="NONBU"/>
    <s v="G0000110"/>
    <s v="N"/>
    <s v="To identify Unbilled Fuel Reve"/>
    <s v=""/>
    <x v="3"/>
    <s v="CAD038BF"/>
    <s v="S"/>
    <s v="KY"/>
    <s v="REV"/>
    <s v="974"/>
    <s v="S006819"/>
    <n v="11"/>
    <n v="2016"/>
  </r>
  <r>
    <s v="110"/>
    <d v="2016-11-30T00:00:00"/>
    <x v="14"/>
    <x v="0"/>
    <s v="10828"/>
    <s v="GLNANDA"/>
    <n v="-2282095.83"/>
    <n v="0"/>
    <s v="MACSS ESTIMATED FUEL REVENUE"/>
    <s v="SCP"/>
    <s v="NONBU"/>
    <s v="G0000110"/>
    <s v="N"/>
    <s v="To identify Unbilled Fuel Reve"/>
    <s v=""/>
    <x v="3"/>
    <s v="CAD038BF"/>
    <s v="S"/>
    <s v="KY"/>
    <s v="REV"/>
    <s v="974"/>
    <s v="S006819"/>
    <n v="11"/>
    <n v="2016"/>
  </r>
  <r>
    <s v="110"/>
    <d v="2016-11-30T00:00:00"/>
    <x v="1"/>
    <x v="0"/>
    <s v="10828"/>
    <s v="GLNANDA"/>
    <n v="730328.29"/>
    <n v="0"/>
    <s v="MACSS ESTIMATED FUEL REVENUE"/>
    <s v="SCP"/>
    <s v="NONBU"/>
    <s v="G0000110"/>
    <s v="N"/>
    <s v="To identify Unbilled Fuel Reve"/>
    <s v=""/>
    <x v="3"/>
    <s v="CAD038BF"/>
    <s v="S"/>
    <s v="KY"/>
    <s v="REV"/>
    <s v="974"/>
    <s v="S006819"/>
    <n v="11"/>
    <n v="2016"/>
  </r>
  <r>
    <s v="110"/>
    <d v="2016-11-30T00:00:00"/>
    <x v="4"/>
    <x v="0"/>
    <s v="10828"/>
    <s v="GLNANDA"/>
    <n v="1551767.54"/>
    <n v="0"/>
    <s v="MACSS ESTIMATED FUEL REVENUE"/>
    <s v="SCP"/>
    <s v="NONBU"/>
    <s v="G0000110"/>
    <s v="N"/>
    <s v="To identify Unbilled Fuel Reve"/>
    <s v=""/>
    <x v="3"/>
    <s v="CAD038BF"/>
    <s v="S"/>
    <s v="KY"/>
    <s v="REV"/>
    <s v="974"/>
    <s v="S006819"/>
    <n v="11"/>
    <n v="2016"/>
  </r>
  <r>
    <s v="110"/>
    <d v="2016-11-01T00:00:00"/>
    <x v="4"/>
    <x v="0"/>
    <s v="10828"/>
    <s v="GLNANDA"/>
    <n v="-962776.58"/>
    <n v="0"/>
    <s v="MACSS ESTIMATED FUEL REVENUE"/>
    <s v="SCP"/>
    <s v="NONBU"/>
    <s v="G0000110"/>
    <s v="N"/>
    <s v="To identify Unbilled Fuel Reve"/>
    <s v=""/>
    <x v="3"/>
    <s v="CAD038BF"/>
    <s v="S"/>
    <s v="KY"/>
    <s v="REV"/>
    <s v="974"/>
    <s v="S173443"/>
    <n v="11"/>
    <n v="2016"/>
  </r>
  <r>
    <s v="110"/>
    <d v="2016-11-01T00:00:00"/>
    <x v="13"/>
    <x v="0"/>
    <s v="10828"/>
    <s v="GLNANDA"/>
    <n v="1901.63"/>
    <n v="0"/>
    <s v="MACSS ESTIMATED FUEL REVENUE"/>
    <s v="SCP"/>
    <s v="NONBU"/>
    <s v="G0000110"/>
    <s v="N"/>
    <s v="To identify Unbilled Fuel Reve"/>
    <s v=""/>
    <x v="3"/>
    <s v="CAD038BF"/>
    <s v="S"/>
    <s v="KY"/>
    <s v="REV"/>
    <s v="974"/>
    <s v="S173443"/>
    <n v="11"/>
    <n v="2016"/>
  </r>
  <r>
    <s v="110"/>
    <d v="2016-11-01T00:00:00"/>
    <x v="2"/>
    <x v="0"/>
    <s v="10828"/>
    <s v="GLNANDA"/>
    <n v="-836051.45"/>
    <n v="0"/>
    <s v="MACSS ESTIMATED FUEL REVENUE"/>
    <s v="SCP"/>
    <s v="NONBU"/>
    <s v="G0000110"/>
    <s v="N"/>
    <s v="To identify Unbilled Fuel Reve"/>
    <s v=""/>
    <x v="3"/>
    <s v="CAD038BF"/>
    <s v="S"/>
    <s v="KY"/>
    <s v="REV"/>
    <s v="974"/>
    <s v="S173443"/>
    <n v="11"/>
    <n v="2016"/>
  </r>
  <r>
    <s v="110"/>
    <d v="2016-11-01T00:00:00"/>
    <x v="14"/>
    <x v="0"/>
    <s v="10828"/>
    <s v="GLNANDA"/>
    <n v="1501628.4"/>
    <n v="0"/>
    <s v="MACSS ESTIMATED FUEL REVENUE"/>
    <s v="SCP"/>
    <s v="NONBU"/>
    <s v="G0000110"/>
    <s v="N"/>
    <s v="To identify Unbilled Fuel Reve"/>
    <s v=""/>
    <x v="3"/>
    <s v="CAD038BF"/>
    <s v="S"/>
    <s v="KY"/>
    <s v="REV"/>
    <s v="974"/>
    <s v="S173443"/>
    <n v="11"/>
    <n v="2016"/>
  </r>
  <r>
    <s v="110"/>
    <d v="2016-11-01T00:00:00"/>
    <x v="1"/>
    <x v="0"/>
    <s v="10828"/>
    <s v="GLNANDA"/>
    <n v="-538851.81999999995"/>
    <n v="0"/>
    <s v="MACSS ESTIMATED FUEL REVENUE"/>
    <s v="SCP"/>
    <s v="NONBU"/>
    <s v="G0000110"/>
    <s v="N"/>
    <s v="To identify Unbilled Fuel Reve"/>
    <s v=""/>
    <x v="3"/>
    <s v="CAD038BF"/>
    <s v="S"/>
    <s v="KY"/>
    <s v="REV"/>
    <s v="974"/>
    <s v="S173443"/>
    <n v="11"/>
    <n v="2016"/>
  </r>
  <r>
    <s v="110"/>
    <d v="2016-11-01T00:00:00"/>
    <x v="5"/>
    <x v="0"/>
    <s v="10828"/>
    <s v="GLNANDA"/>
    <n v="-164973.99"/>
    <n v="0"/>
    <s v="MACSS ESTIMATED FUEL REVENUE"/>
    <s v="SCP"/>
    <s v="NONBU"/>
    <s v="G0000110"/>
    <s v="N"/>
    <s v="To identify Unbilled Fuel Reve"/>
    <s v=""/>
    <x v="3"/>
    <s v="CAD038BF"/>
    <s v="S"/>
    <s v="KY"/>
    <s v="REV"/>
    <s v="974"/>
    <s v="S173443"/>
    <n v="11"/>
    <n v="2016"/>
  </r>
  <r>
    <s v="110"/>
    <d v="2016-11-01T00:00:00"/>
    <x v="7"/>
    <x v="0"/>
    <s v="10828"/>
    <s v="GLNANDA"/>
    <n v="-153999.89000000001"/>
    <n v="0"/>
    <s v="MACSS ESTIMATED FUEL REVENUE"/>
    <s v="SCP"/>
    <s v="NONBU"/>
    <s v="G0000110"/>
    <s v="N"/>
    <s v="To identify Unbilled Fuel Reve"/>
    <s v=""/>
    <x v="3"/>
    <s v="CAD038BF"/>
    <s v="S"/>
    <s v="KY"/>
    <s v="REV"/>
    <s v="974"/>
    <s v="S173443"/>
    <n v="11"/>
    <n v="2016"/>
  </r>
  <r>
    <s v="110"/>
    <d v="2016-11-01T00:00:00"/>
    <x v="12"/>
    <x v="0"/>
    <s v="10828"/>
    <s v="GLNANDA"/>
    <n v="0"/>
    <n v="0"/>
    <s v="MACSS ESTIMATED FUEL REVENUE"/>
    <s v="SCP"/>
    <s v="NONBU"/>
    <s v="G0000110"/>
    <s v="N"/>
    <s v="To identify Unbilled Fuel Reve"/>
    <s v=""/>
    <x v="3"/>
    <s v="CAD038BF"/>
    <s v="S"/>
    <s v="KY"/>
    <s v="REV"/>
    <s v="974"/>
    <s v="S173443"/>
    <n v="11"/>
    <n v="2016"/>
  </r>
  <r>
    <s v="110"/>
    <d v="2016-11-01T00:00:00"/>
    <x v="3"/>
    <x v="0"/>
    <s v="10828"/>
    <s v="GLNANDA"/>
    <n v="-191032.38"/>
    <n v="0"/>
    <s v="MACSS ESTIMATED FUEL REVENUE"/>
    <s v="SCP"/>
    <s v="NONBU"/>
    <s v="G0000110"/>
    <s v="N"/>
    <s v="To identify Unbilled Fuel Reve"/>
    <s v=""/>
    <x v="3"/>
    <s v="CAD038BF"/>
    <s v="S"/>
    <s v="KY"/>
    <s v="REV"/>
    <s v="974"/>
    <s v="S173443"/>
    <n v="11"/>
    <n v="2016"/>
  </r>
  <r>
    <s v="110"/>
    <d v="2016-11-01T00:00:00"/>
    <x v="6"/>
    <x v="0"/>
    <s v="10828"/>
    <s v="GLNANDA"/>
    <n v="-1901.63"/>
    <n v="0"/>
    <s v="MACSS ESTIMATED FUEL REVENUE"/>
    <s v="SCP"/>
    <s v="NONBU"/>
    <s v="G0000110"/>
    <s v="N"/>
    <s v="To identify Unbilled Fuel Reve"/>
    <s v=""/>
    <x v="3"/>
    <s v="CAD038BF"/>
    <s v="S"/>
    <s v="KY"/>
    <s v="REV"/>
    <s v="974"/>
    <s v="S173443"/>
    <n v="11"/>
    <n v="2016"/>
  </r>
  <r>
    <s v="110"/>
    <d v="2016-11-01T00:00:00"/>
    <x v="11"/>
    <x v="0"/>
    <s v="10828"/>
    <s v="GLNANDA"/>
    <n v="698014.03"/>
    <n v="0"/>
    <s v="MACSS ESTIMATED FUEL REVENUE"/>
    <s v="SCP"/>
    <s v="NONBU"/>
    <s v="G0000110"/>
    <s v="N"/>
    <s v="To identify Unbilled Fuel Reve"/>
    <s v=""/>
    <x v="3"/>
    <s v="CAD038BF"/>
    <s v="S"/>
    <s v="KY"/>
    <s v="REV"/>
    <s v="974"/>
    <s v="S173443"/>
    <n v="11"/>
    <n v="2016"/>
  </r>
  <r>
    <s v="110"/>
    <d v="2016-11-01T00:00:00"/>
    <x v="15"/>
    <x v="0"/>
    <s v="10828"/>
    <s v="GLNANDA"/>
    <n v="0"/>
    <n v="0"/>
    <s v="MACSS ESTIMATED FUEL REVENUE"/>
    <s v="SCP"/>
    <s v="NONBU"/>
    <s v="G0000110"/>
    <s v="N"/>
    <s v="To identify Unbilled Fuel Reve"/>
    <s v=""/>
    <x v="3"/>
    <s v="CAD038BF"/>
    <s v="S"/>
    <s v="KY"/>
    <s v="REV"/>
    <s v="974"/>
    <s v="S173443"/>
    <n v="11"/>
    <n v="2016"/>
  </r>
  <r>
    <s v="110"/>
    <d v="2016-11-01T00:00:00"/>
    <x v="8"/>
    <x v="0"/>
    <s v="10828"/>
    <s v="GLNANDA"/>
    <n v="1155025.33"/>
    <n v="0"/>
    <s v="MACSS ESTIMATED FUEL REVENUE"/>
    <s v="SCP"/>
    <s v="NONBU"/>
    <s v="G0000110"/>
    <s v="N"/>
    <s v="To identify Unbilled Fuel Reve"/>
    <s v=""/>
    <x v="3"/>
    <s v="CAD038BF"/>
    <s v="S"/>
    <s v="KY"/>
    <s v="REV"/>
    <s v="974"/>
    <s v="S173443"/>
    <n v="11"/>
    <n v="2016"/>
  </r>
  <r>
    <s v="110"/>
    <d v="2016-11-01T00:00:00"/>
    <x v="10"/>
    <x v="0"/>
    <s v="10828"/>
    <s v="GLNANDA"/>
    <n v="0"/>
    <n v="0"/>
    <s v="MACSS ESTIMATED FUEL REVENUE"/>
    <s v="SCP"/>
    <s v="NONBU"/>
    <s v="G0000110"/>
    <s v="N"/>
    <s v="To identify Unbilled Fuel Reve"/>
    <s v=""/>
    <x v="3"/>
    <s v="CAD038BF"/>
    <s v="S"/>
    <s v="KY"/>
    <s v="REV"/>
    <s v="974"/>
    <s v="S173443"/>
    <n v="11"/>
    <n v="2016"/>
  </r>
  <r>
    <s v="110"/>
    <d v="2016-11-01T00:00:00"/>
    <x v="9"/>
    <x v="0"/>
    <s v="10828"/>
    <s v="GLNANDA"/>
    <n v="0"/>
    <n v="0"/>
    <s v="MACSS ESTIMATED FUEL REVENUE"/>
    <s v="SCP"/>
    <s v="NONBU"/>
    <s v="G0000110"/>
    <s v="N"/>
    <s v="To identify Unbilled Fuel Reve"/>
    <s v=""/>
    <x v="3"/>
    <s v="CAD038BF"/>
    <s v="S"/>
    <s v="KY"/>
    <s v="REV"/>
    <s v="974"/>
    <s v="S173443"/>
    <n v="11"/>
    <n v="2016"/>
  </r>
  <r>
    <s v="110"/>
    <d v="2016-11-01T00:00:00"/>
    <x v="0"/>
    <x v="0"/>
    <s v="10828"/>
    <s v="GLNANDA"/>
    <n v="-506981.65"/>
    <n v="0"/>
    <s v="MACSS ESTIMATED FUEL REVENUE"/>
    <s v="SCP"/>
    <s v="NONBU"/>
    <s v="G0000110"/>
    <s v="N"/>
    <s v="To identify Unbilled Fuel Reve"/>
    <s v=""/>
    <x v="3"/>
    <s v="CAD038BF"/>
    <s v="S"/>
    <s v="KY"/>
    <s v="REV"/>
    <s v="974"/>
    <s v="S173443"/>
    <n v="11"/>
    <n v="2016"/>
  </r>
  <r>
    <s v="110"/>
    <d v="2016-10-31T00:00:00"/>
    <x v="4"/>
    <x v="0"/>
    <s v="10828"/>
    <s v="GLNANDA"/>
    <n v="962776.58"/>
    <n v="0"/>
    <s v="MACSS ESTIMATED FUEL REVENUE"/>
    <s v="SCP"/>
    <s v="NONBU"/>
    <s v="G0000110"/>
    <s v="N"/>
    <s v="To identify Unbilled Fuel Reve"/>
    <s v=""/>
    <x v="3"/>
    <s v="CAD038BF"/>
    <s v="S"/>
    <s v="KY"/>
    <s v="REV"/>
    <s v="974"/>
    <s v="O430547"/>
    <n v="10"/>
    <n v="2016"/>
  </r>
  <r>
    <s v="110"/>
    <d v="2016-10-31T00:00:00"/>
    <x v="13"/>
    <x v="0"/>
    <s v="10828"/>
    <s v="GLNANDA"/>
    <n v="-1901.63"/>
    <n v="0"/>
    <s v="MACSS ESTIMATED FUEL REVENUE"/>
    <s v="SCP"/>
    <s v="NONBU"/>
    <s v="G0000110"/>
    <s v="N"/>
    <s v="To identify Unbilled Fuel Reve"/>
    <s v=""/>
    <x v="3"/>
    <s v="CAD038BF"/>
    <s v="S"/>
    <s v="KY"/>
    <s v="REV"/>
    <s v="974"/>
    <s v="O430547"/>
    <n v="10"/>
    <n v="2016"/>
  </r>
  <r>
    <s v="110"/>
    <d v="2016-10-31T00:00:00"/>
    <x v="9"/>
    <x v="0"/>
    <s v="10828"/>
    <s v="GLNANDA"/>
    <n v="0"/>
    <n v="0"/>
    <s v="MACSS ESTIMATED FUEL REVENUE"/>
    <s v="SCP"/>
    <s v="NONBU"/>
    <s v="G0000110"/>
    <s v="N"/>
    <s v="To identify Unbilled Fuel Reve"/>
    <s v=""/>
    <x v="3"/>
    <s v="CAD038BF"/>
    <s v="S"/>
    <s v="KY"/>
    <s v="REV"/>
    <s v="974"/>
    <s v="O430547"/>
    <n v="10"/>
    <n v="2016"/>
  </r>
  <r>
    <s v="110"/>
    <d v="2016-10-31T00:00:00"/>
    <x v="10"/>
    <x v="0"/>
    <s v="10828"/>
    <s v="GLNANDA"/>
    <n v="0"/>
    <n v="0"/>
    <s v="MACSS ESTIMATED FUEL REVENUE"/>
    <s v="SCP"/>
    <s v="NONBU"/>
    <s v="G0000110"/>
    <s v="N"/>
    <s v="To identify Unbilled Fuel Reve"/>
    <s v=""/>
    <x v="3"/>
    <s v="CAD038BF"/>
    <s v="S"/>
    <s v="KY"/>
    <s v="REV"/>
    <s v="974"/>
    <s v="O430547"/>
    <n v="10"/>
    <n v="2016"/>
  </r>
  <r>
    <s v="110"/>
    <d v="2016-10-31T00:00:00"/>
    <x v="11"/>
    <x v="0"/>
    <s v="10828"/>
    <s v="GLNANDA"/>
    <n v="-698014.03"/>
    <n v="0"/>
    <s v="MACSS ESTIMATED FUEL REVENUE"/>
    <s v="SCP"/>
    <s v="NONBU"/>
    <s v="G0000110"/>
    <s v="N"/>
    <s v="To identify Unbilled Fuel Reve"/>
    <s v=""/>
    <x v="3"/>
    <s v="CAD038BF"/>
    <s v="S"/>
    <s v="KY"/>
    <s v="REV"/>
    <s v="974"/>
    <s v="O430547"/>
    <n v="10"/>
    <n v="2016"/>
  </r>
  <r>
    <s v="110"/>
    <d v="2016-10-31T00:00:00"/>
    <x v="8"/>
    <x v="0"/>
    <s v="10828"/>
    <s v="GLNANDA"/>
    <n v="-1155025.33"/>
    <n v="0"/>
    <s v="MACSS ESTIMATED FUEL REVENUE"/>
    <s v="SCP"/>
    <s v="NONBU"/>
    <s v="G0000110"/>
    <s v="N"/>
    <s v="To identify Unbilled Fuel Reve"/>
    <s v=""/>
    <x v="3"/>
    <s v="CAD038BF"/>
    <s v="S"/>
    <s v="KY"/>
    <s v="REV"/>
    <s v="974"/>
    <s v="O430547"/>
    <n v="10"/>
    <n v="2016"/>
  </r>
  <r>
    <s v="110"/>
    <d v="2016-10-31T00:00:00"/>
    <x v="15"/>
    <x v="0"/>
    <s v="10828"/>
    <s v="GLNANDA"/>
    <n v="0"/>
    <n v="0"/>
    <s v="MACSS ESTIMATED FUEL REVENUE"/>
    <s v="SCP"/>
    <s v="NONBU"/>
    <s v="G0000110"/>
    <s v="N"/>
    <s v="To identify Unbilled Fuel Reve"/>
    <s v=""/>
    <x v="3"/>
    <s v="CAD038BF"/>
    <s v="S"/>
    <s v="KY"/>
    <s v="REV"/>
    <s v="974"/>
    <s v="O430547"/>
    <n v="10"/>
    <n v="2016"/>
  </r>
  <r>
    <s v="110"/>
    <d v="2016-10-31T00:00:00"/>
    <x v="6"/>
    <x v="0"/>
    <s v="10828"/>
    <s v="GLNANDA"/>
    <n v="1901.63"/>
    <n v="0"/>
    <s v="MACSS ESTIMATED FUEL REVENUE"/>
    <s v="SCP"/>
    <s v="NONBU"/>
    <s v="G0000110"/>
    <s v="N"/>
    <s v="To identify Unbilled Fuel Reve"/>
    <s v=""/>
    <x v="3"/>
    <s v="CAD038BF"/>
    <s v="S"/>
    <s v="KY"/>
    <s v="REV"/>
    <s v="974"/>
    <s v="O430547"/>
    <n v="10"/>
    <n v="2016"/>
  </r>
  <r>
    <s v="110"/>
    <d v="2016-10-31T00:00:00"/>
    <x v="3"/>
    <x v="0"/>
    <s v="10828"/>
    <s v="GLNANDA"/>
    <n v="191032.38"/>
    <n v="0"/>
    <s v="MACSS ESTIMATED FUEL REVENUE"/>
    <s v="SCP"/>
    <s v="NONBU"/>
    <s v="G0000110"/>
    <s v="N"/>
    <s v="To identify Unbilled Fuel Reve"/>
    <s v=""/>
    <x v="3"/>
    <s v="CAD038BF"/>
    <s v="S"/>
    <s v="KY"/>
    <s v="REV"/>
    <s v="974"/>
    <s v="O430547"/>
    <n v="10"/>
    <n v="2016"/>
  </r>
  <r>
    <s v="110"/>
    <d v="2016-10-31T00:00:00"/>
    <x v="12"/>
    <x v="0"/>
    <s v="10828"/>
    <s v="GLNANDA"/>
    <n v="0"/>
    <n v="0"/>
    <s v="MACSS ESTIMATED FUEL REVENUE"/>
    <s v="SCP"/>
    <s v="NONBU"/>
    <s v="G0000110"/>
    <s v="N"/>
    <s v="To identify Unbilled Fuel Reve"/>
    <s v=""/>
    <x v="3"/>
    <s v="CAD038BF"/>
    <s v="S"/>
    <s v="KY"/>
    <s v="REV"/>
    <s v="974"/>
    <s v="O430547"/>
    <n v="10"/>
    <n v="2016"/>
  </r>
  <r>
    <s v="110"/>
    <d v="2016-10-31T00:00:00"/>
    <x v="7"/>
    <x v="0"/>
    <s v="10828"/>
    <s v="GLNANDA"/>
    <n v="153999.89000000001"/>
    <n v="0"/>
    <s v="MACSS ESTIMATED FUEL REVENUE"/>
    <s v="SCP"/>
    <s v="NONBU"/>
    <s v="G0000110"/>
    <s v="N"/>
    <s v="To identify Unbilled Fuel Reve"/>
    <s v=""/>
    <x v="3"/>
    <s v="CAD038BF"/>
    <s v="S"/>
    <s v="KY"/>
    <s v="REV"/>
    <s v="974"/>
    <s v="O430547"/>
    <n v="10"/>
    <n v="2016"/>
  </r>
  <r>
    <s v="110"/>
    <d v="2016-10-31T00:00:00"/>
    <x v="5"/>
    <x v="0"/>
    <s v="10828"/>
    <s v="GLNANDA"/>
    <n v="164973.99"/>
    <n v="0"/>
    <s v="MACSS ESTIMATED FUEL REVENUE"/>
    <s v="SCP"/>
    <s v="NONBU"/>
    <s v="G0000110"/>
    <s v="N"/>
    <s v="To identify Unbilled Fuel Reve"/>
    <s v=""/>
    <x v="3"/>
    <s v="CAD038BF"/>
    <s v="S"/>
    <s v="KY"/>
    <s v="REV"/>
    <s v="974"/>
    <s v="O430547"/>
    <n v="10"/>
    <n v="2016"/>
  </r>
  <r>
    <s v="110"/>
    <d v="2016-10-31T00:00:00"/>
    <x v="1"/>
    <x v="0"/>
    <s v="10828"/>
    <s v="GLNANDA"/>
    <n v="538851.81999999995"/>
    <n v="0"/>
    <s v="MACSS ESTIMATED FUEL REVENUE"/>
    <s v="SCP"/>
    <s v="NONBU"/>
    <s v="G0000110"/>
    <s v="N"/>
    <s v="To identify Unbilled Fuel Reve"/>
    <s v=""/>
    <x v="3"/>
    <s v="CAD038BF"/>
    <s v="S"/>
    <s v="KY"/>
    <s v="REV"/>
    <s v="974"/>
    <s v="O430547"/>
    <n v="10"/>
    <n v="2016"/>
  </r>
  <r>
    <s v="110"/>
    <d v="2016-10-31T00:00:00"/>
    <x v="14"/>
    <x v="0"/>
    <s v="10828"/>
    <s v="GLNANDA"/>
    <n v="-1501628.4"/>
    <n v="0"/>
    <s v="MACSS ESTIMATED FUEL REVENUE"/>
    <s v="SCP"/>
    <s v="NONBU"/>
    <s v="G0000110"/>
    <s v="N"/>
    <s v="To identify Unbilled Fuel Reve"/>
    <s v=""/>
    <x v="3"/>
    <s v="CAD038BF"/>
    <s v="S"/>
    <s v="KY"/>
    <s v="REV"/>
    <s v="974"/>
    <s v="O430547"/>
    <n v="10"/>
    <n v="2016"/>
  </r>
  <r>
    <s v="110"/>
    <d v="2016-10-31T00:00:00"/>
    <x v="2"/>
    <x v="0"/>
    <s v="10828"/>
    <s v="GLNANDA"/>
    <n v="836051.45"/>
    <n v="0"/>
    <s v="MACSS ESTIMATED FUEL REVENUE"/>
    <s v="SCP"/>
    <s v="NONBU"/>
    <s v="G0000110"/>
    <s v="N"/>
    <s v="To identify Unbilled Fuel Reve"/>
    <s v=""/>
    <x v="3"/>
    <s v="CAD038BF"/>
    <s v="S"/>
    <s v="KY"/>
    <s v="REV"/>
    <s v="974"/>
    <s v="O430547"/>
    <n v="10"/>
    <n v="2016"/>
  </r>
  <r>
    <s v="110"/>
    <d v="2016-10-31T00:00:00"/>
    <x v="0"/>
    <x v="0"/>
    <s v="10828"/>
    <s v="GLNANDA"/>
    <n v="506981.65"/>
    <n v="0"/>
    <s v="MACSS ESTIMATED FUEL REVENUE"/>
    <s v="SCP"/>
    <s v="NONBU"/>
    <s v="G0000110"/>
    <s v="N"/>
    <s v="To identify Unbilled Fuel Reve"/>
    <s v=""/>
    <x v="3"/>
    <s v="CAD038BF"/>
    <s v="S"/>
    <s v="KY"/>
    <s v="REV"/>
    <s v="974"/>
    <s v="O430547"/>
    <n v="10"/>
    <n v="2016"/>
  </r>
  <r>
    <s v="110"/>
    <d v="2016-10-01T00:00:00"/>
    <x v="12"/>
    <x v="0"/>
    <s v="10828"/>
    <s v="GLNANDA"/>
    <n v="0"/>
    <n v="0"/>
    <s v="MACSS ESTIMATED FUEL REVENUE"/>
    <s v="SCP"/>
    <s v="NONBU"/>
    <s v="G0000110"/>
    <s v="N"/>
    <s v="To identify Unbilled Fuel Reve"/>
    <s v=""/>
    <x v="3"/>
    <s v="CAD038BF"/>
    <s v="S"/>
    <s v="KY"/>
    <s v="REV"/>
    <s v="974"/>
    <s v="S173443"/>
    <n v="10"/>
    <n v="2016"/>
  </r>
  <r>
    <s v="110"/>
    <d v="2016-10-01T00:00:00"/>
    <x v="4"/>
    <x v="0"/>
    <s v="10828"/>
    <s v="GLNANDA"/>
    <n v="-1018429.27"/>
    <n v="0"/>
    <s v="MACSS ESTIMATED FUEL REVENUE"/>
    <s v="SCP"/>
    <s v="NONBU"/>
    <s v="G0000110"/>
    <s v="N"/>
    <s v="To identify Unbilled Fuel Reve"/>
    <s v=""/>
    <x v="3"/>
    <s v="CAD038BF"/>
    <s v="S"/>
    <s v="KY"/>
    <s v="REV"/>
    <s v="974"/>
    <s v="S173443"/>
    <n v="10"/>
    <n v="2016"/>
  </r>
  <r>
    <s v="110"/>
    <d v="2016-10-01T00:00:00"/>
    <x v="8"/>
    <x v="0"/>
    <s v="10828"/>
    <s v="GLNANDA"/>
    <n v="1078414.8"/>
    <n v="0"/>
    <s v="MACSS ESTIMATED FUEL REVENUE"/>
    <s v="SCP"/>
    <s v="NONBU"/>
    <s v="G0000110"/>
    <s v="N"/>
    <s v="To identify Unbilled Fuel Reve"/>
    <s v=""/>
    <x v="3"/>
    <s v="CAD038BF"/>
    <s v="S"/>
    <s v="KY"/>
    <s v="REV"/>
    <s v="974"/>
    <s v="S173443"/>
    <n v="10"/>
    <n v="2016"/>
  </r>
  <r>
    <s v="110"/>
    <d v="2016-10-01T00:00:00"/>
    <x v="7"/>
    <x v="0"/>
    <s v="10828"/>
    <s v="GLNANDA"/>
    <n v="-146656.28"/>
    <n v="0"/>
    <s v="MACSS ESTIMATED FUEL REVENUE"/>
    <s v="SCP"/>
    <s v="NONBU"/>
    <s v="G0000110"/>
    <s v="N"/>
    <s v="To identify Unbilled Fuel Reve"/>
    <s v=""/>
    <x v="3"/>
    <s v="CAD038BF"/>
    <s v="S"/>
    <s v="KY"/>
    <s v="REV"/>
    <s v="974"/>
    <s v="S173443"/>
    <n v="10"/>
    <n v="2016"/>
  </r>
  <r>
    <s v="110"/>
    <d v="2016-10-01T00:00:00"/>
    <x v="10"/>
    <x v="0"/>
    <s v="10828"/>
    <s v="GLNANDA"/>
    <n v="0"/>
    <n v="0"/>
    <s v="MACSS ESTIMATED FUEL REVENUE"/>
    <s v="SCP"/>
    <s v="NONBU"/>
    <s v="G0000110"/>
    <s v="N"/>
    <s v="To identify Unbilled Fuel Reve"/>
    <s v=""/>
    <x v="3"/>
    <s v="CAD038BF"/>
    <s v="S"/>
    <s v="KY"/>
    <s v="REV"/>
    <s v="974"/>
    <s v="S173443"/>
    <n v="10"/>
    <n v="2016"/>
  </r>
  <r>
    <s v="110"/>
    <d v="2016-10-01T00:00:00"/>
    <x v="5"/>
    <x v="0"/>
    <s v="10828"/>
    <s v="GLNANDA"/>
    <n v="-154793.37"/>
    <n v="0"/>
    <s v="MACSS ESTIMATED FUEL REVENUE"/>
    <s v="SCP"/>
    <s v="NONBU"/>
    <s v="G0000110"/>
    <s v="N"/>
    <s v="To identify Unbilled Fuel Reve"/>
    <s v=""/>
    <x v="3"/>
    <s v="CAD038BF"/>
    <s v="S"/>
    <s v="KY"/>
    <s v="REV"/>
    <s v="974"/>
    <s v="S173443"/>
    <n v="10"/>
    <n v="2016"/>
  </r>
  <r>
    <s v="110"/>
    <d v="2016-10-01T00:00:00"/>
    <x v="15"/>
    <x v="0"/>
    <s v="10828"/>
    <s v="GLNANDA"/>
    <n v="0"/>
    <n v="0"/>
    <s v="MACSS ESTIMATED FUEL REVENUE"/>
    <s v="SCP"/>
    <s v="NONBU"/>
    <s v="G0000110"/>
    <s v="N"/>
    <s v="To identify Unbilled Fuel Reve"/>
    <s v=""/>
    <x v="3"/>
    <s v="CAD038BF"/>
    <s v="S"/>
    <s v="KY"/>
    <s v="REV"/>
    <s v="974"/>
    <s v="S173443"/>
    <n v="10"/>
    <n v="2016"/>
  </r>
  <r>
    <s v="110"/>
    <d v="2016-10-01T00:00:00"/>
    <x v="1"/>
    <x v="0"/>
    <s v="10828"/>
    <s v="GLNANDA"/>
    <n v="-605599.09"/>
    <n v="0"/>
    <s v="MACSS ESTIMATED FUEL REVENUE"/>
    <s v="SCP"/>
    <s v="NONBU"/>
    <s v="G0000110"/>
    <s v="N"/>
    <s v="To identify Unbilled Fuel Reve"/>
    <s v=""/>
    <x v="3"/>
    <s v="CAD038BF"/>
    <s v="S"/>
    <s v="KY"/>
    <s v="REV"/>
    <s v="974"/>
    <s v="S173443"/>
    <n v="10"/>
    <n v="2016"/>
  </r>
  <r>
    <s v="110"/>
    <d v="2016-10-01T00:00:00"/>
    <x v="9"/>
    <x v="0"/>
    <s v="10828"/>
    <s v="GLNANDA"/>
    <n v="0"/>
    <n v="0"/>
    <s v="MACSS ESTIMATED FUEL REVENUE"/>
    <s v="SCP"/>
    <s v="NONBU"/>
    <s v="G0000110"/>
    <s v="N"/>
    <s v="To identify Unbilled Fuel Reve"/>
    <s v=""/>
    <x v="3"/>
    <s v="CAD038BF"/>
    <s v="S"/>
    <s v="KY"/>
    <s v="REV"/>
    <s v="974"/>
    <s v="S173443"/>
    <n v="10"/>
    <n v="2016"/>
  </r>
  <r>
    <s v="110"/>
    <d v="2016-10-01T00:00:00"/>
    <x v="14"/>
    <x v="0"/>
    <s v="10828"/>
    <s v="GLNANDA"/>
    <n v="1624028.36"/>
    <n v="0"/>
    <s v="MACSS ESTIMATED FUEL REVENUE"/>
    <s v="SCP"/>
    <s v="NONBU"/>
    <s v="G0000110"/>
    <s v="N"/>
    <s v="To identify Unbilled Fuel Reve"/>
    <s v=""/>
    <x v="3"/>
    <s v="CAD038BF"/>
    <s v="S"/>
    <s v="KY"/>
    <s v="REV"/>
    <s v="974"/>
    <s v="S173443"/>
    <n v="10"/>
    <n v="2016"/>
  </r>
  <r>
    <s v="110"/>
    <d v="2016-10-01T00:00:00"/>
    <x v="11"/>
    <x v="0"/>
    <s v="10828"/>
    <s v="GLNANDA"/>
    <n v="576947.53"/>
    <n v="0"/>
    <s v="MACSS ESTIMATED FUEL REVENUE"/>
    <s v="SCP"/>
    <s v="NONBU"/>
    <s v="G0000110"/>
    <s v="N"/>
    <s v="To identify Unbilled Fuel Reve"/>
    <s v=""/>
    <x v="3"/>
    <s v="CAD038BF"/>
    <s v="S"/>
    <s v="KY"/>
    <s v="REV"/>
    <s v="974"/>
    <s v="S173443"/>
    <n v="10"/>
    <n v="2016"/>
  </r>
  <r>
    <s v="110"/>
    <d v="2016-10-01T00:00:00"/>
    <x v="2"/>
    <x v="0"/>
    <s v="10828"/>
    <s v="GLNANDA"/>
    <n v="-776965.15"/>
    <n v="0"/>
    <s v="MACSS ESTIMATED FUEL REVENUE"/>
    <s v="SCP"/>
    <s v="NONBU"/>
    <s v="G0000110"/>
    <s v="N"/>
    <s v="To identify Unbilled Fuel Reve"/>
    <s v=""/>
    <x v="3"/>
    <s v="CAD038BF"/>
    <s v="S"/>
    <s v="KY"/>
    <s v="REV"/>
    <s v="974"/>
    <s v="S173443"/>
    <n v="10"/>
    <n v="2016"/>
  </r>
  <r>
    <s v="110"/>
    <d v="2016-10-01T00:00:00"/>
    <x v="3"/>
    <x v="0"/>
    <s v="10828"/>
    <s v="GLNANDA"/>
    <n v="-154763.5"/>
    <n v="0"/>
    <s v="MACSS ESTIMATED FUEL REVENUE"/>
    <s v="SCP"/>
    <s v="NONBU"/>
    <s v="G0000110"/>
    <s v="N"/>
    <s v="To identify Unbilled Fuel Reve"/>
    <s v=""/>
    <x v="3"/>
    <s v="CAD038BF"/>
    <s v="S"/>
    <s v="KY"/>
    <s v="REV"/>
    <s v="974"/>
    <s v="S173443"/>
    <n v="10"/>
    <n v="2016"/>
  </r>
  <r>
    <s v="110"/>
    <d v="2016-10-01T00:00:00"/>
    <x v="0"/>
    <x v="0"/>
    <s v="10828"/>
    <s v="GLNANDA"/>
    <n v="-422184.03"/>
    <n v="0"/>
    <s v="MACSS ESTIMATED FUEL REVENUE"/>
    <s v="SCP"/>
    <s v="NONBU"/>
    <s v="G0000110"/>
    <s v="N"/>
    <s v="To identify Unbilled Fuel Reve"/>
    <s v=""/>
    <x v="3"/>
    <s v="CAD038BF"/>
    <s v="S"/>
    <s v="KY"/>
    <s v="REV"/>
    <s v="974"/>
    <s v="S173443"/>
    <n v="10"/>
    <n v="2016"/>
  </r>
  <r>
    <s v="110"/>
    <d v="2016-10-01T00:00:00"/>
    <x v="6"/>
    <x v="0"/>
    <s v="10828"/>
    <s v="GLNANDA"/>
    <n v="-1452.34"/>
    <n v="0"/>
    <s v="MACSS ESTIMATED FUEL REVENUE"/>
    <s v="SCP"/>
    <s v="NONBU"/>
    <s v="G0000110"/>
    <s v="N"/>
    <s v="To identify Unbilled Fuel Reve"/>
    <s v=""/>
    <x v="3"/>
    <s v="CAD038BF"/>
    <s v="S"/>
    <s v="KY"/>
    <s v="REV"/>
    <s v="974"/>
    <s v="S173443"/>
    <n v="10"/>
    <n v="2016"/>
  </r>
  <r>
    <s v="110"/>
    <d v="2016-10-01T00:00:00"/>
    <x v="13"/>
    <x v="0"/>
    <s v="10828"/>
    <s v="GLNANDA"/>
    <n v="1452.34"/>
    <n v="0"/>
    <s v="MACSS ESTIMATED FUEL REVENUE"/>
    <s v="SCP"/>
    <s v="NONBU"/>
    <s v="G0000110"/>
    <s v="N"/>
    <s v="To identify Unbilled Fuel Reve"/>
    <s v=""/>
    <x v="3"/>
    <s v="CAD038BF"/>
    <s v="S"/>
    <s v="KY"/>
    <s v="REV"/>
    <s v="974"/>
    <s v="S173443"/>
    <n v="10"/>
    <n v="2016"/>
  </r>
  <r>
    <s v="110"/>
    <d v="2016-09-30T00:00:00"/>
    <x v="12"/>
    <x v="0"/>
    <s v="10828"/>
    <s v="GLNANDA"/>
    <n v="0"/>
    <n v="0"/>
    <s v="MACSS ESTIMATED FUEL REVENUE"/>
    <s v="SCP"/>
    <s v="NONBU"/>
    <s v="G0000110"/>
    <s v="N"/>
    <s v="To identify Unbilled Fuel Reve"/>
    <s v=""/>
    <x v="3"/>
    <s v="CAD038BF"/>
    <s v="S"/>
    <s v="KY"/>
    <s v="REV"/>
    <s v="974"/>
    <s v="O430547"/>
    <n v="9"/>
    <n v="2016"/>
  </r>
  <r>
    <s v="110"/>
    <d v="2016-09-30T00:00:00"/>
    <x v="6"/>
    <x v="0"/>
    <s v="10828"/>
    <s v="GLNANDA"/>
    <n v="1452.34"/>
    <n v="0"/>
    <s v="MACSS ESTIMATED FUEL REVENUE"/>
    <s v="SCP"/>
    <s v="NONBU"/>
    <s v="G0000110"/>
    <s v="N"/>
    <s v="To identify Unbilled Fuel Reve"/>
    <s v=""/>
    <x v="3"/>
    <s v="CAD038BF"/>
    <s v="S"/>
    <s v="KY"/>
    <s v="REV"/>
    <s v="974"/>
    <s v="O430547"/>
    <n v="9"/>
    <n v="2016"/>
  </r>
  <r>
    <s v="110"/>
    <d v="2016-09-30T00:00:00"/>
    <x v="14"/>
    <x v="0"/>
    <s v="10828"/>
    <s v="GLNANDA"/>
    <n v="-1624028.36"/>
    <n v="0"/>
    <s v="MACSS ESTIMATED FUEL REVENUE"/>
    <s v="SCP"/>
    <s v="NONBU"/>
    <s v="G0000110"/>
    <s v="N"/>
    <s v="To identify Unbilled Fuel Reve"/>
    <s v=""/>
    <x v="3"/>
    <s v="CAD038BF"/>
    <s v="S"/>
    <s v="KY"/>
    <s v="REV"/>
    <s v="974"/>
    <s v="O430547"/>
    <n v="9"/>
    <n v="2016"/>
  </r>
  <r>
    <s v="110"/>
    <d v="2016-09-30T00:00:00"/>
    <x v="9"/>
    <x v="0"/>
    <s v="10828"/>
    <s v="GLNANDA"/>
    <n v="0"/>
    <n v="0"/>
    <s v="MACSS ESTIMATED FUEL REVENUE"/>
    <s v="SCP"/>
    <s v="NONBU"/>
    <s v="G0000110"/>
    <s v="N"/>
    <s v="To identify Unbilled Fuel Reve"/>
    <s v=""/>
    <x v="3"/>
    <s v="CAD038BF"/>
    <s v="S"/>
    <s v="KY"/>
    <s v="REV"/>
    <s v="974"/>
    <s v="O430547"/>
    <n v="9"/>
    <n v="2016"/>
  </r>
  <r>
    <s v="110"/>
    <d v="2016-09-30T00:00:00"/>
    <x v="0"/>
    <x v="0"/>
    <s v="10828"/>
    <s v="GLNANDA"/>
    <n v="422184.03"/>
    <n v="0"/>
    <s v="MACSS ESTIMATED FUEL REVENUE"/>
    <s v="SCP"/>
    <s v="NONBU"/>
    <s v="G0000110"/>
    <s v="N"/>
    <s v="To identify Unbilled Fuel Reve"/>
    <s v=""/>
    <x v="3"/>
    <s v="CAD038BF"/>
    <s v="S"/>
    <s v="KY"/>
    <s v="REV"/>
    <s v="974"/>
    <s v="O430547"/>
    <n v="9"/>
    <n v="2016"/>
  </r>
  <r>
    <s v="110"/>
    <d v="2016-09-30T00:00:00"/>
    <x v="10"/>
    <x v="0"/>
    <s v="10828"/>
    <s v="GLNANDA"/>
    <n v="0"/>
    <n v="0"/>
    <s v="MACSS ESTIMATED FUEL REVENUE"/>
    <s v="SCP"/>
    <s v="NONBU"/>
    <s v="G0000110"/>
    <s v="N"/>
    <s v="To identify Unbilled Fuel Reve"/>
    <s v=""/>
    <x v="3"/>
    <s v="CAD038BF"/>
    <s v="S"/>
    <s v="KY"/>
    <s v="REV"/>
    <s v="974"/>
    <s v="O430547"/>
    <n v="9"/>
    <n v="2016"/>
  </r>
  <r>
    <s v="110"/>
    <d v="2016-09-30T00:00:00"/>
    <x v="7"/>
    <x v="0"/>
    <s v="10828"/>
    <s v="GLNANDA"/>
    <n v="146656.28"/>
    <n v="0"/>
    <s v="MACSS ESTIMATED FUEL REVENUE"/>
    <s v="SCP"/>
    <s v="NONBU"/>
    <s v="G0000110"/>
    <s v="N"/>
    <s v="To identify Unbilled Fuel Reve"/>
    <s v=""/>
    <x v="3"/>
    <s v="CAD038BF"/>
    <s v="S"/>
    <s v="KY"/>
    <s v="REV"/>
    <s v="974"/>
    <s v="O430547"/>
    <n v="9"/>
    <n v="2016"/>
  </r>
  <r>
    <s v="110"/>
    <d v="2016-09-30T00:00:00"/>
    <x v="8"/>
    <x v="0"/>
    <s v="10828"/>
    <s v="GLNANDA"/>
    <n v="-1078414.8"/>
    <n v="0"/>
    <s v="MACSS ESTIMATED FUEL REVENUE"/>
    <s v="SCP"/>
    <s v="NONBU"/>
    <s v="G0000110"/>
    <s v="N"/>
    <s v="To identify Unbilled Fuel Reve"/>
    <s v=""/>
    <x v="3"/>
    <s v="CAD038BF"/>
    <s v="S"/>
    <s v="KY"/>
    <s v="REV"/>
    <s v="974"/>
    <s v="O430547"/>
    <n v="9"/>
    <n v="2016"/>
  </r>
  <r>
    <s v="110"/>
    <d v="2016-09-30T00:00:00"/>
    <x v="5"/>
    <x v="0"/>
    <s v="10828"/>
    <s v="GLNANDA"/>
    <n v="154793.37"/>
    <n v="0"/>
    <s v="MACSS ESTIMATED FUEL REVENUE"/>
    <s v="SCP"/>
    <s v="NONBU"/>
    <s v="G0000110"/>
    <s v="N"/>
    <s v="To identify Unbilled Fuel Reve"/>
    <s v=""/>
    <x v="3"/>
    <s v="CAD038BF"/>
    <s v="S"/>
    <s v="KY"/>
    <s v="REV"/>
    <s v="974"/>
    <s v="O430547"/>
    <n v="9"/>
    <n v="2016"/>
  </r>
  <r>
    <s v="110"/>
    <d v="2016-09-30T00:00:00"/>
    <x v="11"/>
    <x v="0"/>
    <s v="10828"/>
    <s v="GLNANDA"/>
    <n v="-576947.53"/>
    <n v="0"/>
    <s v="MACSS ESTIMATED FUEL REVENUE"/>
    <s v="SCP"/>
    <s v="NONBU"/>
    <s v="G0000110"/>
    <s v="N"/>
    <s v="To identify Unbilled Fuel Reve"/>
    <s v=""/>
    <x v="3"/>
    <s v="CAD038BF"/>
    <s v="S"/>
    <s v="KY"/>
    <s v="REV"/>
    <s v="974"/>
    <s v="O430547"/>
    <n v="9"/>
    <n v="2016"/>
  </r>
  <r>
    <s v="110"/>
    <d v="2016-09-30T00:00:00"/>
    <x v="4"/>
    <x v="0"/>
    <s v="10828"/>
    <s v="GLNANDA"/>
    <n v="1018429.27"/>
    <n v="0"/>
    <s v="MACSS ESTIMATED FUEL REVENUE"/>
    <s v="SCP"/>
    <s v="NONBU"/>
    <s v="G0000110"/>
    <s v="N"/>
    <s v="To identify Unbilled Fuel Reve"/>
    <s v=""/>
    <x v="3"/>
    <s v="CAD038BF"/>
    <s v="S"/>
    <s v="KY"/>
    <s v="REV"/>
    <s v="974"/>
    <s v="O430547"/>
    <n v="9"/>
    <n v="2016"/>
  </r>
  <r>
    <s v="110"/>
    <d v="2016-09-30T00:00:00"/>
    <x v="15"/>
    <x v="0"/>
    <s v="10828"/>
    <s v="GLNANDA"/>
    <n v="0"/>
    <n v="0"/>
    <s v="MACSS ESTIMATED FUEL REVENUE"/>
    <s v="SCP"/>
    <s v="NONBU"/>
    <s v="G0000110"/>
    <s v="N"/>
    <s v="To identify Unbilled Fuel Reve"/>
    <s v=""/>
    <x v="3"/>
    <s v="CAD038BF"/>
    <s v="S"/>
    <s v="KY"/>
    <s v="REV"/>
    <s v="974"/>
    <s v="O430547"/>
    <n v="9"/>
    <n v="2016"/>
  </r>
  <r>
    <s v="110"/>
    <d v="2016-09-30T00:00:00"/>
    <x v="1"/>
    <x v="0"/>
    <s v="10828"/>
    <s v="GLNANDA"/>
    <n v="605599.09"/>
    <n v="0"/>
    <s v="MACSS ESTIMATED FUEL REVENUE"/>
    <s v="SCP"/>
    <s v="NONBU"/>
    <s v="G0000110"/>
    <s v="N"/>
    <s v="To identify Unbilled Fuel Reve"/>
    <s v=""/>
    <x v="3"/>
    <s v="CAD038BF"/>
    <s v="S"/>
    <s v="KY"/>
    <s v="REV"/>
    <s v="974"/>
    <s v="O430547"/>
    <n v="9"/>
    <n v="2016"/>
  </r>
  <r>
    <s v="110"/>
    <d v="2016-09-30T00:00:00"/>
    <x v="2"/>
    <x v="0"/>
    <s v="10828"/>
    <s v="GLNANDA"/>
    <n v="776965.15"/>
    <n v="0"/>
    <s v="MACSS ESTIMATED FUEL REVENUE"/>
    <s v="SCP"/>
    <s v="NONBU"/>
    <s v="G0000110"/>
    <s v="N"/>
    <s v="To identify Unbilled Fuel Reve"/>
    <s v=""/>
    <x v="3"/>
    <s v="CAD038BF"/>
    <s v="S"/>
    <s v="KY"/>
    <s v="REV"/>
    <s v="974"/>
    <s v="O430547"/>
    <n v="9"/>
    <n v="2016"/>
  </r>
  <r>
    <s v="110"/>
    <d v="2016-09-30T00:00:00"/>
    <x v="3"/>
    <x v="0"/>
    <s v="10828"/>
    <s v="GLNANDA"/>
    <n v="154763.5"/>
    <n v="0"/>
    <s v="MACSS ESTIMATED FUEL REVENUE"/>
    <s v="SCP"/>
    <s v="NONBU"/>
    <s v="G0000110"/>
    <s v="N"/>
    <s v="To identify Unbilled Fuel Reve"/>
    <s v=""/>
    <x v="3"/>
    <s v="CAD038BF"/>
    <s v="S"/>
    <s v="KY"/>
    <s v="REV"/>
    <s v="974"/>
    <s v="O430547"/>
    <n v="9"/>
    <n v="2016"/>
  </r>
  <r>
    <s v="110"/>
    <d v="2016-09-30T00:00:00"/>
    <x v="13"/>
    <x v="0"/>
    <s v="10828"/>
    <s v="GLNANDA"/>
    <n v="-1452.34"/>
    <n v="0"/>
    <s v="MACSS ESTIMATED FUEL REVENUE"/>
    <s v="SCP"/>
    <s v="NONBU"/>
    <s v="G0000110"/>
    <s v="N"/>
    <s v="To identify Unbilled Fuel Reve"/>
    <s v=""/>
    <x v="3"/>
    <s v="CAD038BF"/>
    <s v="S"/>
    <s v="KY"/>
    <s v="REV"/>
    <s v="974"/>
    <s v="O430547"/>
    <n v="9"/>
    <n v="2016"/>
  </r>
  <r>
    <s v="110"/>
    <d v="2016-09-01T00:00:00"/>
    <x v="6"/>
    <x v="0"/>
    <s v="10828"/>
    <s v="GLNANDA"/>
    <n v="-2024.28"/>
    <n v="0"/>
    <s v="MACSS ESTIMATED FUEL REVENUE"/>
    <s v="SCP"/>
    <s v="NONBU"/>
    <s v="G0000110"/>
    <s v="N"/>
    <s v="To identify Unbilled Fuel Reve"/>
    <s v=""/>
    <x v="3"/>
    <s v="CAD038BF"/>
    <s v="S"/>
    <s v="KY"/>
    <s v="REV"/>
    <s v="974"/>
    <s v="S173443"/>
    <n v="9"/>
    <n v="2016"/>
  </r>
  <r>
    <s v="110"/>
    <d v="2016-09-01T00:00:00"/>
    <x v="13"/>
    <x v="0"/>
    <s v="10828"/>
    <s v="GLNANDA"/>
    <n v="2024.28"/>
    <n v="0"/>
    <s v="MACSS ESTIMATED FUEL REVENUE"/>
    <s v="SCP"/>
    <s v="NONBU"/>
    <s v="G0000110"/>
    <s v="N"/>
    <s v="To identify Unbilled Fuel Reve"/>
    <s v=""/>
    <x v="3"/>
    <s v="CAD038BF"/>
    <s v="S"/>
    <s v="KY"/>
    <s v="REV"/>
    <s v="974"/>
    <s v="S173443"/>
    <n v="9"/>
    <n v="2016"/>
  </r>
  <r>
    <s v="110"/>
    <d v="2016-09-01T00:00:00"/>
    <x v="9"/>
    <x v="0"/>
    <s v="10828"/>
    <s v="GLNANDA"/>
    <n v="0"/>
    <n v="0"/>
    <s v="MACSS ESTIMATED FUEL REVENUE"/>
    <s v="SCP"/>
    <s v="NONBU"/>
    <s v="G0000110"/>
    <s v="N"/>
    <s v="To identify Unbilled Fuel Reve"/>
    <s v=""/>
    <x v="3"/>
    <s v="CAD038BF"/>
    <s v="S"/>
    <s v="KY"/>
    <s v="REV"/>
    <s v="974"/>
    <s v="S173443"/>
    <n v="9"/>
    <n v="2016"/>
  </r>
  <r>
    <s v="110"/>
    <d v="2016-09-01T00:00:00"/>
    <x v="10"/>
    <x v="0"/>
    <s v="10828"/>
    <s v="GLNANDA"/>
    <n v="0"/>
    <n v="0"/>
    <s v="MACSS ESTIMATED FUEL REVENUE"/>
    <s v="SCP"/>
    <s v="NONBU"/>
    <s v="G0000110"/>
    <s v="N"/>
    <s v="To identify Unbilled Fuel Reve"/>
    <s v=""/>
    <x v="3"/>
    <s v="CAD038BF"/>
    <s v="S"/>
    <s v="KY"/>
    <s v="REV"/>
    <s v="974"/>
    <s v="S173443"/>
    <n v="9"/>
    <n v="2016"/>
  </r>
  <r>
    <s v="110"/>
    <d v="2016-09-01T00:00:00"/>
    <x v="8"/>
    <x v="0"/>
    <s v="10828"/>
    <s v="GLNANDA"/>
    <n v="1633604.76"/>
    <n v="0"/>
    <s v="MACSS ESTIMATED FUEL REVENUE"/>
    <s v="SCP"/>
    <s v="NONBU"/>
    <s v="G0000110"/>
    <s v="N"/>
    <s v="To identify Unbilled Fuel Reve"/>
    <s v=""/>
    <x v="3"/>
    <s v="CAD038BF"/>
    <s v="S"/>
    <s v="KY"/>
    <s v="REV"/>
    <s v="974"/>
    <s v="S173443"/>
    <n v="9"/>
    <n v="2016"/>
  </r>
  <r>
    <s v="110"/>
    <d v="2016-09-01T00:00:00"/>
    <x v="11"/>
    <x v="0"/>
    <s v="10828"/>
    <s v="GLNANDA"/>
    <n v="848340.92"/>
    <n v="0"/>
    <s v="MACSS ESTIMATED FUEL REVENUE"/>
    <s v="SCP"/>
    <s v="NONBU"/>
    <s v="G0000110"/>
    <s v="N"/>
    <s v="To identify Unbilled Fuel Reve"/>
    <s v=""/>
    <x v="3"/>
    <s v="CAD038BF"/>
    <s v="S"/>
    <s v="KY"/>
    <s v="REV"/>
    <s v="974"/>
    <s v="S173443"/>
    <n v="9"/>
    <n v="2016"/>
  </r>
  <r>
    <s v="110"/>
    <d v="2016-09-01T00:00:00"/>
    <x v="15"/>
    <x v="0"/>
    <s v="10828"/>
    <s v="GLNANDA"/>
    <n v="0"/>
    <n v="0"/>
    <s v="MACSS ESTIMATED FUEL REVENUE"/>
    <s v="SCP"/>
    <s v="NONBU"/>
    <s v="G0000110"/>
    <s v="N"/>
    <s v="To identify Unbilled Fuel Reve"/>
    <s v=""/>
    <x v="3"/>
    <s v="CAD038BF"/>
    <s v="S"/>
    <s v="KY"/>
    <s v="REV"/>
    <s v="974"/>
    <s v="S173443"/>
    <n v="9"/>
    <n v="2016"/>
  </r>
  <r>
    <s v="110"/>
    <d v="2016-09-01T00:00:00"/>
    <x v="0"/>
    <x v="0"/>
    <s v="10828"/>
    <s v="GLNANDA"/>
    <n v="-619562.22"/>
    <n v="0"/>
    <s v="MACSS ESTIMATED FUEL REVENUE"/>
    <s v="SCP"/>
    <s v="NONBU"/>
    <s v="G0000110"/>
    <s v="N"/>
    <s v="To identify Unbilled Fuel Reve"/>
    <s v=""/>
    <x v="3"/>
    <s v="CAD038BF"/>
    <s v="S"/>
    <s v="KY"/>
    <s v="REV"/>
    <s v="974"/>
    <s v="S173443"/>
    <n v="9"/>
    <n v="2016"/>
  </r>
  <r>
    <s v="110"/>
    <d v="2016-09-01T00:00:00"/>
    <x v="12"/>
    <x v="0"/>
    <s v="10828"/>
    <s v="GLNANDA"/>
    <n v="0"/>
    <n v="0"/>
    <s v="MACSS ESTIMATED FUEL REVENUE"/>
    <s v="SCP"/>
    <s v="NONBU"/>
    <s v="G0000110"/>
    <s v="N"/>
    <s v="To identify Unbilled Fuel Reve"/>
    <s v=""/>
    <x v="3"/>
    <s v="CAD038BF"/>
    <s v="S"/>
    <s v="KY"/>
    <s v="REV"/>
    <s v="974"/>
    <s v="S173443"/>
    <n v="9"/>
    <n v="2016"/>
  </r>
  <r>
    <s v="110"/>
    <d v="2016-09-01T00:00:00"/>
    <x v="7"/>
    <x v="0"/>
    <s v="10828"/>
    <s v="GLNANDA"/>
    <n v="-181496.86"/>
    <n v="0"/>
    <s v="MACSS ESTIMATED FUEL REVENUE"/>
    <s v="SCP"/>
    <s v="NONBU"/>
    <s v="G0000110"/>
    <s v="N"/>
    <s v="To identify Unbilled Fuel Reve"/>
    <s v=""/>
    <x v="3"/>
    <s v="CAD038BF"/>
    <s v="S"/>
    <s v="KY"/>
    <s v="REV"/>
    <s v="974"/>
    <s v="S173443"/>
    <n v="9"/>
    <n v="2016"/>
  </r>
  <r>
    <s v="110"/>
    <d v="2016-09-01T00:00:00"/>
    <x v="5"/>
    <x v="0"/>
    <s v="10828"/>
    <s v="GLNANDA"/>
    <n v="-239226.53"/>
    <n v="0"/>
    <s v="MACSS ESTIMATED FUEL REVENUE"/>
    <s v="SCP"/>
    <s v="NONBU"/>
    <s v="G0000110"/>
    <s v="N"/>
    <s v="To identify Unbilled Fuel Reve"/>
    <s v=""/>
    <x v="3"/>
    <s v="CAD038BF"/>
    <s v="S"/>
    <s v="KY"/>
    <s v="REV"/>
    <s v="974"/>
    <s v="S173443"/>
    <n v="9"/>
    <n v="2016"/>
  </r>
  <r>
    <s v="110"/>
    <d v="2016-09-01T00:00:00"/>
    <x v="1"/>
    <x v="0"/>
    <s v="10828"/>
    <s v="GLNANDA"/>
    <n v="-954794.69"/>
    <n v="0"/>
    <s v="MACSS ESTIMATED FUEL REVENUE"/>
    <s v="SCP"/>
    <s v="NONBU"/>
    <s v="G0000110"/>
    <s v="N"/>
    <s v="To identify Unbilled Fuel Reve"/>
    <s v=""/>
    <x v="3"/>
    <s v="CAD038BF"/>
    <s v="S"/>
    <s v="KY"/>
    <s v="REV"/>
    <s v="974"/>
    <s v="S173443"/>
    <n v="9"/>
    <n v="2016"/>
  </r>
  <r>
    <s v="110"/>
    <d v="2016-09-01T00:00:00"/>
    <x v="14"/>
    <x v="0"/>
    <s v="10828"/>
    <s v="GLNANDA"/>
    <n v="2590579.6800000002"/>
    <n v="0"/>
    <s v="MACSS ESTIMATED FUEL REVENUE"/>
    <s v="SCP"/>
    <s v="NONBU"/>
    <s v="G0000110"/>
    <s v="N"/>
    <s v="To identify Unbilled Fuel Reve"/>
    <s v=""/>
    <x v="3"/>
    <s v="CAD038BF"/>
    <s v="S"/>
    <s v="KY"/>
    <s v="REV"/>
    <s v="974"/>
    <s v="S173443"/>
    <n v="9"/>
    <n v="2016"/>
  </r>
  <r>
    <s v="110"/>
    <d v="2016-09-01T00:00:00"/>
    <x v="2"/>
    <x v="0"/>
    <s v="10828"/>
    <s v="GLNANDA"/>
    <n v="-1212881.3700000001"/>
    <n v="0"/>
    <s v="MACSS ESTIMATED FUEL REVENUE"/>
    <s v="SCP"/>
    <s v="NONBU"/>
    <s v="G0000110"/>
    <s v="N"/>
    <s v="To identify Unbilled Fuel Reve"/>
    <s v=""/>
    <x v="3"/>
    <s v="CAD038BF"/>
    <s v="S"/>
    <s v="KY"/>
    <s v="REV"/>
    <s v="974"/>
    <s v="S173443"/>
    <n v="9"/>
    <n v="2016"/>
  </r>
  <r>
    <s v="110"/>
    <d v="2016-09-01T00:00:00"/>
    <x v="4"/>
    <x v="0"/>
    <s v="10828"/>
    <s v="GLNANDA"/>
    <n v="-1635784.99"/>
    <n v="0"/>
    <s v="MACSS ESTIMATED FUEL REVENUE"/>
    <s v="SCP"/>
    <s v="NONBU"/>
    <s v="G0000110"/>
    <s v="N"/>
    <s v="To identify Unbilled Fuel Reve"/>
    <s v=""/>
    <x v="3"/>
    <s v="CAD038BF"/>
    <s v="S"/>
    <s v="KY"/>
    <s v="REV"/>
    <s v="974"/>
    <s v="S173443"/>
    <n v="9"/>
    <n v="2016"/>
  </r>
  <r>
    <s v="110"/>
    <d v="2016-09-01T00:00:00"/>
    <x v="3"/>
    <x v="0"/>
    <s v="10828"/>
    <s v="GLNANDA"/>
    <n v="-228778.7"/>
    <n v="0"/>
    <s v="MACSS ESTIMATED FUEL REVENUE"/>
    <s v="SCP"/>
    <s v="NONBU"/>
    <s v="G0000110"/>
    <s v="N"/>
    <s v="To identify Unbilled Fuel Reve"/>
    <s v=""/>
    <x v="3"/>
    <s v="CAD038BF"/>
    <s v="S"/>
    <s v="KY"/>
    <s v="REV"/>
    <s v="974"/>
    <s v="S173443"/>
    <n v="9"/>
    <n v="2016"/>
  </r>
  <r>
    <s v="110"/>
    <d v="2016-08-31T00:00:00"/>
    <x v="3"/>
    <x v="0"/>
    <s v="10828"/>
    <s v="GLNANDA"/>
    <n v="228778.7"/>
    <n v="0"/>
    <s v="MACSS ESTIMATED FUEL REVENUE"/>
    <s v="SCP"/>
    <s v="NONBU"/>
    <s v="G0000110"/>
    <s v="N"/>
    <s v="To identify Unbilled Fuel Reve"/>
    <s v=""/>
    <x v="3"/>
    <s v="CAD038BF"/>
    <s v="S"/>
    <s v="KY"/>
    <s v="REV"/>
    <s v="974"/>
    <s v="O430547"/>
    <n v="8"/>
    <n v="2016"/>
  </r>
  <r>
    <s v="110"/>
    <d v="2016-08-31T00:00:00"/>
    <x v="6"/>
    <x v="0"/>
    <s v="10828"/>
    <s v="GLNANDA"/>
    <n v="2024.28"/>
    <n v="0"/>
    <s v="MACSS ESTIMATED FUEL REVENUE"/>
    <s v="SCP"/>
    <s v="NONBU"/>
    <s v="G0000110"/>
    <s v="N"/>
    <s v="To identify Unbilled Fuel Reve"/>
    <s v=""/>
    <x v="3"/>
    <s v="CAD038BF"/>
    <s v="S"/>
    <s v="KY"/>
    <s v="REV"/>
    <s v="974"/>
    <s v="O430547"/>
    <n v="8"/>
    <n v="2016"/>
  </r>
  <r>
    <s v="110"/>
    <d v="2016-08-31T00:00:00"/>
    <x v="2"/>
    <x v="0"/>
    <s v="10828"/>
    <s v="GLNANDA"/>
    <n v="1212881.3700000001"/>
    <n v="0"/>
    <s v="MACSS ESTIMATED FUEL REVENUE"/>
    <s v="SCP"/>
    <s v="NONBU"/>
    <s v="G0000110"/>
    <s v="N"/>
    <s v="To identify Unbilled Fuel Reve"/>
    <s v=""/>
    <x v="3"/>
    <s v="CAD038BF"/>
    <s v="S"/>
    <s v="KY"/>
    <s v="REV"/>
    <s v="974"/>
    <s v="O430547"/>
    <n v="8"/>
    <n v="2016"/>
  </r>
  <r>
    <s v="110"/>
    <d v="2016-08-31T00:00:00"/>
    <x v="9"/>
    <x v="0"/>
    <s v="10828"/>
    <s v="GLNANDA"/>
    <n v="0"/>
    <n v="0"/>
    <s v="MACSS ESTIMATED FUEL REVENUE"/>
    <s v="SCP"/>
    <s v="NONBU"/>
    <s v="G0000110"/>
    <s v="N"/>
    <s v="To identify Unbilled Fuel Reve"/>
    <s v=""/>
    <x v="3"/>
    <s v="CAD038BF"/>
    <s v="S"/>
    <s v="KY"/>
    <s v="REV"/>
    <s v="974"/>
    <s v="O430547"/>
    <n v="8"/>
    <n v="2016"/>
  </r>
  <r>
    <s v="110"/>
    <d v="2016-08-31T00:00:00"/>
    <x v="12"/>
    <x v="0"/>
    <s v="10828"/>
    <s v="GLNANDA"/>
    <n v="0"/>
    <n v="0"/>
    <s v="MACSS ESTIMATED FUEL REVENUE"/>
    <s v="SCP"/>
    <s v="NONBU"/>
    <s v="G0000110"/>
    <s v="N"/>
    <s v="To identify Unbilled Fuel Reve"/>
    <s v=""/>
    <x v="3"/>
    <s v="CAD038BF"/>
    <s v="S"/>
    <s v="KY"/>
    <s v="REV"/>
    <s v="974"/>
    <s v="O430547"/>
    <n v="8"/>
    <n v="2016"/>
  </r>
  <r>
    <s v="110"/>
    <d v="2016-08-31T00:00:00"/>
    <x v="10"/>
    <x v="0"/>
    <s v="10828"/>
    <s v="GLNANDA"/>
    <n v="0"/>
    <n v="0"/>
    <s v="MACSS ESTIMATED FUEL REVENUE"/>
    <s v="SCP"/>
    <s v="NONBU"/>
    <s v="G0000110"/>
    <s v="N"/>
    <s v="To identify Unbilled Fuel Reve"/>
    <s v=""/>
    <x v="3"/>
    <s v="CAD038BF"/>
    <s v="S"/>
    <s v="KY"/>
    <s v="REV"/>
    <s v="974"/>
    <s v="O430547"/>
    <n v="8"/>
    <n v="2016"/>
  </r>
  <r>
    <s v="110"/>
    <d v="2016-08-31T00:00:00"/>
    <x v="14"/>
    <x v="0"/>
    <s v="10828"/>
    <s v="GLNANDA"/>
    <n v="-2590579.6800000002"/>
    <n v="0"/>
    <s v="MACSS ESTIMATED FUEL REVENUE"/>
    <s v="SCP"/>
    <s v="NONBU"/>
    <s v="G0000110"/>
    <s v="N"/>
    <s v="To identify Unbilled Fuel Reve"/>
    <s v=""/>
    <x v="3"/>
    <s v="CAD038BF"/>
    <s v="S"/>
    <s v="KY"/>
    <s v="REV"/>
    <s v="974"/>
    <s v="O430547"/>
    <n v="8"/>
    <n v="2016"/>
  </r>
  <r>
    <s v="110"/>
    <d v="2016-08-31T00:00:00"/>
    <x v="7"/>
    <x v="0"/>
    <s v="10828"/>
    <s v="GLNANDA"/>
    <n v="181496.86"/>
    <n v="0"/>
    <s v="MACSS ESTIMATED FUEL REVENUE"/>
    <s v="SCP"/>
    <s v="NONBU"/>
    <s v="G0000110"/>
    <s v="N"/>
    <s v="To identify Unbilled Fuel Reve"/>
    <s v=""/>
    <x v="3"/>
    <s v="CAD038BF"/>
    <s v="S"/>
    <s v="KY"/>
    <s v="REV"/>
    <s v="974"/>
    <s v="O430547"/>
    <n v="8"/>
    <n v="2016"/>
  </r>
  <r>
    <s v="110"/>
    <d v="2016-08-31T00:00:00"/>
    <x v="8"/>
    <x v="0"/>
    <s v="10828"/>
    <s v="GLNANDA"/>
    <n v="-1633604.76"/>
    <n v="0"/>
    <s v="MACSS ESTIMATED FUEL REVENUE"/>
    <s v="SCP"/>
    <s v="NONBU"/>
    <s v="G0000110"/>
    <s v="N"/>
    <s v="To identify Unbilled Fuel Reve"/>
    <s v=""/>
    <x v="3"/>
    <s v="CAD038BF"/>
    <s v="S"/>
    <s v="KY"/>
    <s v="REV"/>
    <s v="974"/>
    <s v="O430547"/>
    <n v="8"/>
    <n v="2016"/>
  </r>
  <r>
    <s v="110"/>
    <d v="2016-08-31T00:00:00"/>
    <x v="4"/>
    <x v="0"/>
    <s v="10828"/>
    <s v="GLNANDA"/>
    <n v="1635784.99"/>
    <n v="0"/>
    <s v="MACSS ESTIMATED FUEL REVENUE"/>
    <s v="SCP"/>
    <s v="NONBU"/>
    <s v="G0000110"/>
    <s v="N"/>
    <s v="To identify Unbilled Fuel Reve"/>
    <s v=""/>
    <x v="3"/>
    <s v="CAD038BF"/>
    <s v="S"/>
    <s v="KY"/>
    <s v="REV"/>
    <s v="974"/>
    <s v="O430547"/>
    <n v="8"/>
    <n v="2016"/>
  </r>
  <r>
    <s v="110"/>
    <d v="2016-08-31T00:00:00"/>
    <x v="11"/>
    <x v="0"/>
    <s v="10828"/>
    <s v="GLNANDA"/>
    <n v="-848340.92"/>
    <n v="0"/>
    <s v="MACSS ESTIMATED FUEL REVENUE"/>
    <s v="SCP"/>
    <s v="NONBU"/>
    <s v="G0000110"/>
    <s v="N"/>
    <s v="To identify Unbilled Fuel Reve"/>
    <s v=""/>
    <x v="3"/>
    <s v="CAD038BF"/>
    <s v="S"/>
    <s v="KY"/>
    <s v="REV"/>
    <s v="974"/>
    <s v="O430547"/>
    <n v="8"/>
    <n v="2016"/>
  </r>
  <r>
    <s v="110"/>
    <d v="2016-08-31T00:00:00"/>
    <x v="5"/>
    <x v="0"/>
    <s v="10828"/>
    <s v="GLNANDA"/>
    <n v="239226.53"/>
    <n v="0"/>
    <s v="MACSS ESTIMATED FUEL REVENUE"/>
    <s v="SCP"/>
    <s v="NONBU"/>
    <s v="G0000110"/>
    <s v="N"/>
    <s v="To identify Unbilled Fuel Reve"/>
    <s v=""/>
    <x v="3"/>
    <s v="CAD038BF"/>
    <s v="S"/>
    <s v="KY"/>
    <s v="REV"/>
    <s v="974"/>
    <s v="O430547"/>
    <n v="8"/>
    <n v="2016"/>
  </r>
  <r>
    <s v="110"/>
    <d v="2016-08-31T00:00:00"/>
    <x v="15"/>
    <x v="0"/>
    <s v="10828"/>
    <s v="GLNANDA"/>
    <n v="0"/>
    <n v="0"/>
    <s v="MACSS ESTIMATED FUEL REVENUE"/>
    <s v="SCP"/>
    <s v="NONBU"/>
    <s v="G0000110"/>
    <s v="N"/>
    <s v="To identify Unbilled Fuel Reve"/>
    <s v=""/>
    <x v="3"/>
    <s v="CAD038BF"/>
    <s v="S"/>
    <s v="KY"/>
    <s v="REV"/>
    <s v="974"/>
    <s v="O430547"/>
    <n v="8"/>
    <n v="2016"/>
  </r>
  <r>
    <s v="110"/>
    <d v="2016-08-31T00:00:00"/>
    <x v="1"/>
    <x v="0"/>
    <s v="10828"/>
    <s v="GLNANDA"/>
    <n v="954794.69"/>
    <n v="0"/>
    <s v="MACSS ESTIMATED FUEL REVENUE"/>
    <s v="SCP"/>
    <s v="NONBU"/>
    <s v="G0000110"/>
    <s v="N"/>
    <s v="To identify Unbilled Fuel Reve"/>
    <s v=""/>
    <x v="3"/>
    <s v="CAD038BF"/>
    <s v="S"/>
    <s v="KY"/>
    <s v="REV"/>
    <s v="974"/>
    <s v="O430547"/>
    <n v="8"/>
    <n v="2016"/>
  </r>
  <r>
    <s v="110"/>
    <d v="2016-08-31T00:00:00"/>
    <x v="0"/>
    <x v="0"/>
    <s v="10828"/>
    <s v="GLNANDA"/>
    <n v="619562.22"/>
    <n v="0"/>
    <s v="MACSS ESTIMATED FUEL REVENUE"/>
    <s v="SCP"/>
    <s v="NONBU"/>
    <s v="G0000110"/>
    <s v="N"/>
    <s v="To identify Unbilled Fuel Reve"/>
    <s v=""/>
    <x v="3"/>
    <s v="CAD038BF"/>
    <s v="S"/>
    <s v="KY"/>
    <s v="REV"/>
    <s v="974"/>
    <s v="O430547"/>
    <n v="8"/>
    <n v="2016"/>
  </r>
  <r>
    <s v="110"/>
    <d v="2016-08-31T00:00:00"/>
    <x v="13"/>
    <x v="0"/>
    <s v="10828"/>
    <s v="GLNANDA"/>
    <n v="-2024.28"/>
    <n v="0"/>
    <s v="MACSS ESTIMATED FUEL REVENUE"/>
    <s v="SCP"/>
    <s v="NONBU"/>
    <s v="G0000110"/>
    <s v="N"/>
    <s v="To identify Unbilled Fuel Reve"/>
    <s v=""/>
    <x v="3"/>
    <s v="CAD038BF"/>
    <s v="S"/>
    <s v="KY"/>
    <s v="REV"/>
    <s v="974"/>
    <s v="O430547"/>
    <n v="8"/>
    <n v="2016"/>
  </r>
  <r>
    <s v="110"/>
    <d v="2016-08-01T00:00:00"/>
    <x v="6"/>
    <x v="0"/>
    <s v="10828"/>
    <s v="GLNANDA"/>
    <n v="-1828.11"/>
    <n v="0"/>
    <s v="MACSS ESTIMATED FUEL REVENUE"/>
    <s v="NVS"/>
    <s v="NONBU"/>
    <s v="G0000110"/>
    <s v="N"/>
    <s v="To identify Unbilled Fuel Reve"/>
    <s v=""/>
    <x v="3"/>
    <s v="CAD038BF"/>
    <s v="S"/>
    <s v="KY"/>
    <s v="REV"/>
    <s v="974"/>
    <s v="S173443"/>
    <n v="8"/>
    <n v="2016"/>
  </r>
  <r>
    <s v="110"/>
    <d v="2016-08-01T00:00:00"/>
    <x v="13"/>
    <x v="0"/>
    <s v="10828"/>
    <s v="GLNANDA"/>
    <n v="1828.11"/>
    <n v="0"/>
    <s v="MACSS ESTIMATED FUEL REVENUE"/>
    <s v="NVS"/>
    <s v="NONBU"/>
    <s v="G0000110"/>
    <s v="N"/>
    <s v="To identify Unbilled Fuel Reve"/>
    <s v=""/>
    <x v="3"/>
    <s v="CAD038BF"/>
    <s v="S"/>
    <s v="KY"/>
    <s v="REV"/>
    <s v="974"/>
    <s v="S173443"/>
    <n v="8"/>
    <n v="2016"/>
  </r>
  <r>
    <s v="110"/>
    <d v="2016-08-01T00:00:00"/>
    <x v="9"/>
    <x v="0"/>
    <s v="10828"/>
    <s v="GLNANDA"/>
    <n v="0"/>
    <n v="0"/>
    <s v="MACSS ESTIMATED FUEL REVENUE"/>
    <s v="NVS"/>
    <s v="NONBU"/>
    <s v="G0000110"/>
    <s v="N"/>
    <s v="To identify Unbilled Fuel Reve"/>
    <s v=""/>
    <x v="3"/>
    <s v="CAD038BF"/>
    <s v="S"/>
    <s v="KY"/>
    <s v="REV"/>
    <s v="974"/>
    <s v="S173443"/>
    <n v="8"/>
    <n v="2016"/>
  </r>
  <r>
    <s v="110"/>
    <d v="2016-08-01T00:00:00"/>
    <x v="10"/>
    <x v="0"/>
    <s v="10828"/>
    <s v="GLNANDA"/>
    <n v="0"/>
    <n v="0"/>
    <s v="MACSS ESTIMATED FUEL REVENUE"/>
    <s v="NVS"/>
    <s v="NONBU"/>
    <s v="G0000110"/>
    <s v="N"/>
    <s v="To identify Unbilled Fuel Reve"/>
    <s v=""/>
    <x v="3"/>
    <s v="CAD038BF"/>
    <s v="S"/>
    <s v="KY"/>
    <s v="REV"/>
    <s v="974"/>
    <s v="S173443"/>
    <n v="8"/>
    <n v="2016"/>
  </r>
  <r>
    <s v="110"/>
    <d v="2016-08-01T00:00:00"/>
    <x v="5"/>
    <x v="0"/>
    <s v="10828"/>
    <s v="GLNANDA"/>
    <n v="-201584.42"/>
    <n v="0"/>
    <s v="MACSS ESTIMATED FUEL REVENUE"/>
    <s v="NVS"/>
    <s v="NONBU"/>
    <s v="G0000110"/>
    <s v="N"/>
    <s v="To identify Unbilled Fuel Reve"/>
    <s v=""/>
    <x v="3"/>
    <s v="CAD038BF"/>
    <s v="S"/>
    <s v="KY"/>
    <s v="REV"/>
    <s v="974"/>
    <s v="S173443"/>
    <n v="8"/>
    <n v="2016"/>
  </r>
  <r>
    <s v="110"/>
    <d v="2016-08-01T00:00:00"/>
    <x v="8"/>
    <x v="0"/>
    <s v="10828"/>
    <s v="GLNANDA"/>
    <n v="1358532.19"/>
    <n v="0"/>
    <s v="MACSS ESTIMATED FUEL REVENUE"/>
    <s v="NVS"/>
    <s v="NONBU"/>
    <s v="G0000110"/>
    <s v="N"/>
    <s v="To identify Unbilled Fuel Reve"/>
    <s v=""/>
    <x v="3"/>
    <s v="CAD038BF"/>
    <s v="S"/>
    <s v="KY"/>
    <s v="REV"/>
    <s v="974"/>
    <s v="S173443"/>
    <n v="8"/>
    <n v="2016"/>
  </r>
  <r>
    <s v="110"/>
    <d v="2016-08-01T00:00:00"/>
    <x v="11"/>
    <x v="0"/>
    <s v="10828"/>
    <s v="GLNANDA"/>
    <n v="710553.23"/>
    <n v="0"/>
    <s v="MACSS ESTIMATED FUEL REVENUE"/>
    <s v="NVS"/>
    <s v="NONBU"/>
    <s v="G0000110"/>
    <s v="N"/>
    <s v="To identify Unbilled Fuel Reve"/>
    <s v=""/>
    <x v="3"/>
    <s v="CAD038BF"/>
    <s v="S"/>
    <s v="KY"/>
    <s v="REV"/>
    <s v="974"/>
    <s v="S173443"/>
    <n v="8"/>
    <n v="2016"/>
  </r>
  <r>
    <s v="110"/>
    <d v="2016-08-01T00:00:00"/>
    <x v="15"/>
    <x v="0"/>
    <s v="10828"/>
    <s v="GLNANDA"/>
    <n v="0"/>
    <n v="0"/>
    <s v="MACSS ESTIMATED FUEL REVENUE"/>
    <s v="NVS"/>
    <s v="NONBU"/>
    <s v="G0000110"/>
    <s v="N"/>
    <s v="To identify Unbilled Fuel Reve"/>
    <s v=""/>
    <x v="3"/>
    <s v="CAD038BF"/>
    <s v="S"/>
    <s v="KY"/>
    <s v="REV"/>
    <s v="974"/>
    <s v="S173443"/>
    <n v="8"/>
    <n v="2016"/>
  </r>
  <r>
    <s v="110"/>
    <d v="2016-08-01T00:00:00"/>
    <x v="3"/>
    <x v="0"/>
    <s v="10828"/>
    <s v="GLNANDA"/>
    <n v="-188848.44"/>
    <n v="0"/>
    <s v="MACSS ESTIMATED FUEL REVENUE"/>
    <s v="NVS"/>
    <s v="NONBU"/>
    <s v="G0000110"/>
    <s v="N"/>
    <s v="To identify Unbilled Fuel Reve"/>
    <s v=""/>
    <x v="3"/>
    <s v="CAD038BF"/>
    <s v="S"/>
    <s v="KY"/>
    <s v="REV"/>
    <s v="974"/>
    <s v="S173443"/>
    <n v="8"/>
    <n v="2016"/>
  </r>
  <r>
    <s v="110"/>
    <d v="2016-08-01T00:00:00"/>
    <x v="12"/>
    <x v="0"/>
    <s v="10828"/>
    <s v="GLNANDA"/>
    <n v="0"/>
    <n v="0"/>
    <s v="MACSS ESTIMATED FUEL REVENUE"/>
    <s v="NVS"/>
    <s v="NONBU"/>
    <s v="G0000110"/>
    <s v="N"/>
    <s v="To identify Unbilled Fuel Reve"/>
    <s v=""/>
    <x v="3"/>
    <s v="CAD038BF"/>
    <s v="S"/>
    <s v="KY"/>
    <s v="REV"/>
    <s v="974"/>
    <s v="S173443"/>
    <n v="8"/>
    <n v="2016"/>
  </r>
  <r>
    <s v="110"/>
    <d v="2016-08-01T00:00:00"/>
    <x v="7"/>
    <x v="0"/>
    <s v="10828"/>
    <s v="GLNANDA"/>
    <n v="-139111.89000000001"/>
    <n v="0"/>
    <s v="MACSS ESTIMATED FUEL REVENUE"/>
    <s v="NVS"/>
    <s v="NONBU"/>
    <s v="G0000110"/>
    <s v="N"/>
    <s v="To identify Unbilled Fuel Reve"/>
    <s v=""/>
    <x v="3"/>
    <s v="CAD038BF"/>
    <s v="S"/>
    <s v="KY"/>
    <s v="REV"/>
    <s v="974"/>
    <s v="S173443"/>
    <n v="8"/>
    <n v="2016"/>
  </r>
  <r>
    <s v="110"/>
    <d v="2016-08-01T00:00:00"/>
    <x v="1"/>
    <x v="0"/>
    <s v="10828"/>
    <s v="GLNANDA"/>
    <n v="-744090.98"/>
    <n v="0"/>
    <s v="MACSS ESTIMATED FUEL REVENUE"/>
    <s v="NVS"/>
    <s v="NONBU"/>
    <s v="G0000110"/>
    <s v="N"/>
    <s v="To identify Unbilled Fuel Reve"/>
    <s v=""/>
    <x v="3"/>
    <s v="CAD038BF"/>
    <s v="S"/>
    <s v="KY"/>
    <s v="REV"/>
    <s v="974"/>
    <s v="S173443"/>
    <n v="8"/>
    <n v="2016"/>
  </r>
  <r>
    <s v="110"/>
    <d v="2016-08-01T00:00:00"/>
    <x v="14"/>
    <x v="0"/>
    <s v="10828"/>
    <s v="GLNANDA"/>
    <n v="2053895.33"/>
    <n v="0"/>
    <s v="MACSS ESTIMATED FUEL REVENUE"/>
    <s v="NVS"/>
    <s v="NONBU"/>
    <s v="G0000110"/>
    <s v="N"/>
    <s v="To identify Unbilled Fuel Reve"/>
    <s v=""/>
    <x v="3"/>
    <s v="CAD038BF"/>
    <s v="S"/>
    <s v="KY"/>
    <s v="REV"/>
    <s v="974"/>
    <s v="S173443"/>
    <n v="8"/>
    <n v="2016"/>
  </r>
  <r>
    <s v="110"/>
    <d v="2016-08-01T00:00:00"/>
    <x v="2"/>
    <x v="0"/>
    <s v="10828"/>
    <s v="GLNANDA"/>
    <n v="-1017835.88"/>
    <n v="0"/>
    <s v="MACSS ESTIMATED FUEL REVENUE"/>
    <s v="NVS"/>
    <s v="NONBU"/>
    <s v="G0000110"/>
    <s v="N"/>
    <s v="To identify Unbilled Fuel Reve"/>
    <s v=""/>
    <x v="3"/>
    <s v="CAD038BF"/>
    <s v="S"/>
    <s v="KY"/>
    <s v="REV"/>
    <s v="974"/>
    <s v="S173443"/>
    <n v="8"/>
    <n v="2016"/>
  </r>
  <r>
    <s v="110"/>
    <d v="2016-08-01T00:00:00"/>
    <x v="4"/>
    <x v="0"/>
    <s v="10828"/>
    <s v="GLNANDA"/>
    <n v="-1309804.3500000001"/>
    <n v="0"/>
    <s v="MACSS ESTIMATED FUEL REVENUE"/>
    <s v="NVS"/>
    <s v="NONBU"/>
    <s v="G0000110"/>
    <s v="N"/>
    <s v="To identify Unbilled Fuel Reve"/>
    <s v=""/>
    <x v="3"/>
    <s v="CAD038BF"/>
    <s v="S"/>
    <s v="KY"/>
    <s v="REV"/>
    <s v="974"/>
    <s v="S173443"/>
    <n v="8"/>
    <n v="2016"/>
  </r>
  <r>
    <s v="110"/>
    <d v="2016-08-01T00:00:00"/>
    <x v="0"/>
    <x v="0"/>
    <s v="10828"/>
    <s v="GLNANDA"/>
    <n v="-521704.79"/>
    <n v="0"/>
    <s v="MACSS ESTIMATED FUEL REVENUE"/>
    <s v="NVS"/>
    <s v="NONBU"/>
    <s v="G0000110"/>
    <s v="N"/>
    <s v="To identify Unbilled Fuel Reve"/>
    <s v=""/>
    <x v="3"/>
    <s v="CAD038BF"/>
    <s v="S"/>
    <s v="KY"/>
    <s v="REV"/>
    <s v="974"/>
    <s v="S173443"/>
    <n v="8"/>
    <n v="2016"/>
  </r>
  <r>
    <s v="110"/>
    <d v="2016-07-31T00:00:00"/>
    <x v="4"/>
    <x v="0"/>
    <s v="10828"/>
    <s v="GLNANDA"/>
    <n v="1309804.3500000001"/>
    <n v="0"/>
    <s v="MACSS ESTIMATED FUEL REVENUE"/>
    <s v="NVS"/>
    <s v="NONBU"/>
    <s v="G0000110"/>
    <s v="N"/>
    <s v="To identify Unbilled Fuel Reve"/>
    <s v=""/>
    <x v="3"/>
    <s v="CAD038BF"/>
    <s v="S"/>
    <s v="KY"/>
    <s v="REV"/>
    <s v="974"/>
    <s v="S132940"/>
    <n v="7"/>
    <n v="2016"/>
  </r>
  <r>
    <s v="110"/>
    <d v="2016-07-31T00:00:00"/>
    <x v="13"/>
    <x v="0"/>
    <s v="10828"/>
    <s v="GLNANDA"/>
    <n v="-1828.11"/>
    <n v="0"/>
    <s v="MACSS ESTIMATED FUEL REVENUE"/>
    <s v="NVS"/>
    <s v="NONBU"/>
    <s v="G0000110"/>
    <s v="N"/>
    <s v="To identify Unbilled Fuel Reve"/>
    <s v=""/>
    <x v="3"/>
    <s v="CAD038BF"/>
    <s v="S"/>
    <s v="KY"/>
    <s v="REV"/>
    <s v="974"/>
    <s v="S132940"/>
    <n v="7"/>
    <n v="2016"/>
  </r>
  <r>
    <s v="110"/>
    <d v="2016-07-31T00:00:00"/>
    <x v="9"/>
    <x v="0"/>
    <s v="10828"/>
    <s v="GLNANDA"/>
    <n v="0"/>
    <n v="0"/>
    <s v="MACSS ESTIMATED FUEL REVENUE"/>
    <s v="NVS"/>
    <s v="NONBU"/>
    <s v="G0000110"/>
    <s v="N"/>
    <s v="To identify Unbilled Fuel Reve"/>
    <s v=""/>
    <x v="3"/>
    <s v="CAD038BF"/>
    <s v="S"/>
    <s v="KY"/>
    <s v="REV"/>
    <s v="974"/>
    <s v="S132940"/>
    <n v="7"/>
    <n v="2016"/>
  </r>
  <r>
    <s v="110"/>
    <d v="2016-07-31T00:00:00"/>
    <x v="10"/>
    <x v="0"/>
    <s v="10828"/>
    <s v="GLNANDA"/>
    <n v="0"/>
    <n v="0"/>
    <s v="MACSS ESTIMATED FUEL REVENUE"/>
    <s v="NVS"/>
    <s v="NONBU"/>
    <s v="G0000110"/>
    <s v="N"/>
    <s v="To identify Unbilled Fuel Reve"/>
    <s v=""/>
    <x v="3"/>
    <s v="CAD038BF"/>
    <s v="S"/>
    <s v="KY"/>
    <s v="REV"/>
    <s v="974"/>
    <s v="S132940"/>
    <n v="7"/>
    <n v="2016"/>
  </r>
  <r>
    <s v="110"/>
    <d v="2016-07-31T00:00:00"/>
    <x v="5"/>
    <x v="0"/>
    <s v="10828"/>
    <s v="GLNANDA"/>
    <n v="201584.42"/>
    <n v="0"/>
    <s v="MACSS ESTIMATED FUEL REVENUE"/>
    <s v="NVS"/>
    <s v="NONBU"/>
    <s v="G0000110"/>
    <s v="N"/>
    <s v="To identify Unbilled Fuel Reve"/>
    <s v=""/>
    <x v="3"/>
    <s v="CAD038BF"/>
    <s v="S"/>
    <s v="KY"/>
    <s v="REV"/>
    <s v="974"/>
    <s v="S132940"/>
    <n v="7"/>
    <n v="2016"/>
  </r>
  <r>
    <s v="110"/>
    <d v="2016-07-31T00:00:00"/>
    <x v="8"/>
    <x v="0"/>
    <s v="10828"/>
    <s v="GLNANDA"/>
    <n v="-1358532.19"/>
    <n v="0"/>
    <s v="MACSS ESTIMATED FUEL REVENUE"/>
    <s v="NVS"/>
    <s v="NONBU"/>
    <s v="G0000110"/>
    <s v="N"/>
    <s v="To identify Unbilled Fuel Reve"/>
    <s v=""/>
    <x v="3"/>
    <s v="CAD038BF"/>
    <s v="S"/>
    <s v="KY"/>
    <s v="REV"/>
    <s v="974"/>
    <s v="S132940"/>
    <n v="7"/>
    <n v="2016"/>
  </r>
  <r>
    <s v="110"/>
    <d v="2016-07-31T00:00:00"/>
    <x v="11"/>
    <x v="0"/>
    <s v="10828"/>
    <s v="GLNANDA"/>
    <n v="-710553.23"/>
    <n v="0"/>
    <s v="MACSS ESTIMATED FUEL REVENUE"/>
    <s v="NVS"/>
    <s v="NONBU"/>
    <s v="G0000110"/>
    <s v="N"/>
    <s v="To identify Unbilled Fuel Reve"/>
    <s v=""/>
    <x v="3"/>
    <s v="CAD038BF"/>
    <s v="S"/>
    <s v="KY"/>
    <s v="REV"/>
    <s v="974"/>
    <s v="S132940"/>
    <n v="7"/>
    <n v="2016"/>
  </r>
  <r>
    <s v="110"/>
    <d v="2016-07-31T00:00:00"/>
    <x v="15"/>
    <x v="0"/>
    <s v="10828"/>
    <s v="GLNANDA"/>
    <n v="0"/>
    <n v="0"/>
    <s v="MACSS ESTIMATED FUEL REVENUE"/>
    <s v="NVS"/>
    <s v="NONBU"/>
    <s v="G0000110"/>
    <s v="N"/>
    <s v="To identify Unbilled Fuel Reve"/>
    <s v=""/>
    <x v="3"/>
    <s v="CAD038BF"/>
    <s v="S"/>
    <s v="KY"/>
    <s v="REV"/>
    <s v="974"/>
    <s v="S132940"/>
    <n v="7"/>
    <n v="2016"/>
  </r>
  <r>
    <s v="110"/>
    <d v="2016-07-31T00:00:00"/>
    <x v="0"/>
    <x v="0"/>
    <s v="10828"/>
    <s v="GLNANDA"/>
    <n v="521704.79"/>
    <n v="0"/>
    <s v="MACSS ESTIMATED FUEL REVENUE"/>
    <s v="NVS"/>
    <s v="NONBU"/>
    <s v="G0000110"/>
    <s v="N"/>
    <s v="To identify Unbilled Fuel Reve"/>
    <s v=""/>
    <x v="3"/>
    <s v="CAD038BF"/>
    <s v="S"/>
    <s v="KY"/>
    <s v="REV"/>
    <s v="974"/>
    <s v="S132940"/>
    <n v="7"/>
    <n v="2016"/>
  </r>
  <r>
    <s v="110"/>
    <d v="2016-07-31T00:00:00"/>
    <x v="3"/>
    <x v="0"/>
    <s v="10828"/>
    <s v="GLNANDA"/>
    <n v="188848.44"/>
    <n v="0"/>
    <s v="MACSS ESTIMATED FUEL REVENUE"/>
    <s v="NVS"/>
    <s v="NONBU"/>
    <s v="G0000110"/>
    <s v="N"/>
    <s v="To identify Unbilled Fuel Reve"/>
    <s v=""/>
    <x v="3"/>
    <s v="CAD038BF"/>
    <s v="S"/>
    <s v="KY"/>
    <s v="REV"/>
    <s v="974"/>
    <s v="S132940"/>
    <n v="7"/>
    <n v="2016"/>
  </r>
  <r>
    <s v="110"/>
    <d v="2016-07-31T00:00:00"/>
    <x v="12"/>
    <x v="0"/>
    <s v="10828"/>
    <s v="GLNANDA"/>
    <n v="0"/>
    <n v="0"/>
    <s v="MACSS ESTIMATED FUEL REVENUE"/>
    <s v="NVS"/>
    <s v="NONBU"/>
    <s v="G0000110"/>
    <s v="N"/>
    <s v="To identify Unbilled Fuel Reve"/>
    <s v=""/>
    <x v="3"/>
    <s v="CAD038BF"/>
    <s v="S"/>
    <s v="KY"/>
    <s v="REV"/>
    <s v="974"/>
    <s v="S132940"/>
    <n v="7"/>
    <n v="2016"/>
  </r>
  <r>
    <s v="110"/>
    <d v="2016-07-31T00:00:00"/>
    <x v="7"/>
    <x v="0"/>
    <s v="10828"/>
    <s v="GLNANDA"/>
    <n v="139111.89000000001"/>
    <n v="0"/>
    <s v="MACSS ESTIMATED FUEL REVENUE"/>
    <s v="NVS"/>
    <s v="NONBU"/>
    <s v="G0000110"/>
    <s v="N"/>
    <s v="To identify Unbilled Fuel Reve"/>
    <s v=""/>
    <x v="3"/>
    <s v="CAD038BF"/>
    <s v="S"/>
    <s v="KY"/>
    <s v="REV"/>
    <s v="974"/>
    <s v="S132940"/>
    <n v="7"/>
    <n v="2016"/>
  </r>
  <r>
    <s v="110"/>
    <d v="2016-07-31T00:00:00"/>
    <x v="1"/>
    <x v="0"/>
    <s v="10828"/>
    <s v="GLNANDA"/>
    <n v="744090.98"/>
    <n v="0"/>
    <s v="MACSS ESTIMATED FUEL REVENUE"/>
    <s v="NVS"/>
    <s v="NONBU"/>
    <s v="G0000110"/>
    <s v="N"/>
    <s v="To identify Unbilled Fuel Reve"/>
    <s v=""/>
    <x v="3"/>
    <s v="CAD038BF"/>
    <s v="S"/>
    <s v="KY"/>
    <s v="REV"/>
    <s v="974"/>
    <s v="S132940"/>
    <n v="7"/>
    <n v="2016"/>
  </r>
  <r>
    <s v="110"/>
    <d v="2016-07-31T00:00:00"/>
    <x v="14"/>
    <x v="0"/>
    <s v="10828"/>
    <s v="GLNANDA"/>
    <n v="-2053895.33"/>
    <n v="0"/>
    <s v="MACSS ESTIMATED FUEL REVENUE"/>
    <s v="NVS"/>
    <s v="NONBU"/>
    <s v="G0000110"/>
    <s v="N"/>
    <s v="To identify Unbilled Fuel Reve"/>
    <s v=""/>
    <x v="3"/>
    <s v="CAD038BF"/>
    <s v="S"/>
    <s v="KY"/>
    <s v="REV"/>
    <s v="974"/>
    <s v="S132940"/>
    <n v="7"/>
    <n v="2016"/>
  </r>
  <r>
    <s v="110"/>
    <d v="2016-07-31T00:00:00"/>
    <x v="2"/>
    <x v="0"/>
    <s v="10828"/>
    <s v="GLNANDA"/>
    <n v="1017835.88"/>
    <n v="0"/>
    <s v="MACSS ESTIMATED FUEL REVENUE"/>
    <s v="NVS"/>
    <s v="NONBU"/>
    <s v="G0000110"/>
    <s v="N"/>
    <s v="To identify Unbilled Fuel Reve"/>
    <s v=""/>
    <x v="3"/>
    <s v="CAD038BF"/>
    <s v="S"/>
    <s v="KY"/>
    <s v="REV"/>
    <s v="974"/>
    <s v="S132940"/>
    <n v="7"/>
    <n v="2016"/>
  </r>
  <r>
    <s v="110"/>
    <d v="2016-07-31T00:00:00"/>
    <x v="6"/>
    <x v="0"/>
    <s v="10828"/>
    <s v="GLNANDA"/>
    <n v="1828.11"/>
    <n v="0"/>
    <s v="MACSS ESTIMATED FUEL REVENUE"/>
    <s v="NVS"/>
    <s v="NONBU"/>
    <s v="G0000110"/>
    <s v="N"/>
    <s v="To identify Unbilled Fuel Reve"/>
    <s v=""/>
    <x v="3"/>
    <s v="CAD038BF"/>
    <s v="S"/>
    <s v="KY"/>
    <s v="REV"/>
    <s v="974"/>
    <s v="S132940"/>
    <n v="7"/>
    <n v="2016"/>
  </r>
  <r>
    <s v="110"/>
    <d v="2016-07-01T00:00:00"/>
    <x v="6"/>
    <x v="0"/>
    <s v="10828"/>
    <s v="GLNANDA"/>
    <n v="-1627.27"/>
    <n v="0"/>
    <s v="MACSS ESTIMATED FUEL REVENUE"/>
    <s v="NVS"/>
    <s v="NONBU"/>
    <s v="G0000110"/>
    <s v="N"/>
    <s v="To identify Unbilled Fuel Reve"/>
    <s v=""/>
    <x v="3"/>
    <s v="CAD038BF"/>
    <s v="S"/>
    <s v="KY"/>
    <s v="REV"/>
    <s v="974"/>
    <s v="S173443"/>
    <n v="7"/>
    <n v="2016"/>
  </r>
  <r>
    <s v="110"/>
    <d v="2016-07-01T00:00:00"/>
    <x v="4"/>
    <x v="0"/>
    <s v="10828"/>
    <s v="GLNANDA"/>
    <n v="-992263.07"/>
    <n v="0"/>
    <s v="MACSS ESTIMATED FUEL REVENUE"/>
    <s v="NVS"/>
    <s v="NONBU"/>
    <s v="G0000110"/>
    <s v="N"/>
    <s v="To identify Unbilled Fuel Reve"/>
    <s v=""/>
    <x v="3"/>
    <s v="CAD038BF"/>
    <s v="S"/>
    <s v="KY"/>
    <s v="REV"/>
    <s v="974"/>
    <s v="S173443"/>
    <n v="7"/>
    <n v="2016"/>
  </r>
  <r>
    <s v="110"/>
    <d v="2016-07-01T00:00:00"/>
    <x v="5"/>
    <x v="0"/>
    <s v="10828"/>
    <s v="GLNANDA"/>
    <n v="-170620.26"/>
    <n v="0"/>
    <s v="MACSS ESTIMATED FUEL REVENUE"/>
    <s v="NVS"/>
    <s v="NONBU"/>
    <s v="G0000110"/>
    <s v="N"/>
    <s v="To identify Unbilled Fuel Reve"/>
    <s v=""/>
    <x v="3"/>
    <s v="CAD038BF"/>
    <s v="S"/>
    <s v="KY"/>
    <s v="REV"/>
    <s v="974"/>
    <s v="S173443"/>
    <n v="7"/>
    <n v="2016"/>
  </r>
  <r>
    <s v="110"/>
    <d v="2016-07-01T00:00:00"/>
    <x v="3"/>
    <x v="0"/>
    <s v="10828"/>
    <s v="GLNANDA"/>
    <n v="-191414.12"/>
    <n v="0"/>
    <s v="MACSS ESTIMATED FUEL REVENUE"/>
    <s v="NVS"/>
    <s v="NONBU"/>
    <s v="G0000110"/>
    <s v="N"/>
    <s v="To identify Unbilled Fuel Reve"/>
    <s v=""/>
    <x v="3"/>
    <s v="CAD038BF"/>
    <s v="S"/>
    <s v="KY"/>
    <s v="REV"/>
    <s v="974"/>
    <s v="S173443"/>
    <n v="7"/>
    <n v="2016"/>
  </r>
  <r>
    <s v="110"/>
    <d v="2016-07-01T00:00:00"/>
    <x v="9"/>
    <x v="0"/>
    <s v="10828"/>
    <s v="GLNANDA"/>
    <n v="0"/>
    <n v="0"/>
    <s v="MACSS ESTIMATED FUEL REVENUE"/>
    <s v="NVS"/>
    <s v="NONBU"/>
    <s v="G0000110"/>
    <s v="N"/>
    <s v="To identify Unbilled Fuel Reve"/>
    <s v=""/>
    <x v="3"/>
    <s v="CAD038BF"/>
    <s v="S"/>
    <s v="KY"/>
    <s v="REV"/>
    <s v="974"/>
    <s v="S173443"/>
    <n v="7"/>
    <n v="2016"/>
  </r>
  <r>
    <s v="110"/>
    <d v="2016-07-01T00:00:00"/>
    <x v="12"/>
    <x v="0"/>
    <s v="10828"/>
    <s v="GLNANDA"/>
    <n v="0"/>
    <n v="0"/>
    <s v="MACSS ESTIMATED FUEL REVENUE"/>
    <s v="NVS"/>
    <s v="NONBU"/>
    <s v="G0000110"/>
    <s v="N"/>
    <s v="To identify Unbilled Fuel Reve"/>
    <s v=""/>
    <x v="3"/>
    <s v="CAD038BF"/>
    <s v="S"/>
    <s v="KY"/>
    <s v="REV"/>
    <s v="974"/>
    <s v="S173443"/>
    <n v="7"/>
    <n v="2016"/>
  </r>
  <r>
    <s v="110"/>
    <d v="2016-07-01T00:00:00"/>
    <x v="8"/>
    <x v="0"/>
    <s v="10828"/>
    <s v="GLNANDA"/>
    <n v="1120842.8899999999"/>
    <n v="0"/>
    <s v="MACSS ESTIMATED FUEL REVENUE"/>
    <s v="NVS"/>
    <s v="NONBU"/>
    <s v="G0000110"/>
    <s v="N"/>
    <s v="To identify Unbilled Fuel Reve"/>
    <s v=""/>
    <x v="3"/>
    <s v="CAD038BF"/>
    <s v="S"/>
    <s v="KY"/>
    <s v="REV"/>
    <s v="974"/>
    <s v="S173443"/>
    <n v="7"/>
    <n v="2016"/>
  </r>
  <r>
    <s v="110"/>
    <d v="2016-07-01T00:00:00"/>
    <x v="7"/>
    <x v="0"/>
    <s v="10828"/>
    <s v="GLNANDA"/>
    <n v="-130670.92"/>
    <n v="0"/>
    <s v="MACSS ESTIMATED FUEL REVENUE"/>
    <s v="NVS"/>
    <s v="NONBU"/>
    <s v="G0000110"/>
    <s v="N"/>
    <s v="To identify Unbilled Fuel Reve"/>
    <s v=""/>
    <x v="3"/>
    <s v="CAD038BF"/>
    <s v="S"/>
    <s v="KY"/>
    <s v="REV"/>
    <s v="974"/>
    <s v="S173443"/>
    <n v="7"/>
    <n v="2016"/>
  </r>
  <r>
    <s v="110"/>
    <d v="2016-07-01T00:00:00"/>
    <x v="13"/>
    <x v="0"/>
    <s v="10828"/>
    <s v="GLNANDA"/>
    <n v="1627.27"/>
    <n v="0"/>
    <s v="MACSS ESTIMATED FUEL REVENUE"/>
    <s v="NVS"/>
    <s v="NONBU"/>
    <s v="G0000110"/>
    <s v="N"/>
    <s v="To identify Unbilled Fuel Reve"/>
    <s v=""/>
    <x v="3"/>
    <s v="CAD038BF"/>
    <s v="S"/>
    <s v="KY"/>
    <s v="REV"/>
    <s v="974"/>
    <s v="S173443"/>
    <n v="7"/>
    <n v="2016"/>
  </r>
  <r>
    <s v="110"/>
    <d v="2016-07-01T00:00:00"/>
    <x v="1"/>
    <x v="0"/>
    <s v="10828"/>
    <s v="GLNANDA"/>
    <n v="-519421.63"/>
    <n v="0"/>
    <s v="MACSS ESTIMATED FUEL REVENUE"/>
    <s v="NVS"/>
    <s v="NONBU"/>
    <s v="G0000110"/>
    <s v="N"/>
    <s v="To identify Unbilled Fuel Reve"/>
    <s v=""/>
    <x v="3"/>
    <s v="CAD038BF"/>
    <s v="S"/>
    <s v="KY"/>
    <s v="REV"/>
    <s v="974"/>
    <s v="S173443"/>
    <n v="7"/>
    <n v="2016"/>
  </r>
  <r>
    <s v="110"/>
    <d v="2016-07-01T00:00:00"/>
    <x v="11"/>
    <x v="0"/>
    <s v="10828"/>
    <s v="GLNANDA"/>
    <n v="701225.69"/>
    <n v="0"/>
    <s v="MACSS ESTIMATED FUEL REVENUE"/>
    <s v="NVS"/>
    <s v="NONBU"/>
    <s v="G0000110"/>
    <s v="N"/>
    <s v="To identify Unbilled Fuel Reve"/>
    <s v=""/>
    <x v="3"/>
    <s v="CAD038BF"/>
    <s v="S"/>
    <s v="KY"/>
    <s v="REV"/>
    <s v="974"/>
    <s v="S173443"/>
    <n v="7"/>
    <n v="2016"/>
  </r>
  <r>
    <s v="110"/>
    <d v="2016-07-01T00:00:00"/>
    <x v="14"/>
    <x v="0"/>
    <s v="10828"/>
    <s v="GLNANDA"/>
    <n v="1511684.7"/>
    <n v="0"/>
    <s v="MACSS ESTIMATED FUEL REVENUE"/>
    <s v="NVS"/>
    <s v="NONBU"/>
    <s v="G0000110"/>
    <s v="N"/>
    <s v="To identify Unbilled Fuel Reve"/>
    <s v=""/>
    <x v="3"/>
    <s v="CAD038BF"/>
    <s v="S"/>
    <s v="KY"/>
    <s v="REV"/>
    <s v="974"/>
    <s v="S173443"/>
    <n v="7"/>
    <n v="2016"/>
  </r>
  <r>
    <s v="110"/>
    <d v="2016-07-01T00:00:00"/>
    <x v="10"/>
    <x v="0"/>
    <s v="10828"/>
    <s v="GLNANDA"/>
    <n v="0"/>
    <n v="0"/>
    <s v="MACSS ESTIMATED FUEL REVENUE"/>
    <s v="NVS"/>
    <s v="NONBU"/>
    <s v="G0000110"/>
    <s v="N"/>
    <s v="To identify Unbilled Fuel Reve"/>
    <s v=""/>
    <x v="3"/>
    <s v="CAD038BF"/>
    <s v="S"/>
    <s v="KY"/>
    <s v="REV"/>
    <s v="974"/>
    <s v="S173443"/>
    <n v="7"/>
    <n v="2016"/>
  </r>
  <r>
    <s v="110"/>
    <d v="2016-07-01T00:00:00"/>
    <x v="2"/>
    <x v="0"/>
    <s v="10828"/>
    <s v="GLNANDA"/>
    <n v="-819551.71"/>
    <n v="0"/>
    <s v="MACSS ESTIMATED FUEL REVENUE"/>
    <s v="NVS"/>
    <s v="NONBU"/>
    <s v="G0000110"/>
    <s v="N"/>
    <s v="To identify Unbilled Fuel Reve"/>
    <s v=""/>
    <x v="3"/>
    <s v="CAD038BF"/>
    <s v="S"/>
    <s v="KY"/>
    <s v="REV"/>
    <s v="974"/>
    <s v="S173443"/>
    <n v="7"/>
    <n v="2016"/>
  </r>
  <r>
    <s v="110"/>
    <d v="2016-07-01T00:00:00"/>
    <x v="15"/>
    <x v="0"/>
    <s v="10828"/>
    <s v="GLNANDA"/>
    <n v="0"/>
    <n v="0"/>
    <s v="MACSS ESTIMATED FUEL REVENUE"/>
    <s v="NVS"/>
    <s v="NONBU"/>
    <s v="G0000110"/>
    <s v="N"/>
    <s v="To identify Unbilled Fuel Reve"/>
    <s v=""/>
    <x v="3"/>
    <s v="CAD038BF"/>
    <s v="S"/>
    <s v="KY"/>
    <s v="REV"/>
    <s v="974"/>
    <s v="S173443"/>
    <n v="7"/>
    <n v="2016"/>
  </r>
  <r>
    <s v="110"/>
    <d v="2016-07-01T00:00:00"/>
    <x v="0"/>
    <x v="0"/>
    <s v="10828"/>
    <s v="GLNANDA"/>
    <n v="-509811.57"/>
    <n v="0"/>
    <s v="MACSS ESTIMATED FUEL REVENUE"/>
    <s v="NVS"/>
    <s v="NONBU"/>
    <s v="G0000110"/>
    <s v="N"/>
    <s v="To identify Unbilled Fuel Reve"/>
    <s v=""/>
    <x v="3"/>
    <s v="CAD038BF"/>
    <s v="S"/>
    <s v="KY"/>
    <s v="REV"/>
    <s v="974"/>
    <s v="S173443"/>
    <n v="7"/>
    <n v="2016"/>
  </r>
  <r>
    <s v="110"/>
    <d v="2016-06-30T00:00:00"/>
    <x v="4"/>
    <x v="0"/>
    <s v="10828"/>
    <s v="GLNANDA"/>
    <n v="992263.07"/>
    <n v="0"/>
    <s v="MACSS ESTIMATED FUEL REVENUE"/>
    <s v="NVS"/>
    <s v="NONBU"/>
    <s v="G0000110"/>
    <s v="N"/>
    <s v="To identify Unbilled Fuel Reve"/>
    <s v=""/>
    <x v="3"/>
    <s v="CAD038BF"/>
    <s v="S"/>
    <s v="KY"/>
    <s v="REV"/>
    <s v="974"/>
    <s v="S132940"/>
    <n v="6"/>
    <n v="2016"/>
  </r>
  <r>
    <s v="110"/>
    <d v="2016-06-30T00:00:00"/>
    <x v="13"/>
    <x v="0"/>
    <s v="10828"/>
    <s v="GLNANDA"/>
    <n v="-1627.27"/>
    <n v="0"/>
    <s v="MACSS ESTIMATED FUEL REVENUE"/>
    <s v="NVS"/>
    <s v="NONBU"/>
    <s v="G0000110"/>
    <s v="N"/>
    <s v="To identify Unbilled Fuel Reve"/>
    <s v=""/>
    <x v="3"/>
    <s v="CAD038BF"/>
    <s v="S"/>
    <s v="KY"/>
    <s v="REV"/>
    <s v="974"/>
    <s v="S132940"/>
    <n v="6"/>
    <n v="2016"/>
  </r>
  <r>
    <s v="110"/>
    <d v="2016-06-30T00:00:00"/>
    <x v="9"/>
    <x v="0"/>
    <s v="10828"/>
    <s v="GLNANDA"/>
    <n v="0"/>
    <n v="0"/>
    <s v="MACSS ESTIMATED FUEL REVENUE"/>
    <s v="NVS"/>
    <s v="NONBU"/>
    <s v="G0000110"/>
    <s v="N"/>
    <s v="To identify Unbilled Fuel Reve"/>
    <s v=""/>
    <x v="3"/>
    <s v="CAD038BF"/>
    <s v="S"/>
    <s v="KY"/>
    <s v="REV"/>
    <s v="974"/>
    <s v="S132940"/>
    <n v="6"/>
    <n v="2016"/>
  </r>
  <r>
    <s v="110"/>
    <d v="2016-06-30T00:00:00"/>
    <x v="10"/>
    <x v="0"/>
    <s v="10828"/>
    <s v="GLNANDA"/>
    <n v="0"/>
    <n v="0"/>
    <s v="MACSS ESTIMATED FUEL REVENUE"/>
    <s v="NVS"/>
    <s v="NONBU"/>
    <s v="G0000110"/>
    <s v="N"/>
    <s v="To identify Unbilled Fuel Reve"/>
    <s v=""/>
    <x v="3"/>
    <s v="CAD038BF"/>
    <s v="S"/>
    <s v="KY"/>
    <s v="REV"/>
    <s v="974"/>
    <s v="S132940"/>
    <n v="6"/>
    <n v="2016"/>
  </r>
  <r>
    <s v="110"/>
    <d v="2016-06-30T00:00:00"/>
    <x v="5"/>
    <x v="0"/>
    <s v="10828"/>
    <s v="GLNANDA"/>
    <n v="170620.26"/>
    <n v="0"/>
    <s v="MACSS ESTIMATED FUEL REVENUE"/>
    <s v="NVS"/>
    <s v="NONBU"/>
    <s v="G0000110"/>
    <s v="N"/>
    <s v="To identify Unbilled Fuel Reve"/>
    <s v=""/>
    <x v="3"/>
    <s v="CAD038BF"/>
    <s v="S"/>
    <s v="KY"/>
    <s v="REV"/>
    <s v="974"/>
    <s v="S132940"/>
    <n v="6"/>
    <n v="2016"/>
  </r>
  <r>
    <s v="110"/>
    <d v="2016-06-30T00:00:00"/>
    <x v="8"/>
    <x v="0"/>
    <s v="10828"/>
    <s v="GLNANDA"/>
    <n v="-1120842.8899999999"/>
    <n v="0"/>
    <s v="MACSS ESTIMATED FUEL REVENUE"/>
    <s v="NVS"/>
    <s v="NONBU"/>
    <s v="G0000110"/>
    <s v="N"/>
    <s v="To identify Unbilled Fuel Reve"/>
    <s v=""/>
    <x v="3"/>
    <s v="CAD038BF"/>
    <s v="S"/>
    <s v="KY"/>
    <s v="REV"/>
    <s v="974"/>
    <s v="S132940"/>
    <n v="6"/>
    <n v="2016"/>
  </r>
  <r>
    <s v="110"/>
    <d v="2016-06-30T00:00:00"/>
    <x v="11"/>
    <x v="0"/>
    <s v="10828"/>
    <s v="GLNANDA"/>
    <n v="-701225.69"/>
    <n v="0"/>
    <s v="MACSS ESTIMATED FUEL REVENUE"/>
    <s v="NVS"/>
    <s v="NONBU"/>
    <s v="G0000110"/>
    <s v="N"/>
    <s v="To identify Unbilled Fuel Reve"/>
    <s v=""/>
    <x v="3"/>
    <s v="CAD038BF"/>
    <s v="S"/>
    <s v="KY"/>
    <s v="REV"/>
    <s v="974"/>
    <s v="S132940"/>
    <n v="6"/>
    <n v="2016"/>
  </r>
  <r>
    <s v="110"/>
    <d v="2016-06-30T00:00:00"/>
    <x v="15"/>
    <x v="0"/>
    <s v="10828"/>
    <s v="GLNANDA"/>
    <n v="0"/>
    <n v="0"/>
    <s v="MACSS ESTIMATED FUEL REVENUE"/>
    <s v="NVS"/>
    <s v="NONBU"/>
    <s v="G0000110"/>
    <s v="N"/>
    <s v="To identify Unbilled Fuel Reve"/>
    <s v=""/>
    <x v="3"/>
    <s v="CAD038BF"/>
    <s v="S"/>
    <s v="KY"/>
    <s v="REV"/>
    <s v="974"/>
    <s v="S132940"/>
    <n v="6"/>
    <n v="2016"/>
  </r>
  <r>
    <s v="110"/>
    <d v="2016-06-30T00:00:00"/>
    <x v="3"/>
    <x v="0"/>
    <s v="10828"/>
    <s v="GLNANDA"/>
    <n v="191414.12"/>
    <n v="0"/>
    <s v="MACSS ESTIMATED FUEL REVENUE"/>
    <s v="NVS"/>
    <s v="NONBU"/>
    <s v="G0000110"/>
    <s v="N"/>
    <s v="To identify Unbilled Fuel Reve"/>
    <s v=""/>
    <x v="3"/>
    <s v="CAD038BF"/>
    <s v="S"/>
    <s v="KY"/>
    <s v="REV"/>
    <s v="974"/>
    <s v="S132940"/>
    <n v="6"/>
    <n v="2016"/>
  </r>
  <r>
    <s v="110"/>
    <d v="2016-06-30T00:00:00"/>
    <x v="12"/>
    <x v="0"/>
    <s v="10828"/>
    <s v="GLNANDA"/>
    <n v="0"/>
    <n v="0"/>
    <s v="MACSS ESTIMATED FUEL REVENUE"/>
    <s v="NVS"/>
    <s v="NONBU"/>
    <s v="G0000110"/>
    <s v="N"/>
    <s v="To identify Unbilled Fuel Reve"/>
    <s v=""/>
    <x v="3"/>
    <s v="CAD038BF"/>
    <s v="S"/>
    <s v="KY"/>
    <s v="REV"/>
    <s v="974"/>
    <s v="S132940"/>
    <n v="6"/>
    <n v="2016"/>
  </r>
  <r>
    <s v="110"/>
    <d v="2016-06-30T00:00:00"/>
    <x v="7"/>
    <x v="0"/>
    <s v="10828"/>
    <s v="GLNANDA"/>
    <n v="130670.92"/>
    <n v="0"/>
    <s v="MACSS ESTIMATED FUEL REVENUE"/>
    <s v="NVS"/>
    <s v="NONBU"/>
    <s v="G0000110"/>
    <s v="N"/>
    <s v="To identify Unbilled Fuel Reve"/>
    <s v=""/>
    <x v="3"/>
    <s v="CAD038BF"/>
    <s v="S"/>
    <s v="KY"/>
    <s v="REV"/>
    <s v="974"/>
    <s v="S132940"/>
    <n v="6"/>
    <n v="2016"/>
  </r>
  <r>
    <s v="110"/>
    <d v="2016-06-30T00:00:00"/>
    <x v="1"/>
    <x v="0"/>
    <s v="10828"/>
    <s v="GLNANDA"/>
    <n v="519421.63"/>
    <n v="0"/>
    <s v="MACSS ESTIMATED FUEL REVENUE"/>
    <s v="NVS"/>
    <s v="NONBU"/>
    <s v="G0000110"/>
    <s v="N"/>
    <s v="To identify Unbilled Fuel Reve"/>
    <s v=""/>
    <x v="3"/>
    <s v="CAD038BF"/>
    <s v="S"/>
    <s v="KY"/>
    <s v="REV"/>
    <s v="974"/>
    <s v="S132940"/>
    <n v="6"/>
    <n v="2016"/>
  </r>
  <r>
    <s v="110"/>
    <d v="2016-06-30T00:00:00"/>
    <x v="14"/>
    <x v="0"/>
    <s v="10828"/>
    <s v="GLNANDA"/>
    <n v="-1511684.7"/>
    <n v="0"/>
    <s v="MACSS ESTIMATED FUEL REVENUE"/>
    <s v="NVS"/>
    <s v="NONBU"/>
    <s v="G0000110"/>
    <s v="N"/>
    <s v="To identify Unbilled Fuel Reve"/>
    <s v=""/>
    <x v="3"/>
    <s v="CAD038BF"/>
    <s v="S"/>
    <s v="KY"/>
    <s v="REV"/>
    <s v="974"/>
    <s v="S132940"/>
    <n v="6"/>
    <n v="2016"/>
  </r>
  <r>
    <s v="110"/>
    <d v="2016-06-30T00:00:00"/>
    <x v="2"/>
    <x v="0"/>
    <s v="10828"/>
    <s v="GLNANDA"/>
    <n v="819551.71"/>
    <n v="0"/>
    <s v="MACSS ESTIMATED FUEL REVENUE"/>
    <s v="NVS"/>
    <s v="NONBU"/>
    <s v="G0000110"/>
    <s v="N"/>
    <s v="To identify Unbilled Fuel Reve"/>
    <s v=""/>
    <x v="3"/>
    <s v="CAD038BF"/>
    <s v="S"/>
    <s v="KY"/>
    <s v="REV"/>
    <s v="974"/>
    <s v="S132940"/>
    <n v="6"/>
    <n v="2016"/>
  </r>
  <r>
    <s v="110"/>
    <d v="2016-06-30T00:00:00"/>
    <x v="0"/>
    <x v="0"/>
    <s v="10828"/>
    <s v="GLNANDA"/>
    <n v="509811.57"/>
    <n v="0"/>
    <s v="MACSS ESTIMATED FUEL REVENUE"/>
    <s v="NVS"/>
    <s v="NONBU"/>
    <s v="G0000110"/>
    <s v="N"/>
    <s v="To identify Unbilled Fuel Reve"/>
    <s v=""/>
    <x v="3"/>
    <s v="CAD038BF"/>
    <s v="S"/>
    <s v="KY"/>
    <s v="REV"/>
    <s v="974"/>
    <s v="S132940"/>
    <n v="6"/>
    <n v="2016"/>
  </r>
  <r>
    <s v="110"/>
    <d v="2016-06-30T00:00:00"/>
    <x v="6"/>
    <x v="0"/>
    <s v="10828"/>
    <s v="GLNANDA"/>
    <n v="1627.27"/>
    <n v="0"/>
    <s v="MACSS ESTIMATED FUEL REVENUE"/>
    <s v="NVS"/>
    <s v="NONBU"/>
    <s v="G0000110"/>
    <s v="N"/>
    <s v="To identify Unbilled Fuel Reve"/>
    <s v=""/>
    <x v="3"/>
    <s v="CAD038BF"/>
    <s v="S"/>
    <s v="KY"/>
    <s v="REV"/>
    <s v="974"/>
    <s v="S132940"/>
    <n v="6"/>
    <n v="2016"/>
  </r>
  <r>
    <s v="110"/>
    <d v="2016-06-01T00:00:00"/>
    <x v="10"/>
    <x v="0"/>
    <s v="10828"/>
    <s v="GLNANDA"/>
    <n v="0"/>
    <n v="0"/>
    <s v="MACSS ESTIMATED FUEL REVENUE"/>
    <s v="NVS"/>
    <s v="NONBU"/>
    <s v="G0000110"/>
    <s v="N"/>
    <s v="To identify Unbilled Fuel Reve"/>
    <s v=""/>
    <x v="3"/>
    <s v="CAD038BF"/>
    <s v="S"/>
    <s v="KY"/>
    <s v="REV"/>
    <s v="974"/>
    <s v="S173443"/>
    <n v="6"/>
    <n v="2016"/>
  </r>
  <r>
    <s v="110"/>
    <d v="2016-06-01T00:00:00"/>
    <x v="4"/>
    <x v="0"/>
    <s v="10828"/>
    <s v="GLNANDA"/>
    <n v="-1012300.74"/>
    <n v="0"/>
    <s v="MACSS ESTIMATED FUEL REVENUE"/>
    <s v="NVS"/>
    <s v="NONBU"/>
    <s v="G0000110"/>
    <s v="N"/>
    <s v="To identify Unbilled Fuel Reve"/>
    <s v=""/>
    <x v="3"/>
    <s v="CAD038BF"/>
    <s v="S"/>
    <s v="KY"/>
    <s v="REV"/>
    <s v="974"/>
    <s v="S173443"/>
    <n v="6"/>
    <n v="2016"/>
  </r>
  <r>
    <s v="110"/>
    <d v="2016-06-01T00:00:00"/>
    <x v="5"/>
    <x v="0"/>
    <s v="10828"/>
    <s v="GLNANDA"/>
    <n v="-173742.01"/>
    <n v="0"/>
    <s v="MACSS ESTIMATED FUEL REVENUE"/>
    <s v="NVS"/>
    <s v="NONBU"/>
    <s v="G0000110"/>
    <s v="N"/>
    <s v="To identify Unbilled Fuel Reve"/>
    <s v=""/>
    <x v="3"/>
    <s v="CAD038BF"/>
    <s v="S"/>
    <s v="KY"/>
    <s v="REV"/>
    <s v="974"/>
    <s v="S173443"/>
    <n v="6"/>
    <n v="2016"/>
  </r>
  <r>
    <s v="110"/>
    <d v="2016-06-01T00:00:00"/>
    <x v="12"/>
    <x v="0"/>
    <s v="10828"/>
    <s v="GLNANDA"/>
    <n v="0"/>
    <n v="0"/>
    <s v="MACSS ESTIMATED FUEL REVENUE"/>
    <s v="NVS"/>
    <s v="NONBU"/>
    <s v="G0000110"/>
    <s v="N"/>
    <s v="To identify Unbilled Fuel Reve"/>
    <s v=""/>
    <x v="3"/>
    <s v="CAD038BF"/>
    <s v="S"/>
    <s v="KY"/>
    <s v="REV"/>
    <s v="974"/>
    <s v="S173443"/>
    <n v="6"/>
    <n v="2016"/>
  </r>
  <r>
    <s v="110"/>
    <d v="2016-06-01T00:00:00"/>
    <x v="6"/>
    <x v="0"/>
    <s v="10828"/>
    <s v="GLNANDA"/>
    <n v="-1917.1"/>
    <n v="0"/>
    <s v="MACSS ESTIMATED FUEL REVENUE"/>
    <s v="NVS"/>
    <s v="NONBU"/>
    <s v="G0000110"/>
    <s v="N"/>
    <s v="To identify Unbilled Fuel Reve"/>
    <s v=""/>
    <x v="3"/>
    <s v="CAD038BF"/>
    <s v="S"/>
    <s v="KY"/>
    <s v="REV"/>
    <s v="974"/>
    <s v="S173443"/>
    <n v="6"/>
    <n v="2016"/>
  </r>
  <r>
    <s v="110"/>
    <d v="2016-06-01T00:00:00"/>
    <x v="7"/>
    <x v="0"/>
    <s v="10828"/>
    <s v="GLNANDA"/>
    <n v="-148575.38"/>
    <n v="0"/>
    <s v="MACSS ESTIMATED FUEL REVENUE"/>
    <s v="NVS"/>
    <s v="NONBU"/>
    <s v="G0000110"/>
    <s v="N"/>
    <s v="To identify Unbilled Fuel Reve"/>
    <s v=""/>
    <x v="3"/>
    <s v="CAD038BF"/>
    <s v="S"/>
    <s v="KY"/>
    <s v="REV"/>
    <s v="974"/>
    <s v="S173443"/>
    <n v="6"/>
    <n v="2016"/>
  </r>
  <r>
    <s v="110"/>
    <d v="2016-06-01T00:00:00"/>
    <x v="8"/>
    <x v="0"/>
    <s v="10828"/>
    <s v="GLNANDA"/>
    <n v="1164708.8400000001"/>
    <n v="0"/>
    <s v="MACSS ESTIMATED FUEL REVENUE"/>
    <s v="NVS"/>
    <s v="NONBU"/>
    <s v="G0000110"/>
    <s v="N"/>
    <s v="To identify Unbilled Fuel Reve"/>
    <s v=""/>
    <x v="3"/>
    <s v="CAD038BF"/>
    <s v="S"/>
    <s v="KY"/>
    <s v="REV"/>
    <s v="974"/>
    <s v="S173443"/>
    <n v="6"/>
    <n v="2016"/>
  </r>
  <r>
    <s v="110"/>
    <d v="2016-06-01T00:00:00"/>
    <x v="1"/>
    <x v="0"/>
    <s v="10828"/>
    <s v="GLNANDA"/>
    <n v="-478913.11"/>
    <n v="0"/>
    <s v="MACSS ESTIMATED FUEL REVENUE"/>
    <s v="NVS"/>
    <s v="NONBU"/>
    <s v="G0000110"/>
    <s v="N"/>
    <s v="To identify Unbilled Fuel Reve"/>
    <s v=""/>
    <x v="3"/>
    <s v="CAD038BF"/>
    <s v="S"/>
    <s v="KY"/>
    <s v="REV"/>
    <s v="974"/>
    <s v="S173443"/>
    <n v="6"/>
    <n v="2016"/>
  </r>
  <r>
    <s v="110"/>
    <d v="2016-06-01T00:00:00"/>
    <x v="9"/>
    <x v="0"/>
    <s v="10828"/>
    <s v="GLNANDA"/>
    <n v="0"/>
    <n v="0"/>
    <s v="MACSS ESTIMATED FUEL REVENUE"/>
    <s v="NVS"/>
    <s v="NONBU"/>
    <s v="G0000110"/>
    <s v="N"/>
    <s v="To identify Unbilled Fuel Reve"/>
    <s v=""/>
    <x v="3"/>
    <s v="CAD038BF"/>
    <s v="S"/>
    <s v="KY"/>
    <s v="REV"/>
    <s v="974"/>
    <s v="S173443"/>
    <n v="6"/>
    <n v="2016"/>
  </r>
  <r>
    <s v="110"/>
    <d v="2016-06-01T00:00:00"/>
    <x v="14"/>
    <x v="0"/>
    <s v="10828"/>
    <s v="GLNANDA"/>
    <n v="1491213.85"/>
    <n v="0"/>
    <s v="MACSS ESTIMATED FUEL REVENUE"/>
    <s v="NVS"/>
    <s v="NONBU"/>
    <s v="G0000110"/>
    <s v="N"/>
    <s v="To identify Unbilled Fuel Reve"/>
    <s v=""/>
    <x v="3"/>
    <s v="CAD038BF"/>
    <s v="S"/>
    <s v="KY"/>
    <s v="REV"/>
    <s v="974"/>
    <s v="S173443"/>
    <n v="6"/>
    <n v="2016"/>
  </r>
  <r>
    <s v="110"/>
    <d v="2016-06-01T00:00:00"/>
    <x v="11"/>
    <x v="0"/>
    <s v="10828"/>
    <s v="GLNANDA"/>
    <n v="814416"/>
    <n v="0"/>
    <s v="MACSS ESTIMATED FUEL REVENUE"/>
    <s v="NVS"/>
    <s v="NONBU"/>
    <s v="G0000110"/>
    <s v="N"/>
    <s v="To identify Unbilled Fuel Reve"/>
    <s v=""/>
    <x v="3"/>
    <s v="CAD038BF"/>
    <s v="S"/>
    <s v="KY"/>
    <s v="REV"/>
    <s v="974"/>
    <s v="S173443"/>
    <n v="6"/>
    <n v="2016"/>
  </r>
  <r>
    <s v="110"/>
    <d v="2016-06-01T00:00:00"/>
    <x v="2"/>
    <x v="0"/>
    <s v="10828"/>
    <s v="GLNANDA"/>
    <n v="-842391.45"/>
    <n v="0"/>
    <s v="MACSS ESTIMATED FUEL REVENUE"/>
    <s v="NVS"/>
    <s v="NONBU"/>
    <s v="G0000110"/>
    <s v="N"/>
    <s v="To identify Unbilled Fuel Reve"/>
    <s v=""/>
    <x v="3"/>
    <s v="CAD038BF"/>
    <s v="S"/>
    <s v="KY"/>
    <s v="REV"/>
    <s v="974"/>
    <s v="S173443"/>
    <n v="6"/>
    <n v="2016"/>
  </r>
  <r>
    <s v="110"/>
    <d v="2016-06-01T00:00:00"/>
    <x v="13"/>
    <x v="0"/>
    <s v="10828"/>
    <s v="GLNANDA"/>
    <n v="1917.1"/>
    <n v="0"/>
    <s v="MACSS ESTIMATED FUEL REVENUE"/>
    <s v="NVS"/>
    <s v="NONBU"/>
    <s v="G0000110"/>
    <s v="N"/>
    <s v="To identify Unbilled Fuel Reve"/>
    <s v=""/>
    <x v="3"/>
    <s v="CAD038BF"/>
    <s v="S"/>
    <s v="KY"/>
    <s v="REV"/>
    <s v="974"/>
    <s v="S173443"/>
    <n v="6"/>
    <n v="2016"/>
  </r>
  <r>
    <s v="110"/>
    <d v="2016-06-01T00:00:00"/>
    <x v="0"/>
    <x v="0"/>
    <s v="10828"/>
    <s v="GLNANDA"/>
    <n v="-572591.51"/>
    <n v="0"/>
    <s v="MACSS ESTIMATED FUEL REVENUE"/>
    <s v="NVS"/>
    <s v="NONBU"/>
    <s v="G0000110"/>
    <s v="N"/>
    <s v="To identify Unbilled Fuel Reve"/>
    <s v=""/>
    <x v="3"/>
    <s v="CAD038BF"/>
    <s v="S"/>
    <s v="KY"/>
    <s v="REV"/>
    <s v="974"/>
    <s v="S173443"/>
    <n v="6"/>
    <n v="2016"/>
  </r>
  <r>
    <s v="110"/>
    <d v="2016-06-01T00:00:00"/>
    <x v="15"/>
    <x v="0"/>
    <s v="10828"/>
    <s v="GLNANDA"/>
    <n v="0"/>
    <n v="0"/>
    <s v="MACSS ESTIMATED FUEL REVENUE"/>
    <s v="NVS"/>
    <s v="NONBU"/>
    <s v="G0000110"/>
    <s v="N"/>
    <s v="To identify Unbilled Fuel Reve"/>
    <s v=""/>
    <x v="3"/>
    <s v="CAD038BF"/>
    <s v="S"/>
    <s v="KY"/>
    <s v="REV"/>
    <s v="974"/>
    <s v="S173443"/>
    <n v="6"/>
    <n v="2016"/>
  </r>
  <r>
    <s v="110"/>
    <d v="2016-06-01T00:00:00"/>
    <x v="3"/>
    <x v="0"/>
    <s v="10828"/>
    <s v="GLNANDA"/>
    <n v="-241824.49"/>
    <n v="0"/>
    <s v="MACSS ESTIMATED FUEL REVENUE"/>
    <s v="NVS"/>
    <s v="NONBU"/>
    <s v="G0000110"/>
    <s v="N"/>
    <s v="To identify Unbilled Fuel Reve"/>
    <s v=""/>
    <x v="3"/>
    <s v="CAD038BF"/>
    <s v="S"/>
    <s v="KY"/>
    <s v="REV"/>
    <s v="974"/>
    <s v="S173443"/>
    <n v="6"/>
    <n v="2016"/>
  </r>
  <r>
    <s v="110"/>
    <d v="2016-05-31T00:00:00"/>
    <x v="3"/>
    <x v="0"/>
    <s v="10828"/>
    <s v="GLNANDA"/>
    <n v="241824.49"/>
    <n v="0"/>
    <s v="MACSS ESTIMATED FUEL REVENUE"/>
    <s v="NVS"/>
    <s v="NONBU"/>
    <s v="G0000110"/>
    <s v="N"/>
    <s v="To identify Unbilled Fuel Reve"/>
    <s v=""/>
    <x v="3"/>
    <s v="CAD038BF"/>
    <s v="S"/>
    <s v="KY"/>
    <s v="REV"/>
    <s v="974"/>
    <s v="S132940"/>
    <n v="5"/>
    <n v="2016"/>
  </r>
  <r>
    <s v="110"/>
    <d v="2016-05-31T00:00:00"/>
    <x v="6"/>
    <x v="0"/>
    <s v="10828"/>
    <s v="GLNANDA"/>
    <n v="1917.1"/>
    <n v="0"/>
    <s v="MACSS ESTIMATED FUEL REVENUE"/>
    <s v="NVS"/>
    <s v="NONBU"/>
    <s v="G0000110"/>
    <s v="N"/>
    <s v="To identify Unbilled Fuel Reve"/>
    <s v=""/>
    <x v="3"/>
    <s v="CAD038BF"/>
    <s v="S"/>
    <s v="KY"/>
    <s v="REV"/>
    <s v="974"/>
    <s v="S132940"/>
    <n v="5"/>
    <n v="2016"/>
  </r>
  <r>
    <s v="110"/>
    <d v="2016-05-31T00:00:00"/>
    <x v="12"/>
    <x v="0"/>
    <s v="10828"/>
    <s v="GLNANDA"/>
    <n v="0"/>
    <n v="0"/>
    <s v="MACSS ESTIMATED FUEL REVENUE"/>
    <s v="NVS"/>
    <s v="NONBU"/>
    <s v="G0000110"/>
    <s v="N"/>
    <s v="To identify Unbilled Fuel Reve"/>
    <s v=""/>
    <x v="3"/>
    <s v="CAD038BF"/>
    <s v="S"/>
    <s v="KY"/>
    <s v="REV"/>
    <s v="974"/>
    <s v="S132940"/>
    <n v="5"/>
    <n v="2016"/>
  </r>
  <r>
    <s v="110"/>
    <d v="2016-05-31T00:00:00"/>
    <x v="10"/>
    <x v="0"/>
    <s v="10828"/>
    <s v="GLNANDA"/>
    <n v="0"/>
    <n v="0"/>
    <s v="MACSS ESTIMATED FUEL REVENUE"/>
    <s v="NVS"/>
    <s v="NONBU"/>
    <s v="G0000110"/>
    <s v="N"/>
    <s v="To identify Unbilled Fuel Reve"/>
    <s v=""/>
    <x v="3"/>
    <s v="CAD038BF"/>
    <s v="S"/>
    <s v="KY"/>
    <s v="REV"/>
    <s v="974"/>
    <s v="S132940"/>
    <n v="5"/>
    <n v="2016"/>
  </r>
  <r>
    <s v="110"/>
    <d v="2016-05-31T00:00:00"/>
    <x v="0"/>
    <x v="0"/>
    <s v="10828"/>
    <s v="GLNANDA"/>
    <n v="572591.51"/>
    <n v="0"/>
    <s v="MACSS ESTIMATED FUEL REVENUE"/>
    <s v="NVS"/>
    <s v="NONBU"/>
    <s v="G0000110"/>
    <s v="N"/>
    <s v="To identify Unbilled Fuel Reve"/>
    <s v=""/>
    <x v="3"/>
    <s v="CAD038BF"/>
    <s v="S"/>
    <s v="KY"/>
    <s v="REV"/>
    <s v="974"/>
    <s v="S132940"/>
    <n v="5"/>
    <n v="2016"/>
  </r>
  <r>
    <s v="110"/>
    <d v="2016-05-31T00:00:00"/>
    <x v="9"/>
    <x v="0"/>
    <s v="10828"/>
    <s v="GLNANDA"/>
    <n v="0"/>
    <n v="0"/>
    <s v="MACSS ESTIMATED FUEL REVENUE"/>
    <s v="NVS"/>
    <s v="NONBU"/>
    <s v="G0000110"/>
    <s v="N"/>
    <s v="To identify Unbilled Fuel Reve"/>
    <s v=""/>
    <x v="3"/>
    <s v="CAD038BF"/>
    <s v="S"/>
    <s v="KY"/>
    <s v="REV"/>
    <s v="974"/>
    <s v="S132940"/>
    <n v="5"/>
    <n v="2016"/>
  </r>
  <r>
    <s v="110"/>
    <d v="2016-05-31T00:00:00"/>
    <x v="7"/>
    <x v="0"/>
    <s v="10828"/>
    <s v="GLNANDA"/>
    <n v="148575.38"/>
    <n v="0"/>
    <s v="MACSS ESTIMATED FUEL REVENUE"/>
    <s v="NVS"/>
    <s v="NONBU"/>
    <s v="G0000110"/>
    <s v="N"/>
    <s v="To identify Unbilled Fuel Reve"/>
    <s v=""/>
    <x v="3"/>
    <s v="CAD038BF"/>
    <s v="S"/>
    <s v="KY"/>
    <s v="REV"/>
    <s v="974"/>
    <s v="S132940"/>
    <n v="5"/>
    <n v="2016"/>
  </r>
  <r>
    <s v="110"/>
    <d v="2016-05-31T00:00:00"/>
    <x v="5"/>
    <x v="0"/>
    <s v="10828"/>
    <s v="GLNANDA"/>
    <n v="173742.01"/>
    <n v="0"/>
    <s v="MACSS ESTIMATED FUEL REVENUE"/>
    <s v="NVS"/>
    <s v="NONBU"/>
    <s v="G0000110"/>
    <s v="N"/>
    <s v="To identify Unbilled Fuel Reve"/>
    <s v=""/>
    <x v="3"/>
    <s v="CAD038BF"/>
    <s v="S"/>
    <s v="KY"/>
    <s v="REV"/>
    <s v="974"/>
    <s v="S132940"/>
    <n v="5"/>
    <n v="2016"/>
  </r>
  <r>
    <s v="110"/>
    <d v="2016-05-31T00:00:00"/>
    <x v="2"/>
    <x v="0"/>
    <s v="10828"/>
    <s v="GLNANDA"/>
    <n v="842391.45"/>
    <n v="0"/>
    <s v="MACSS ESTIMATED FUEL REVENUE"/>
    <s v="NVS"/>
    <s v="NONBU"/>
    <s v="G0000110"/>
    <s v="N"/>
    <s v="To identify Unbilled Fuel Reve"/>
    <s v=""/>
    <x v="3"/>
    <s v="CAD038BF"/>
    <s v="S"/>
    <s v="KY"/>
    <s v="REV"/>
    <s v="974"/>
    <s v="S132940"/>
    <n v="5"/>
    <n v="2016"/>
  </r>
  <r>
    <s v="110"/>
    <d v="2016-05-31T00:00:00"/>
    <x v="8"/>
    <x v="0"/>
    <s v="10828"/>
    <s v="GLNANDA"/>
    <n v="-1164708.8400000001"/>
    <n v="0"/>
    <s v="MACSS ESTIMATED FUEL REVENUE"/>
    <s v="NVS"/>
    <s v="NONBU"/>
    <s v="G0000110"/>
    <s v="N"/>
    <s v="To identify Unbilled Fuel Reve"/>
    <s v=""/>
    <x v="3"/>
    <s v="CAD038BF"/>
    <s v="S"/>
    <s v="KY"/>
    <s v="REV"/>
    <s v="974"/>
    <s v="S132940"/>
    <n v="5"/>
    <n v="2016"/>
  </r>
  <r>
    <s v="110"/>
    <d v="2016-05-31T00:00:00"/>
    <x v="1"/>
    <x v="0"/>
    <s v="10828"/>
    <s v="GLNANDA"/>
    <n v="478913.11"/>
    <n v="0"/>
    <s v="MACSS ESTIMATED FUEL REVENUE"/>
    <s v="NVS"/>
    <s v="NONBU"/>
    <s v="G0000110"/>
    <s v="N"/>
    <s v="To identify Unbilled Fuel Reve"/>
    <s v=""/>
    <x v="3"/>
    <s v="CAD038BF"/>
    <s v="S"/>
    <s v="KY"/>
    <s v="REV"/>
    <s v="974"/>
    <s v="S132940"/>
    <n v="5"/>
    <n v="2016"/>
  </r>
  <r>
    <s v="110"/>
    <d v="2016-05-31T00:00:00"/>
    <x v="11"/>
    <x v="0"/>
    <s v="10828"/>
    <s v="GLNANDA"/>
    <n v="-814416"/>
    <n v="0"/>
    <s v="MACSS ESTIMATED FUEL REVENUE"/>
    <s v="NVS"/>
    <s v="NONBU"/>
    <s v="G0000110"/>
    <s v="N"/>
    <s v="To identify Unbilled Fuel Reve"/>
    <s v=""/>
    <x v="3"/>
    <s v="CAD038BF"/>
    <s v="S"/>
    <s v="KY"/>
    <s v="REV"/>
    <s v="974"/>
    <s v="S132940"/>
    <n v="5"/>
    <n v="2016"/>
  </r>
  <r>
    <s v="110"/>
    <d v="2016-05-31T00:00:00"/>
    <x v="4"/>
    <x v="0"/>
    <s v="10828"/>
    <s v="GLNANDA"/>
    <n v="1012300.74"/>
    <n v="0"/>
    <s v="MACSS ESTIMATED FUEL REVENUE"/>
    <s v="NVS"/>
    <s v="NONBU"/>
    <s v="G0000110"/>
    <s v="N"/>
    <s v="To identify Unbilled Fuel Reve"/>
    <s v=""/>
    <x v="3"/>
    <s v="CAD038BF"/>
    <s v="S"/>
    <s v="KY"/>
    <s v="REV"/>
    <s v="974"/>
    <s v="S132940"/>
    <n v="5"/>
    <n v="2016"/>
  </r>
  <r>
    <s v="110"/>
    <d v="2016-05-31T00:00:00"/>
    <x v="15"/>
    <x v="0"/>
    <s v="10828"/>
    <s v="GLNANDA"/>
    <n v="0"/>
    <n v="0"/>
    <s v="MACSS ESTIMATED FUEL REVENUE"/>
    <s v="NVS"/>
    <s v="NONBU"/>
    <s v="G0000110"/>
    <s v="N"/>
    <s v="To identify Unbilled Fuel Reve"/>
    <s v=""/>
    <x v="3"/>
    <s v="CAD038BF"/>
    <s v="S"/>
    <s v="KY"/>
    <s v="REV"/>
    <s v="974"/>
    <s v="S132940"/>
    <n v="5"/>
    <n v="2016"/>
  </r>
  <r>
    <s v="110"/>
    <d v="2016-05-31T00:00:00"/>
    <x v="14"/>
    <x v="0"/>
    <s v="10828"/>
    <s v="GLNANDA"/>
    <n v="-1491213.85"/>
    <n v="0"/>
    <s v="MACSS ESTIMATED FUEL REVENUE"/>
    <s v="NVS"/>
    <s v="NONBU"/>
    <s v="G0000110"/>
    <s v="N"/>
    <s v="To identify Unbilled Fuel Reve"/>
    <s v=""/>
    <x v="3"/>
    <s v="CAD038BF"/>
    <s v="S"/>
    <s v="KY"/>
    <s v="REV"/>
    <s v="974"/>
    <s v="S132940"/>
    <n v="5"/>
    <n v="2016"/>
  </r>
  <r>
    <s v="110"/>
    <d v="2016-05-31T00:00:00"/>
    <x v="13"/>
    <x v="0"/>
    <s v="10828"/>
    <s v="GLNANDA"/>
    <n v="-1917.1"/>
    <n v="0"/>
    <s v="MACSS ESTIMATED FUEL REVENUE"/>
    <s v="NVS"/>
    <s v="NONBU"/>
    <s v="G0000110"/>
    <s v="N"/>
    <s v="To identify Unbilled Fuel Reve"/>
    <s v=""/>
    <x v="3"/>
    <s v="CAD038BF"/>
    <s v="S"/>
    <s v="KY"/>
    <s v="REV"/>
    <s v="974"/>
    <s v="S132940"/>
    <n v="5"/>
    <n v="2016"/>
  </r>
  <r>
    <s v="110"/>
    <d v="2016-05-01T00:00:00"/>
    <x v="6"/>
    <x v="0"/>
    <s v="10828"/>
    <s v="GLNANDA"/>
    <n v="-1631.99"/>
    <n v="0"/>
    <s v="MACSS ESTIMATED FUEL REVENUE"/>
    <s v="NVS"/>
    <s v="NONBU"/>
    <s v="G0000110"/>
    <s v="N"/>
    <s v="To identify Unbilled Fuel Reve"/>
    <s v=""/>
    <x v="3"/>
    <s v="CAD038BF"/>
    <s v="S"/>
    <s v="KY"/>
    <s v="REV"/>
    <s v="974"/>
    <s v="S173443"/>
    <n v="5"/>
    <n v="2016"/>
  </r>
  <r>
    <s v="110"/>
    <d v="2016-05-01T00:00:00"/>
    <x v="13"/>
    <x v="0"/>
    <s v="10828"/>
    <s v="GLNANDA"/>
    <n v="1631.99"/>
    <n v="0"/>
    <s v="MACSS ESTIMATED FUEL REVENUE"/>
    <s v="NVS"/>
    <s v="NONBU"/>
    <s v="G0000110"/>
    <s v="N"/>
    <s v="To identify Unbilled Fuel Reve"/>
    <s v=""/>
    <x v="3"/>
    <s v="CAD038BF"/>
    <s v="S"/>
    <s v="KY"/>
    <s v="REV"/>
    <s v="974"/>
    <s v="S173443"/>
    <n v="5"/>
    <n v="2016"/>
  </r>
  <r>
    <s v="110"/>
    <d v="2016-05-01T00:00:00"/>
    <x v="10"/>
    <x v="0"/>
    <s v="10828"/>
    <s v="GLNANDA"/>
    <n v="0"/>
    <n v="0"/>
    <s v="MACSS ESTIMATED FUEL REVENUE"/>
    <s v="NVS"/>
    <s v="NONBU"/>
    <s v="G0000110"/>
    <s v="N"/>
    <s v="To identify Unbilled Fuel Reve"/>
    <s v=""/>
    <x v="3"/>
    <s v="CAD038BF"/>
    <s v="S"/>
    <s v="KY"/>
    <s v="REV"/>
    <s v="974"/>
    <s v="S173443"/>
    <n v="5"/>
    <n v="2016"/>
  </r>
  <r>
    <s v="110"/>
    <d v="2016-05-01T00:00:00"/>
    <x v="9"/>
    <x v="0"/>
    <s v="10828"/>
    <s v="GLNANDA"/>
    <n v="0"/>
    <n v="0"/>
    <s v="MACSS ESTIMATED FUEL REVENUE"/>
    <s v="NVS"/>
    <s v="NONBU"/>
    <s v="G0000110"/>
    <s v="N"/>
    <s v="To identify Unbilled Fuel Reve"/>
    <s v=""/>
    <x v="3"/>
    <s v="CAD038BF"/>
    <s v="S"/>
    <s v="KY"/>
    <s v="REV"/>
    <s v="974"/>
    <s v="S173443"/>
    <n v="5"/>
    <n v="2016"/>
  </r>
  <r>
    <s v="110"/>
    <d v="2016-05-01T00:00:00"/>
    <x v="5"/>
    <x v="0"/>
    <s v="10828"/>
    <s v="GLNANDA"/>
    <n v="-126041.95"/>
    <n v="0"/>
    <s v="MACSS ESTIMATED FUEL REVENUE"/>
    <s v="NVS"/>
    <s v="NONBU"/>
    <s v="G0000110"/>
    <s v="N"/>
    <s v="To identify Unbilled Fuel Reve"/>
    <s v=""/>
    <x v="3"/>
    <s v="CAD038BF"/>
    <s v="S"/>
    <s v="KY"/>
    <s v="REV"/>
    <s v="974"/>
    <s v="S173443"/>
    <n v="5"/>
    <n v="2016"/>
  </r>
  <r>
    <s v="110"/>
    <d v="2016-05-01T00:00:00"/>
    <x v="8"/>
    <x v="0"/>
    <s v="10828"/>
    <s v="GLNANDA"/>
    <n v="838415.91"/>
    <n v="0"/>
    <s v="MACSS ESTIMATED FUEL REVENUE"/>
    <s v="NVS"/>
    <s v="NONBU"/>
    <s v="G0000110"/>
    <s v="N"/>
    <s v="To identify Unbilled Fuel Reve"/>
    <s v=""/>
    <x v="3"/>
    <s v="CAD038BF"/>
    <s v="S"/>
    <s v="KY"/>
    <s v="REV"/>
    <s v="974"/>
    <s v="S173443"/>
    <n v="5"/>
    <n v="2016"/>
  </r>
  <r>
    <s v="110"/>
    <d v="2016-05-01T00:00:00"/>
    <x v="11"/>
    <x v="0"/>
    <s v="10828"/>
    <s v="GLNANDA"/>
    <n v="619165.64"/>
    <n v="0"/>
    <s v="MACSS ESTIMATED FUEL REVENUE"/>
    <s v="NVS"/>
    <s v="NONBU"/>
    <s v="G0000110"/>
    <s v="N"/>
    <s v="To identify Unbilled Fuel Reve"/>
    <s v=""/>
    <x v="3"/>
    <s v="CAD038BF"/>
    <s v="S"/>
    <s v="KY"/>
    <s v="REV"/>
    <s v="974"/>
    <s v="S173443"/>
    <n v="5"/>
    <n v="2016"/>
  </r>
  <r>
    <s v="110"/>
    <d v="2016-05-01T00:00:00"/>
    <x v="15"/>
    <x v="0"/>
    <s v="10828"/>
    <s v="GLNANDA"/>
    <n v="0"/>
    <n v="0"/>
    <s v="MACSS ESTIMATED FUEL REVENUE"/>
    <s v="NVS"/>
    <s v="NONBU"/>
    <s v="G0000110"/>
    <s v="N"/>
    <s v="To identify Unbilled Fuel Reve"/>
    <s v=""/>
    <x v="3"/>
    <s v="CAD038BF"/>
    <s v="S"/>
    <s v="KY"/>
    <s v="REV"/>
    <s v="974"/>
    <s v="S173443"/>
    <n v="5"/>
    <n v="2016"/>
  </r>
  <r>
    <s v="110"/>
    <d v="2016-05-01T00:00:00"/>
    <x v="12"/>
    <x v="0"/>
    <s v="10828"/>
    <s v="GLNANDA"/>
    <n v="0"/>
    <n v="0"/>
    <s v="MACSS ESTIMATED FUEL REVENUE"/>
    <s v="NVS"/>
    <s v="NONBU"/>
    <s v="G0000110"/>
    <s v="N"/>
    <s v="To identify Unbilled Fuel Reve"/>
    <s v=""/>
    <x v="3"/>
    <s v="CAD038BF"/>
    <s v="S"/>
    <s v="KY"/>
    <s v="REV"/>
    <s v="974"/>
    <s v="S173443"/>
    <n v="5"/>
    <n v="2016"/>
  </r>
  <r>
    <s v="110"/>
    <d v="2016-05-01T00:00:00"/>
    <x v="7"/>
    <x v="0"/>
    <s v="10828"/>
    <s v="GLNANDA"/>
    <n v="-110463.82"/>
    <n v="0"/>
    <s v="MACSS ESTIMATED FUEL REVENUE"/>
    <s v="NVS"/>
    <s v="NONBU"/>
    <s v="G0000110"/>
    <s v="N"/>
    <s v="To identify Unbilled Fuel Reve"/>
    <s v=""/>
    <x v="3"/>
    <s v="CAD038BF"/>
    <s v="S"/>
    <s v="KY"/>
    <s v="REV"/>
    <s v="974"/>
    <s v="S173443"/>
    <n v="5"/>
    <n v="2016"/>
  </r>
  <r>
    <s v="110"/>
    <d v="2016-05-01T00:00:00"/>
    <x v="1"/>
    <x v="0"/>
    <s v="10828"/>
    <s v="GLNANDA"/>
    <n v="-384960.92"/>
    <n v="0"/>
    <s v="MACSS ESTIMATED FUEL REVENUE"/>
    <s v="NVS"/>
    <s v="NONBU"/>
    <s v="G0000110"/>
    <s v="N"/>
    <s v="To identify Unbilled Fuel Reve"/>
    <s v=""/>
    <x v="3"/>
    <s v="CAD038BF"/>
    <s v="S"/>
    <s v="KY"/>
    <s v="REV"/>
    <s v="974"/>
    <s v="S173443"/>
    <n v="5"/>
    <n v="2016"/>
  </r>
  <r>
    <s v="110"/>
    <d v="2016-05-01T00:00:00"/>
    <x v="14"/>
    <x v="0"/>
    <s v="10828"/>
    <s v="GLNANDA"/>
    <n v="1292924.48"/>
    <n v="0"/>
    <s v="MACSS ESTIMATED FUEL REVENUE"/>
    <s v="NVS"/>
    <s v="NONBU"/>
    <s v="G0000110"/>
    <s v="N"/>
    <s v="To identify Unbilled Fuel Reve"/>
    <s v=""/>
    <x v="3"/>
    <s v="CAD038BF"/>
    <s v="S"/>
    <s v="KY"/>
    <s v="REV"/>
    <s v="974"/>
    <s v="S173443"/>
    <n v="5"/>
    <n v="2016"/>
  </r>
  <r>
    <s v="110"/>
    <d v="2016-05-01T00:00:00"/>
    <x v="2"/>
    <x v="0"/>
    <s v="10828"/>
    <s v="GLNANDA"/>
    <n v="-601910.14"/>
    <n v="0"/>
    <s v="MACSS ESTIMATED FUEL REVENUE"/>
    <s v="NVS"/>
    <s v="NONBU"/>
    <s v="G0000110"/>
    <s v="N"/>
    <s v="To identify Unbilled Fuel Reve"/>
    <s v=""/>
    <x v="3"/>
    <s v="CAD038BF"/>
    <s v="S"/>
    <s v="KY"/>
    <s v="REV"/>
    <s v="974"/>
    <s v="S173443"/>
    <n v="5"/>
    <n v="2016"/>
  </r>
  <r>
    <s v="110"/>
    <d v="2016-05-01T00:00:00"/>
    <x v="0"/>
    <x v="0"/>
    <s v="10828"/>
    <s v="GLNANDA"/>
    <n v="-436140"/>
    <n v="0"/>
    <s v="MACSS ESTIMATED FUEL REVENUE"/>
    <s v="NVS"/>
    <s v="NONBU"/>
    <s v="G0000110"/>
    <s v="N"/>
    <s v="To identify Unbilled Fuel Reve"/>
    <s v=""/>
    <x v="3"/>
    <s v="CAD038BF"/>
    <s v="S"/>
    <s v="KY"/>
    <s v="REV"/>
    <s v="974"/>
    <s v="S173443"/>
    <n v="5"/>
    <n v="2016"/>
  </r>
  <r>
    <s v="110"/>
    <d v="2016-05-01T00:00:00"/>
    <x v="4"/>
    <x v="0"/>
    <s v="10828"/>
    <s v="GLNANDA"/>
    <n v="-907963.56"/>
    <n v="0"/>
    <s v="MACSS ESTIMATED FUEL REVENUE"/>
    <s v="NVS"/>
    <s v="NONBU"/>
    <s v="G0000110"/>
    <s v="N"/>
    <s v="To identify Unbilled Fuel Reve"/>
    <s v=""/>
    <x v="3"/>
    <s v="CAD038BF"/>
    <s v="S"/>
    <s v="KY"/>
    <s v="REV"/>
    <s v="974"/>
    <s v="S173443"/>
    <n v="5"/>
    <n v="2016"/>
  </r>
  <r>
    <s v="110"/>
    <d v="2016-05-01T00:00:00"/>
    <x v="3"/>
    <x v="0"/>
    <s v="10828"/>
    <s v="GLNANDA"/>
    <n v="-183025.64"/>
    <n v="0"/>
    <s v="MACSS ESTIMATED FUEL REVENUE"/>
    <s v="NVS"/>
    <s v="NONBU"/>
    <s v="G0000110"/>
    <s v="N"/>
    <s v="To identify Unbilled Fuel Reve"/>
    <s v=""/>
    <x v="3"/>
    <s v="CAD038BF"/>
    <s v="S"/>
    <s v="KY"/>
    <s v="REV"/>
    <s v="974"/>
    <s v="S173443"/>
    <n v="5"/>
    <n v="2016"/>
  </r>
  <r>
    <s v="110"/>
    <d v="2016-04-30T00:00:00"/>
    <x v="4"/>
    <x v="0"/>
    <s v="10828"/>
    <s v="GLNANDA"/>
    <n v="907963.56"/>
    <n v="0"/>
    <s v="MACSS ESTIMATED FUEL REVENUE"/>
    <s v="NVS"/>
    <s v="NONBU"/>
    <s v="G0000110"/>
    <s v="N"/>
    <s v="To identify Unbilled Fuel Reve"/>
    <s v=""/>
    <x v="3"/>
    <s v="CAD038BF"/>
    <s v="S"/>
    <s v="KY"/>
    <s v="REV"/>
    <s v="974"/>
    <s v="S132940"/>
    <n v="4"/>
    <n v="2016"/>
  </r>
  <r>
    <s v="110"/>
    <d v="2016-04-30T00:00:00"/>
    <x v="6"/>
    <x v="0"/>
    <s v="10828"/>
    <s v="GLNANDA"/>
    <n v="1631.99"/>
    <n v="0"/>
    <s v="MACSS ESTIMATED FUEL REVENUE"/>
    <s v="NVS"/>
    <s v="NONBU"/>
    <s v="G0000110"/>
    <s v="N"/>
    <s v="To identify Unbilled Fuel Reve"/>
    <s v=""/>
    <x v="3"/>
    <s v="CAD038BF"/>
    <s v="S"/>
    <s v="KY"/>
    <s v="REV"/>
    <s v="974"/>
    <s v="S132940"/>
    <n v="4"/>
    <n v="2016"/>
  </r>
  <r>
    <s v="110"/>
    <d v="2016-04-30T00:00:00"/>
    <x v="2"/>
    <x v="0"/>
    <s v="10828"/>
    <s v="GLNANDA"/>
    <n v="601910.14"/>
    <n v="0"/>
    <s v="MACSS ESTIMATED FUEL REVENUE"/>
    <s v="NVS"/>
    <s v="NONBU"/>
    <s v="G0000110"/>
    <s v="N"/>
    <s v="To identify Unbilled Fuel Reve"/>
    <s v=""/>
    <x v="3"/>
    <s v="CAD038BF"/>
    <s v="S"/>
    <s v="KY"/>
    <s v="REV"/>
    <s v="974"/>
    <s v="S132940"/>
    <n v="4"/>
    <n v="2016"/>
  </r>
  <r>
    <s v="110"/>
    <d v="2016-04-30T00:00:00"/>
    <x v="14"/>
    <x v="0"/>
    <s v="10828"/>
    <s v="GLNANDA"/>
    <n v="-1292924.48"/>
    <n v="0"/>
    <s v="MACSS ESTIMATED FUEL REVENUE"/>
    <s v="NVS"/>
    <s v="NONBU"/>
    <s v="G0000110"/>
    <s v="N"/>
    <s v="To identify Unbilled Fuel Reve"/>
    <s v=""/>
    <x v="3"/>
    <s v="CAD038BF"/>
    <s v="S"/>
    <s v="KY"/>
    <s v="REV"/>
    <s v="974"/>
    <s v="S132940"/>
    <n v="4"/>
    <n v="2016"/>
  </r>
  <r>
    <s v="110"/>
    <d v="2016-04-30T00:00:00"/>
    <x v="1"/>
    <x v="0"/>
    <s v="10828"/>
    <s v="GLNANDA"/>
    <n v="384960.92"/>
    <n v="0"/>
    <s v="MACSS ESTIMATED FUEL REVENUE"/>
    <s v="NVS"/>
    <s v="NONBU"/>
    <s v="G0000110"/>
    <s v="N"/>
    <s v="To identify Unbilled Fuel Reve"/>
    <s v=""/>
    <x v="3"/>
    <s v="CAD038BF"/>
    <s v="S"/>
    <s v="KY"/>
    <s v="REV"/>
    <s v="974"/>
    <s v="S132940"/>
    <n v="4"/>
    <n v="2016"/>
  </r>
  <r>
    <s v="110"/>
    <d v="2016-04-30T00:00:00"/>
    <x v="7"/>
    <x v="0"/>
    <s v="10828"/>
    <s v="GLNANDA"/>
    <n v="110463.82"/>
    <n v="0"/>
    <s v="MACSS ESTIMATED FUEL REVENUE"/>
    <s v="NVS"/>
    <s v="NONBU"/>
    <s v="G0000110"/>
    <s v="N"/>
    <s v="To identify Unbilled Fuel Reve"/>
    <s v=""/>
    <x v="3"/>
    <s v="CAD038BF"/>
    <s v="S"/>
    <s v="KY"/>
    <s v="REV"/>
    <s v="974"/>
    <s v="S132940"/>
    <n v="4"/>
    <n v="2016"/>
  </r>
  <r>
    <s v="110"/>
    <d v="2016-04-30T00:00:00"/>
    <x v="12"/>
    <x v="0"/>
    <s v="10828"/>
    <s v="GLNANDA"/>
    <n v="0"/>
    <n v="0"/>
    <s v="MACSS ESTIMATED FUEL REVENUE"/>
    <s v="NVS"/>
    <s v="NONBU"/>
    <s v="G0000110"/>
    <s v="N"/>
    <s v="To identify Unbilled Fuel Reve"/>
    <s v=""/>
    <x v="3"/>
    <s v="CAD038BF"/>
    <s v="S"/>
    <s v="KY"/>
    <s v="REV"/>
    <s v="974"/>
    <s v="S132940"/>
    <n v="4"/>
    <n v="2016"/>
  </r>
  <r>
    <s v="110"/>
    <d v="2016-04-30T00:00:00"/>
    <x v="3"/>
    <x v="0"/>
    <s v="10828"/>
    <s v="GLNANDA"/>
    <n v="183025.64"/>
    <n v="0"/>
    <s v="MACSS ESTIMATED FUEL REVENUE"/>
    <s v="NVS"/>
    <s v="NONBU"/>
    <s v="G0000110"/>
    <s v="N"/>
    <s v="To identify Unbilled Fuel Reve"/>
    <s v=""/>
    <x v="3"/>
    <s v="CAD038BF"/>
    <s v="S"/>
    <s v="KY"/>
    <s v="REV"/>
    <s v="974"/>
    <s v="S132940"/>
    <n v="4"/>
    <n v="2016"/>
  </r>
  <r>
    <s v="110"/>
    <d v="2016-04-30T00:00:00"/>
    <x v="15"/>
    <x v="0"/>
    <s v="10828"/>
    <s v="GLNANDA"/>
    <n v="0"/>
    <n v="0"/>
    <s v="MACSS ESTIMATED FUEL REVENUE"/>
    <s v="NVS"/>
    <s v="NONBU"/>
    <s v="G0000110"/>
    <s v="N"/>
    <s v="To identify Unbilled Fuel Reve"/>
    <s v=""/>
    <x v="3"/>
    <s v="CAD038BF"/>
    <s v="S"/>
    <s v="KY"/>
    <s v="REV"/>
    <s v="974"/>
    <s v="S132940"/>
    <n v="4"/>
    <n v="2016"/>
  </r>
  <r>
    <s v="110"/>
    <d v="2016-04-30T00:00:00"/>
    <x v="11"/>
    <x v="0"/>
    <s v="10828"/>
    <s v="GLNANDA"/>
    <n v="-619165.64"/>
    <n v="0"/>
    <s v="MACSS ESTIMATED FUEL REVENUE"/>
    <s v="NVS"/>
    <s v="NONBU"/>
    <s v="G0000110"/>
    <s v="N"/>
    <s v="To identify Unbilled Fuel Reve"/>
    <s v=""/>
    <x v="3"/>
    <s v="CAD038BF"/>
    <s v="S"/>
    <s v="KY"/>
    <s v="REV"/>
    <s v="974"/>
    <s v="S132940"/>
    <n v="4"/>
    <n v="2016"/>
  </r>
  <r>
    <s v="110"/>
    <d v="2016-04-30T00:00:00"/>
    <x v="8"/>
    <x v="0"/>
    <s v="10828"/>
    <s v="GLNANDA"/>
    <n v="-838415.91"/>
    <n v="0"/>
    <s v="MACSS ESTIMATED FUEL REVENUE"/>
    <s v="NVS"/>
    <s v="NONBU"/>
    <s v="G0000110"/>
    <s v="N"/>
    <s v="To identify Unbilled Fuel Reve"/>
    <s v=""/>
    <x v="3"/>
    <s v="CAD038BF"/>
    <s v="S"/>
    <s v="KY"/>
    <s v="REV"/>
    <s v="974"/>
    <s v="S132940"/>
    <n v="4"/>
    <n v="2016"/>
  </r>
  <r>
    <s v="110"/>
    <d v="2016-04-30T00:00:00"/>
    <x v="5"/>
    <x v="0"/>
    <s v="10828"/>
    <s v="GLNANDA"/>
    <n v="126041.95"/>
    <n v="0"/>
    <s v="MACSS ESTIMATED FUEL REVENUE"/>
    <s v="NVS"/>
    <s v="NONBU"/>
    <s v="G0000110"/>
    <s v="N"/>
    <s v="To identify Unbilled Fuel Reve"/>
    <s v=""/>
    <x v="3"/>
    <s v="CAD038BF"/>
    <s v="S"/>
    <s v="KY"/>
    <s v="REV"/>
    <s v="974"/>
    <s v="S132940"/>
    <n v="4"/>
    <n v="2016"/>
  </r>
  <r>
    <s v="110"/>
    <d v="2016-04-30T00:00:00"/>
    <x v="9"/>
    <x v="0"/>
    <s v="10828"/>
    <s v="GLNANDA"/>
    <n v="0"/>
    <n v="0"/>
    <s v="MACSS ESTIMATED FUEL REVENUE"/>
    <s v="NVS"/>
    <s v="NONBU"/>
    <s v="G0000110"/>
    <s v="N"/>
    <s v="To identify Unbilled Fuel Reve"/>
    <s v=""/>
    <x v="3"/>
    <s v="CAD038BF"/>
    <s v="S"/>
    <s v="KY"/>
    <s v="REV"/>
    <s v="974"/>
    <s v="S132940"/>
    <n v="4"/>
    <n v="2016"/>
  </r>
  <r>
    <s v="110"/>
    <d v="2016-04-30T00:00:00"/>
    <x v="10"/>
    <x v="0"/>
    <s v="10828"/>
    <s v="GLNANDA"/>
    <n v="0"/>
    <n v="0"/>
    <s v="MACSS ESTIMATED FUEL REVENUE"/>
    <s v="NVS"/>
    <s v="NONBU"/>
    <s v="G0000110"/>
    <s v="N"/>
    <s v="To identify Unbilled Fuel Reve"/>
    <s v=""/>
    <x v="3"/>
    <s v="CAD038BF"/>
    <s v="S"/>
    <s v="KY"/>
    <s v="REV"/>
    <s v="974"/>
    <s v="S132940"/>
    <n v="4"/>
    <n v="2016"/>
  </r>
  <r>
    <s v="110"/>
    <d v="2016-04-30T00:00:00"/>
    <x v="13"/>
    <x v="0"/>
    <s v="10828"/>
    <s v="GLNANDA"/>
    <n v="-1631.99"/>
    <n v="0"/>
    <s v="MACSS ESTIMATED FUEL REVENUE"/>
    <s v="NVS"/>
    <s v="NONBU"/>
    <s v="G0000110"/>
    <s v="N"/>
    <s v="To identify Unbilled Fuel Reve"/>
    <s v=""/>
    <x v="3"/>
    <s v="CAD038BF"/>
    <s v="S"/>
    <s v="KY"/>
    <s v="REV"/>
    <s v="974"/>
    <s v="S132940"/>
    <n v="4"/>
    <n v="2016"/>
  </r>
  <r>
    <s v="110"/>
    <d v="2016-04-30T00:00:00"/>
    <x v="0"/>
    <x v="0"/>
    <s v="10828"/>
    <s v="GLNANDA"/>
    <n v="436140"/>
    <n v="0"/>
    <s v="MACSS ESTIMATED FUEL REVENUE"/>
    <s v="NVS"/>
    <s v="NONBU"/>
    <s v="G0000110"/>
    <s v="N"/>
    <s v="To identify Unbilled Fuel Reve"/>
    <s v=""/>
    <x v="3"/>
    <s v="CAD038BF"/>
    <s v="S"/>
    <s v="KY"/>
    <s v="REV"/>
    <s v="974"/>
    <s v="S132940"/>
    <n v="4"/>
    <n v="2016"/>
  </r>
  <r>
    <s v="110"/>
    <d v="2016-04-01T00:00:00"/>
    <x v="4"/>
    <x v="0"/>
    <s v="10828"/>
    <s v="GLNANDA"/>
    <n v="-996258.09"/>
    <n v="0"/>
    <s v="MACSS ESTIMATED FUEL REVENUE"/>
    <s v="NVS"/>
    <s v="NONBU"/>
    <s v="G0000110"/>
    <s v="N"/>
    <s v="To identify Unbilled Fuel Reve"/>
    <s v=""/>
    <x v="3"/>
    <s v="CAD038BF"/>
    <s v="S"/>
    <s v="KY"/>
    <s v="REV"/>
    <s v="974"/>
    <s v="S173443"/>
    <n v="4"/>
    <n v="2016"/>
  </r>
  <r>
    <s v="110"/>
    <d v="2016-04-01T00:00:00"/>
    <x v="0"/>
    <x v="0"/>
    <s v="10828"/>
    <s v="GLNANDA"/>
    <n v="-299484.87"/>
    <n v="0"/>
    <s v="MACSS ESTIMATED FUEL REVENUE"/>
    <s v="NVS"/>
    <s v="NONBU"/>
    <s v="G0000110"/>
    <s v="N"/>
    <s v="To identify Unbilled Fuel Reve"/>
    <s v=""/>
    <x v="3"/>
    <s v="CAD038BF"/>
    <s v="S"/>
    <s v="KY"/>
    <s v="REV"/>
    <s v="974"/>
    <s v="S173443"/>
    <n v="4"/>
    <n v="2016"/>
  </r>
  <r>
    <s v="110"/>
    <d v="2016-04-01T00:00:00"/>
    <x v="2"/>
    <x v="0"/>
    <s v="10828"/>
    <s v="GLNANDA"/>
    <n v="-502310.42"/>
    <n v="0"/>
    <s v="MACSS ESTIMATED FUEL REVENUE"/>
    <s v="NVS"/>
    <s v="NONBU"/>
    <s v="G0000110"/>
    <s v="N"/>
    <s v="To identify Unbilled Fuel Reve"/>
    <s v=""/>
    <x v="3"/>
    <s v="CAD038BF"/>
    <s v="S"/>
    <s v="KY"/>
    <s v="REV"/>
    <s v="974"/>
    <s v="S173443"/>
    <n v="4"/>
    <n v="2016"/>
  </r>
  <r>
    <s v="110"/>
    <d v="2016-04-01T00:00:00"/>
    <x v="14"/>
    <x v="0"/>
    <s v="10828"/>
    <s v="GLNANDA"/>
    <n v="1363720.01"/>
    <n v="0"/>
    <s v="MACSS ESTIMATED FUEL REVENUE"/>
    <s v="NVS"/>
    <s v="NONBU"/>
    <s v="G0000110"/>
    <s v="N"/>
    <s v="To identify Unbilled Fuel Reve"/>
    <s v=""/>
    <x v="3"/>
    <s v="CAD038BF"/>
    <s v="S"/>
    <s v="KY"/>
    <s v="REV"/>
    <s v="974"/>
    <s v="S173443"/>
    <n v="4"/>
    <n v="2016"/>
  </r>
  <r>
    <s v="110"/>
    <d v="2016-04-01T00:00:00"/>
    <x v="1"/>
    <x v="0"/>
    <s v="10828"/>
    <s v="GLNANDA"/>
    <n v="-367461.92"/>
    <n v="0"/>
    <s v="MACSS ESTIMATED FUEL REVENUE"/>
    <s v="NVS"/>
    <s v="NONBU"/>
    <s v="G0000110"/>
    <s v="N"/>
    <s v="To identify Unbilled Fuel Reve"/>
    <s v=""/>
    <x v="3"/>
    <s v="CAD038BF"/>
    <s v="S"/>
    <s v="KY"/>
    <s v="REV"/>
    <s v="974"/>
    <s v="S173443"/>
    <n v="4"/>
    <n v="2016"/>
  </r>
  <r>
    <s v="110"/>
    <d v="2016-04-01T00:00:00"/>
    <x v="7"/>
    <x v="0"/>
    <s v="10828"/>
    <s v="GLNANDA"/>
    <n v="-91554.5"/>
    <n v="0"/>
    <s v="MACSS ESTIMATED FUEL REVENUE"/>
    <s v="NVS"/>
    <s v="NONBU"/>
    <s v="G0000110"/>
    <s v="N"/>
    <s v="To identify Unbilled Fuel Reve"/>
    <s v=""/>
    <x v="3"/>
    <s v="CAD038BF"/>
    <s v="S"/>
    <s v="KY"/>
    <s v="REV"/>
    <s v="974"/>
    <s v="S173443"/>
    <n v="4"/>
    <n v="2016"/>
  </r>
  <r>
    <s v="110"/>
    <d v="2016-04-01T00:00:00"/>
    <x v="12"/>
    <x v="0"/>
    <s v="10828"/>
    <s v="GLNANDA"/>
    <n v="0"/>
    <n v="0"/>
    <s v="MACSS ESTIMATED FUEL REVENUE"/>
    <s v="NVS"/>
    <s v="NONBU"/>
    <s v="G0000110"/>
    <s v="N"/>
    <s v="To identify Unbilled Fuel Reve"/>
    <s v=""/>
    <x v="3"/>
    <s v="CAD038BF"/>
    <s v="S"/>
    <s v="KY"/>
    <s v="REV"/>
    <s v="974"/>
    <s v="S173443"/>
    <n v="4"/>
    <n v="2016"/>
  </r>
  <r>
    <s v="110"/>
    <d v="2016-04-01T00:00:00"/>
    <x v="3"/>
    <x v="0"/>
    <s v="10828"/>
    <s v="GLNANDA"/>
    <n v="-159512.43"/>
    <n v="0"/>
    <s v="MACSS ESTIMATED FUEL REVENUE"/>
    <s v="NVS"/>
    <s v="NONBU"/>
    <s v="G0000110"/>
    <s v="N"/>
    <s v="To identify Unbilled Fuel Reve"/>
    <s v=""/>
    <x v="3"/>
    <s v="CAD038BF"/>
    <s v="S"/>
    <s v="KY"/>
    <s v="REV"/>
    <s v="974"/>
    <s v="S173443"/>
    <n v="4"/>
    <n v="2016"/>
  </r>
  <r>
    <s v="110"/>
    <d v="2016-04-01T00:00:00"/>
    <x v="15"/>
    <x v="0"/>
    <s v="10828"/>
    <s v="GLNANDA"/>
    <n v="0"/>
    <n v="0"/>
    <s v="MACSS ESTIMATED FUEL REVENUE"/>
    <s v="NVS"/>
    <s v="NONBU"/>
    <s v="G0000110"/>
    <s v="N"/>
    <s v="To identify Unbilled Fuel Reve"/>
    <s v=""/>
    <x v="3"/>
    <s v="CAD038BF"/>
    <s v="S"/>
    <s v="KY"/>
    <s v="REV"/>
    <s v="974"/>
    <s v="S173443"/>
    <n v="4"/>
    <n v="2016"/>
  </r>
  <r>
    <s v="110"/>
    <d v="2016-04-01T00:00:00"/>
    <x v="11"/>
    <x v="0"/>
    <s v="10828"/>
    <s v="GLNANDA"/>
    <n v="458997.3"/>
    <n v="0"/>
    <s v="MACSS ESTIMATED FUEL REVENUE"/>
    <s v="NVS"/>
    <s v="NONBU"/>
    <s v="G0000110"/>
    <s v="N"/>
    <s v="To identify Unbilled Fuel Reve"/>
    <s v=""/>
    <x v="3"/>
    <s v="CAD038BF"/>
    <s v="S"/>
    <s v="KY"/>
    <s v="REV"/>
    <s v="974"/>
    <s v="S173443"/>
    <n v="4"/>
    <n v="2016"/>
  </r>
  <r>
    <s v="110"/>
    <d v="2016-04-01T00:00:00"/>
    <x v="8"/>
    <x v="0"/>
    <s v="10828"/>
    <s v="GLNANDA"/>
    <n v="694071.2"/>
    <n v="0"/>
    <s v="MACSS ESTIMATED FUEL REVENUE"/>
    <s v="NVS"/>
    <s v="NONBU"/>
    <s v="G0000110"/>
    <s v="N"/>
    <s v="To identify Unbilled Fuel Reve"/>
    <s v=""/>
    <x v="3"/>
    <s v="CAD038BF"/>
    <s v="S"/>
    <s v="KY"/>
    <s v="REV"/>
    <s v="974"/>
    <s v="S173443"/>
    <n v="4"/>
    <n v="2016"/>
  </r>
  <r>
    <s v="110"/>
    <d v="2016-04-01T00:00:00"/>
    <x v="5"/>
    <x v="0"/>
    <s v="10828"/>
    <s v="GLNANDA"/>
    <n v="-100206.28"/>
    <n v="0"/>
    <s v="MACSS ESTIMATED FUEL REVENUE"/>
    <s v="NVS"/>
    <s v="NONBU"/>
    <s v="G0000110"/>
    <s v="N"/>
    <s v="To identify Unbilled Fuel Reve"/>
    <s v=""/>
    <x v="3"/>
    <s v="CAD038BF"/>
    <s v="S"/>
    <s v="KY"/>
    <s v="REV"/>
    <s v="974"/>
    <s v="S173443"/>
    <n v="4"/>
    <n v="2016"/>
  </r>
  <r>
    <s v="110"/>
    <d v="2016-04-01T00:00:00"/>
    <x v="9"/>
    <x v="0"/>
    <s v="10828"/>
    <s v="GLNANDA"/>
    <n v="0"/>
    <n v="0"/>
    <s v="MACSS ESTIMATED FUEL REVENUE"/>
    <s v="NVS"/>
    <s v="NONBU"/>
    <s v="G0000110"/>
    <s v="N"/>
    <s v="To identify Unbilled Fuel Reve"/>
    <s v=""/>
    <x v="3"/>
    <s v="CAD038BF"/>
    <s v="S"/>
    <s v="KY"/>
    <s v="REV"/>
    <s v="974"/>
    <s v="S173443"/>
    <n v="4"/>
    <n v="2016"/>
  </r>
  <r>
    <s v="110"/>
    <d v="2016-04-01T00:00:00"/>
    <x v="10"/>
    <x v="0"/>
    <s v="10828"/>
    <s v="GLNANDA"/>
    <n v="0"/>
    <n v="0"/>
    <s v="MACSS ESTIMATED FUEL REVENUE"/>
    <s v="NVS"/>
    <s v="NONBU"/>
    <s v="G0000110"/>
    <s v="N"/>
    <s v="To identify Unbilled Fuel Reve"/>
    <s v=""/>
    <x v="3"/>
    <s v="CAD038BF"/>
    <s v="S"/>
    <s v="KY"/>
    <s v="REV"/>
    <s v="974"/>
    <s v="S173443"/>
    <n v="4"/>
    <n v="2016"/>
  </r>
  <r>
    <s v="110"/>
    <d v="2016-04-01T00:00:00"/>
    <x v="13"/>
    <x v="0"/>
    <s v="10828"/>
    <s v="GLNANDA"/>
    <n v="1193.52"/>
    <n v="0"/>
    <s v="MACSS ESTIMATED FUEL REVENUE"/>
    <s v="NVS"/>
    <s v="NONBU"/>
    <s v="G0000110"/>
    <s v="N"/>
    <s v="To identify Unbilled Fuel Reve"/>
    <s v=""/>
    <x v="3"/>
    <s v="CAD038BF"/>
    <s v="S"/>
    <s v="KY"/>
    <s v="REV"/>
    <s v="974"/>
    <s v="S173443"/>
    <n v="4"/>
    <n v="2016"/>
  </r>
  <r>
    <s v="110"/>
    <d v="2016-04-01T00:00:00"/>
    <x v="6"/>
    <x v="0"/>
    <s v="10828"/>
    <s v="GLNANDA"/>
    <n v="-1193.52"/>
    <n v="0"/>
    <s v="MACSS ESTIMATED FUEL REVENUE"/>
    <s v="NVS"/>
    <s v="NONBU"/>
    <s v="G0000110"/>
    <s v="N"/>
    <s v="To identify Unbilled Fuel Reve"/>
    <s v=""/>
    <x v="3"/>
    <s v="CAD038BF"/>
    <s v="S"/>
    <s v="KY"/>
    <s v="REV"/>
    <s v="974"/>
    <s v="S173443"/>
    <n v="4"/>
    <n v="2016"/>
  </r>
  <r>
    <s v="110"/>
    <d v="2016-03-31T00:00:00"/>
    <x v="2"/>
    <x v="0"/>
    <s v="10828"/>
    <s v="GLNANDA"/>
    <n v="502310.42"/>
    <n v="0"/>
    <s v="MACSS ESTIMATED FUEL REVENUE"/>
    <s v="NVS"/>
    <s v="NONBU"/>
    <s v="G0000110"/>
    <s v="N"/>
    <s v="To identify Unbilled Fuel Reve"/>
    <s v=""/>
    <x v="3"/>
    <s v="CAD038BF"/>
    <s v="S"/>
    <s v="KY"/>
    <s v="REV"/>
    <s v="974"/>
    <s v="S132940"/>
    <n v="3"/>
    <n v="2016"/>
  </r>
  <r>
    <s v="110"/>
    <d v="2016-03-31T00:00:00"/>
    <x v="12"/>
    <x v="0"/>
    <s v="10828"/>
    <s v="GLNANDA"/>
    <n v="0"/>
    <n v="0"/>
    <s v="MACSS ESTIMATED FUEL REVENUE"/>
    <s v="NVS"/>
    <s v="NONBU"/>
    <s v="G0000110"/>
    <s v="N"/>
    <s v="To identify Unbilled Fuel Reve"/>
    <s v=""/>
    <x v="3"/>
    <s v="CAD038BF"/>
    <s v="S"/>
    <s v="KY"/>
    <s v="REV"/>
    <s v="974"/>
    <s v="S132940"/>
    <n v="3"/>
    <n v="2016"/>
  </r>
  <r>
    <s v="110"/>
    <d v="2016-03-31T00:00:00"/>
    <x v="7"/>
    <x v="0"/>
    <s v="10828"/>
    <s v="GLNANDA"/>
    <n v="91554.5"/>
    <n v="0"/>
    <s v="MACSS ESTIMATED FUEL REVENUE"/>
    <s v="NVS"/>
    <s v="NONBU"/>
    <s v="G0000110"/>
    <s v="N"/>
    <s v="To identify Unbilled Fuel Reve"/>
    <s v=""/>
    <x v="3"/>
    <s v="CAD038BF"/>
    <s v="S"/>
    <s v="KY"/>
    <s v="REV"/>
    <s v="974"/>
    <s v="S132940"/>
    <n v="3"/>
    <n v="2016"/>
  </r>
  <r>
    <s v="110"/>
    <d v="2016-03-31T00:00:00"/>
    <x v="9"/>
    <x v="0"/>
    <s v="10828"/>
    <s v="GLNANDA"/>
    <n v="0"/>
    <n v="0"/>
    <s v="MACSS ESTIMATED FUEL REVENUE"/>
    <s v="NVS"/>
    <s v="NONBU"/>
    <s v="G0000110"/>
    <s v="N"/>
    <s v="To identify Unbilled Fuel Reve"/>
    <s v=""/>
    <x v="3"/>
    <s v="CAD038BF"/>
    <s v="S"/>
    <s v="KY"/>
    <s v="REV"/>
    <s v="974"/>
    <s v="S132940"/>
    <n v="3"/>
    <n v="2016"/>
  </r>
  <r>
    <s v="110"/>
    <d v="2016-03-31T00:00:00"/>
    <x v="13"/>
    <x v="0"/>
    <s v="10828"/>
    <s v="GLNANDA"/>
    <n v="-1193.52"/>
    <n v="0"/>
    <s v="MACSS ESTIMATED FUEL REVENUE"/>
    <s v="NVS"/>
    <s v="NONBU"/>
    <s v="G0000110"/>
    <s v="N"/>
    <s v="To identify Unbilled Fuel Reve"/>
    <s v=""/>
    <x v="3"/>
    <s v="CAD038BF"/>
    <s v="S"/>
    <s v="KY"/>
    <s v="REV"/>
    <s v="974"/>
    <s v="S132940"/>
    <n v="3"/>
    <n v="2016"/>
  </r>
  <r>
    <s v="110"/>
    <d v="2016-03-31T00:00:00"/>
    <x v="8"/>
    <x v="0"/>
    <s v="10828"/>
    <s v="GLNANDA"/>
    <n v="-694071.2"/>
    <n v="0"/>
    <s v="MACSS ESTIMATED FUEL REVENUE"/>
    <s v="NVS"/>
    <s v="NONBU"/>
    <s v="G0000110"/>
    <s v="N"/>
    <s v="To identify Unbilled Fuel Reve"/>
    <s v=""/>
    <x v="3"/>
    <s v="CAD038BF"/>
    <s v="S"/>
    <s v="KY"/>
    <s v="REV"/>
    <s v="974"/>
    <s v="S132940"/>
    <n v="3"/>
    <n v="2016"/>
  </r>
  <r>
    <s v="110"/>
    <d v="2016-03-31T00:00:00"/>
    <x v="5"/>
    <x v="0"/>
    <s v="10828"/>
    <s v="GLNANDA"/>
    <n v="100206.28"/>
    <n v="0"/>
    <s v="MACSS ESTIMATED FUEL REVENUE"/>
    <s v="NVS"/>
    <s v="NONBU"/>
    <s v="G0000110"/>
    <s v="N"/>
    <s v="To identify Unbilled Fuel Reve"/>
    <s v=""/>
    <x v="3"/>
    <s v="CAD038BF"/>
    <s v="S"/>
    <s v="KY"/>
    <s v="REV"/>
    <s v="974"/>
    <s v="S132940"/>
    <n v="3"/>
    <n v="2016"/>
  </r>
  <r>
    <s v="110"/>
    <d v="2016-03-31T00:00:00"/>
    <x v="11"/>
    <x v="0"/>
    <s v="10828"/>
    <s v="GLNANDA"/>
    <n v="-458997.3"/>
    <n v="0"/>
    <s v="MACSS ESTIMATED FUEL REVENUE"/>
    <s v="NVS"/>
    <s v="NONBU"/>
    <s v="G0000110"/>
    <s v="N"/>
    <s v="To identify Unbilled Fuel Reve"/>
    <s v=""/>
    <x v="3"/>
    <s v="CAD038BF"/>
    <s v="S"/>
    <s v="KY"/>
    <s v="REV"/>
    <s v="974"/>
    <s v="S132940"/>
    <n v="3"/>
    <n v="2016"/>
  </r>
  <r>
    <s v="110"/>
    <d v="2016-03-31T00:00:00"/>
    <x v="14"/>
    <x v="0"/>
    <s v="10828"/>
    <s v="GLNANDA"/>
    <n v="-1363720.01"/>
    <n v="0"/>
    <s v="MACSS ESTIMATED FUEL REVENUE"/>
    <s v="NVS"/>
    <s v="NONBU"/>
    <s v="G0000110"/>
    <s v="N"/>
    <s v="To identify Unbilled Fuel Reve"/>
    <s v=""/>
    <x v="3"/>
    <s v="CAD038BF"/>
    <s v="S"/>
    <s v="KY"/>
    <s v="REV"/>
    <s v="974"/>
    <s v="S132940"/>
    <n v="3"/>
    <n v="2016"/>
  </r>
  <r>
    <s v="110"/>
    <d v="2016-03-31T00:00:00"/>
    <x v="6"/>
    <x v="0"/>
    <s v="10828"/>
    <s v="GLNANDA"/>
    <n v="1193.52"/>
    <n v="0"/>
    <s v="MACSS ESTIMATED FUEL REVENUE"/>
    <s v="NVS"/>
    <s v="NONBU"/>
    <s v="G0000110"/>
    <s v="N"/>
    <s v="To identify Unbilled Fuel Reve"/>
    <s v=""/>
    <x v="3"/>
    <s v="CAD038BF"/>
    <s v="S"/>
    <s v="KY"/>
    <s v="REV"/>
    <s v="974"/>
    <s v="S132940"/>
    <n v="3"/>
    <n v="2016"/>
  </r>
  <r>
    <s v="110"/>
    <d v="2016-03-31T00:00:00"/>
    <x v="4"/>
    <x v="0"/>
    <s v="10828"/>
    <s v="GLNANDA"/>
    <n v="996258.09"/>
    <n v="0"/>
    <s v="MACSS ESTIMATED FUEL REVENUE"/>
    <s v="NVS"/>
    <s v="NONBU"/>
    <s v="G0000110"/>
    <s v="N"/>
    <s v="To identify Unbilled Fuel Reve"/>
    <s v=""/>
    <x v="3"/>
    <s v="CAD038BF"/>
    <s v="S"/>
    <s v="KY"/>
    <s v="REV"/>
    <s v="974"/>
    <s v="S132940"/>
    <n v="3"/>
    <n v="2016"/>
  </r>
  <r>
    <s v="110"/>
    <d v="2016-03-31T00:00:00"/>
    <x v="15"/>
    <x v="0"/>
    <s v="10828"/>
    <s v="GLNANDA"/>
    <n v="0"/>
    <n v="0"/>
    <s v="MACSS ESTIMATED FUEL REVENUE"/>
    <s v="NVS"/>
    <s v="NONBU"/>
    <s v="G0000110"/>
    <s v="N"/>
    <s v="To identify Unbilled Fuel Reve"/>
    <s v=""/>
    <x v="3"/>
    <s v="CAD038BF"/>
    <s v="S"/>
    <s v="KY"/>
    <s v="REV"/>
    <s v="974"/>
    <s v="S132940"/>
    <n v="3"/>
    <n v="2016"/>
  </r>
  <r>
    <s v="110"/>
    <d v="2016-03-31T00:00:00"/>
    <x v="1"/>
    <x v="0"/>
    <s v="10828"/>
    <s v="GLNANDA"/>
    <n v="367461.92"/>
    <n v="0"/>
    <s v="MACSS ESTIMATED FUEL REVENUE"/>
    <s v="NVS"/>
    <s v="NONBU"/>
    <s v="G0000110"/>
    <s v="N"/>
    <s v="To identify Unbilled Fuel Reve"/>
    <s v=""/>
    <x v="3"/>
    <s v="CAD038BF"/>
    <s v="S"/>
    <s v="KY"/>
    <s v="REV"/>
    <s v="974"/>
    <s v="S132940"/>
    <n v="3"/>
    <n v="2016"/>
  </r>
  <r>
    <s v="110"/>
    <d v="2016-03-31T00:00:00"/>
    <x v="3"/>
    <x v="0"/>
    <s v="10828"/>
    <s v="GLNANDA"/>
    <n v="159512.43"/>
    <n v="0"/>
    <s v="MACSS ESTIMATED FUEL REVENUE"/>
    <s v="NVS"/>
    <s v="NONBU"/>
    <s v="G0000110"/>
    <s v="N"/>
    <s v="To identify Unbilled Fuel Reve"/>
    <s v=""/>
    <x v="3"/>
    <s v="CAD038BF"/>
    <s v="S"/>
    <s v="KY"/>
    <s v="REV"/>
    <s v="974"/>
    <s v="S132940"/>
    <n v="3"/>
    <n v="2016"/>
  </r>
  <r>
    <s v="110"/>
    <d v="2016-03-31T00:00:00"/>
    <x v="0"/>
    <x v="0"/>
    <s v="10828"/>
    <s v="GLNANDA"/>
    <n v="299484.87"/>
    <n v="0"/>
    <s v="MACSS ESTIMATED FUEL REVENUE"/>
    <s v="NVS"/>
    <s v="NONBU"/>
    <s v="G0000110"/>
    <s v="N"/>
    <s v="To identify Unbilled Fuel Reve"/>
    <s v=""/>
    <x v="3"/>
    <s v="CAD038BF"/>
    <s v="S"/>
    <s v="KY"/>
    <s v="REV"/>
    <s v="974"/>
    <s v="S132940"/>
    <n v="3"/>
    <n v="2016"/>
  </r>
  <r>
    <s v="110"/>
    <d v="2016-03-31T00:00:00"/>
    <x v="10"/>
    <x v="0"/>
    <s v="10828"/>
    <s v="GLNANDA"/>
    <n v="0"/>
    <n v="0"/>
    <s v="MACSS ESTIMATED FUEL REVENUE"/>
    <s v="NVS"/>
    <s v="NONBU"/>
    <s v="G0000110"/>
    <s v="N"/>
    <s v="To identify Unbilled Fuel Reve"/>
    <s v=""/>
    <x v="3"/>
    <s v="CAD038BF"/>
    <s v="S"/>
    <s v="KY"/>
    <s v="REV"/>
    <s v="974"/>
    <s v="S132940"/>
    <n v="3"/>
    <n v="2016"/>
  </r>
  <r>
    <s v="110"/>
    <d v="2016-03-01T00:00:00"/>
    <x v="13"/>
    <x v="0"/>
    <s v="10828"/>
    <s v="GLNANDA"/>
    <n v="1844.02"/>
    <n v="0"/>
    <s v="MACSS ESTIMATED FUEL REVENUE"/>
    <s v="NVS"/>
    <s v="NONBU"/>
    <s v="G0000110"/>
    <s v="N"/>
    <s v="To identify Unbilled Fuel Reve"/>
    <s v=""/>
    <x v="3"/>
    <s v="CAD038BF"/>
    <s v="S"/>
    <s v="KY"/>
    <s v="REV"/>
    <s v="974"/>
    <s v="S173443"/>
    <n v="3"/>
    <n v="2016"/>
  </r>
  <r>
    <s v="110"/>
    <d v="2016-03-01T00:00:00"/>
    <x v="10"/>
    <x v="0"/>
    <s v="10828"/>
    <s v="GLNANDA"/>
    <n v="0"/>
    <n v="0"/>
    <s v="MACSS ESTIMATED FUEL REVENUE"/>
    <s v="NVS"/>
    <s v="NONBU"/>
    <s v="G0000110"/>
    <s v="N"/>
    <s v="To identify Unbilled Fuel Reve"/>
    <s v=""/>
    <x v="3"/>
    <s v="CAD038BF"/>
    <s v="S"/>
    <s v="KY"/>
    <s v="REV"/>
    <s v="974"/>
    <s v="S173443"/>
    <n v="3"/>
    <n v="2016"/>
  </r>
  <r>
    <s v="110"/>
    <d v="2016-03-01T00:00:00"/>
    <x v="9"/>
    <x v="0"/>
    <s v="10828"/>
    <s v="GLNANDA"/>
    <n v="0"/>
    <n v="0"/>
    <s v="MACSS ESTIMATED FUEL REVENUE"/>
    <s v="NVS"/>
    <s v="NONBU"/>
    <s v="G0000110"/>
    <s v="N"/>
    <s v="To identify Unbilled Fuel Reve"/>
    <s v=""/>
    <x v="3"/>
    <s v="CAD038BF"/>
    <s v="S"/>
    <s v="KY"/>
    <s v="REV"/>
    <s v="974"/>
    <s v="S173443"/>
    <n v="3"/>
    <n v="2016"/>
  </r>
  <r>
    <s v="110"/>
    <d v="2016-03-01T00:00:00"/>
    <x v="8"/>
    <x v="0"/>
    <s v="10828"/>
    <s v="GLNANDA"/>
    <n v="1098583.52"/>
    <n v="0"/>
    <s v="MACSS ESTIMATED FUEL REVENUE"/>
    <s v="NVS"/>
    <s v="NONBU"/>
    <s v="G0000110"/>
    <s v="N"/>
    <s v="To identify Unbilled Fuel Reve"/>
    <s v=""/>
    <x v="3"/>
    <s v="CAD038BF"/>
    <s v="S"/>
    <s v="KY"/>
    <s v="REV"/>
    <s v="974"/>
    <s v="S173443"/>
    <n v="3"/>
    <n v="2016"/>
  </r>
  <r>
    <s v="110"/>
    <d v="2016-03-01T00:00:00"/>
    <x v="11"/>
    <x v="0"/>
    <s v="10828"/>
    <s v="GLNANDA"/>
    <n v="605046.14"/>
    <n v="0"/>
    <s v="MACSS ESTIMATED FUEL REVENUE"/>
    <s v="NVS"/>
    <s v="NONBU"/>
    <s v="G0000110"/>
    <s v="N"/>
    <s v="To identify Unbilled Fuel Reve"/>
    <s v=""/>
    <x v="3"/>
    <s v="CAD038BF"/>
    <s v="S"/>
    <s v="KY"/>
    <s v="REV"/>
    <s v="974"/>
    <s v="S173443"/>
    <n v="3"/>
    <n v="2016"/>
  </r>
  <r>
    <s v="110"/>
    <d v="2016-03-01T00:00:00"/>
    <x v="6"/>
    <x v="0"/>
    <s v="10828"/>
    <s v="GLNANDA"/>
    <n v="-1844.02"/>
    <n v="0"/>
    <s v="MACSS ESTIMATED FUEL REVENUE"/>
    <s v="NVS"/>
    <s v="NONBU"/>
    <s v="G0000110"/>
    <s v="N"/>
    <s v="To identify Unbilled Fuel Reve"/>
    <s v=""/>
    <x v="3"/>
    <s v="CAD038BF"/>
    <s v="S"/>
    <s v="KY"/>
    <s v="REV"/>
    <s v="974"/>
    <s v="S173443"/>
    <n v="3"/>
    <n v="2016"/>
  </r>
  <r>
    <s v="110"/>
    <d v="2016-03-01T00:00:00"/>
    <x v="15"/>
    <x v="0"/>
    <s v="10828"/>
    <s v="GLNANDA"/>
    <n v="0"/>
    <n v="0"/>
    <s v="MACSS ESTIMATED FUEL REVENUE"/>
    <s v="NVS"/>
    <s v="NONBU"/>
    <s v="G0000110"/>
    <s v="N"/>
    <s v="To identify Unbilled Fuel Reve"/>
    <s v=""/>
    <x v="3"/>
    <s v="CAD038BF"/>
    <s v="S"/>
    <s v="KY"/>
    <s v="REV"/>
    <s v="974"/>
    <s v="S173443"/>
    <n v="3"/>
    <n v="2016"/>
  </r>
  <r>
    <s v="110"/>
    <d v="2016-03-01T00:00:00"/>
    <x v="3"/>
    <x v="0"/>
    <s v="10828"/>
    <s v="GLNANDA"/>
    <n v="-231545.63"/>
    <n v="0"/>
    <s v="MACSS ESTIMATED FUEL REVENUE"/>
    <s v="NVS"/>
    <s v="NONBU"/>
    <s v="G0000110"/>
    <s v="N"/>
    <s v="To identify Unbilled Fuel Reve"/>
    <s v=""/>
    <x v="3"/>
    <s v="CAD038BF"/>
    <s v="S"/>
    <s v="KY"/>
    <s v="REV"/>
    <s v="974"/>
    <s v="S173443"/>
    <n v="3"/>
    <n v="2016"/>
  </r>
  <r>
    <s v="110"/>
    <d v="2016-03-01T00:00:00"/>
    <x v="12"/>
    <x v="0"/>
    <s v="10828"/>
    <s v="GLNANDA"/>
    <n v="0"/>
    <n v="0"/>
    <s v="MACSS ESTIMATED FUEL REVENUE"/>
    <s v="NVS"/>
    <s v="NONBU"/>
    <s v="G0000110"/>
    <s v="N"/>
    <s v="To identify Unbilled Fuel Reve"/>
    <s v=""/>
    <x v="3"/>
    <s v="CAD038BF"/>
    <s v="S"/>
    <s v="KY"/>
    <s v="REV"/>
    <s v="974"/>
    <s v="S173443"/>
    <n v="3"/>
    <n v="2016"/>
  </r>
  <r>
    <s v="110"/>
    <d v="2016-03-01T00:00:00"/>
    <x v="7"/>
    <x v="0"/>
    <s v="10828"/>
    <s v="GLNANDA"/>
    <n v="-151330.46"/>
    <n v="0"/>
    <s v="MACSS ESTIMATED FUEL REVENUE"/>
    <s v="NVS"/>
    <s v="NONBU"/>
    <s v="G0000110"/>
    <s v="N"/>
    <s v="To identify Unbilled Fuel Reve"/>
    <s v=""/>
    <x v="3"/>
    <s v="CAD038BF"/>
    <s v="S"/>
    <s v="KY"/>
    <s v="REV"/>
    <s v="974"/>
    <s v="S173443"/>
    <n v="3"/>
    <n v="2016"/>
  </r>
  <r>
    <s v="110"/>
    <d v="2016-03-01T00:00:00"/>
    <x v="5"/>
    <x v="0"/>
    <s v="10828"/>
    <s v="GLNANDA"/>
    <n v="-152117.29"/>
    <n v="0"/>
    <s v="MACSS ESTIMATED FUEL REVENUE"/>
    <s v="NVS"/>
    <s v="NONBU"/>
    <s v="G0000110"/>
    <s v="N"/>
    <s v="To identify Unbilled Fuel Reve"/>
    <s v=""/>
    <x v="3"/>
    <s v="CAD038BF"/>
    <s v="S"/>
    <s v="KY"/>
    <s v="REV"/>
    <s v="974"/>
    <s v="S173443"/>
    <n v="3"/>
    <n v="2016"/>
  </r>
  <r>
    <s v="110"/>
    <d v="2016-03-01T00:00:00"/>
    <x v="4"/>
    <x v="0"/>
    <s v="10828"/>
    <s v="GLNANDA"/>
    <n v="-1839928.62"/>
    <n v="0"/>
    <s v="MACSS ESTIMATED FUEL REVENUE"/>
    <s v="NVS"/>
    <s v="NONBU"/>
    <s v="G0000110"/>
    <s v="N"/>
    <s v="To identify Unbilled Fuel Reve"/>
    <s v=""/>
    <x v="3"/>
    <s v="CAD038BF"/>
    <s v="S"/>
    <s v="KY"/>
    <s v="REV"/>
    <s v="974"/>
    <s v="S173443"/>
    <n v="3"/>
    <n v="2016"/>
  </r>
  <r>
    <s v="110"/>
    <d v="2016-03-01T00:00:00"/>
    <x v="1"/>
    <x v="0"/>
    <s v="10828"/>
    <s v="GLNANDA"/>
    <n v="-640546.92000000004"/>
    <n v="0"/>
    <s v="MACSS ESTIMATED FUEL REVENUE"/>
    <s v="NVS"/>
    <s v="NONBU"/>
    <s v="G0000110"/>
    <s v="N"/>
    <s v="To identify Unbilled Fuel Reve"/>
    <s v=""/>
    <x v="3"/>
    <s v="CAD038BF"/>
    <s v="S"/>
    <s v="KY"/>
    <s v="REV"/>
    <s v="974"/>
    <s v="S173443"/>
    <n v="3"/>
    <n v="2016"/>
  </r>
  <r>
    <s v="110"/>
    <d v="2016-03-01T00:00:00"/>
    <x v="2"/>
    <x v="0"/>
    <s v="10828"/>
    <s v="GLNANDA"/>
    <n v="-795135.77"/>
    <n v="0"/>
    <s v="MACSS ESTIMATED FUEL REVENUE"/>
    <s v="NVS"/>
    <s v="NONBU"/>
    <s v="G0000110"/>
    <s v="N"/>
    <s v="To identify Unbilled Fuel Reve"/>
    <s v=""/>
    <x v="3"/>
    <s v="CAD038BF"/>
    <s v="S"/>
    <s v="KY"/>
    <s v="REV"/>
    <s v="974"/>
    <s v="S173443"/>
    <n v="3"/>
    <n v="2016"/>
  </r>
  <r>
    <s v="110"/>
    <d v="2016-03-01T00:00:00"/>
    <x v="14"/>
    <x v="0"/>
    <s v="10828"/>
    <s v="GLNANDA"/>
    <n v="2480475.54"/>
    <n v="0"/>
    <s v="MACSS ESTIMATED FUEL REVENUE"/>
    <s v="NVS"/>
    <s v="NONBU"/>
    <s v="G0000110"/>
    <s v="N"/>
    <s v="To identify Unbilled Fuel Reve"/>
    <s v=""/>
    <x v="3"/>
    <s v="CAD038BF"/>
    <s v="S"/>
    <s v="KY"/>
    <s v="REV"/>
    <s v="974"/>
    <s v="S173443"/>
    <n v="3"/>
    <n v="2016"/>
  </r>
  <r>
    <s v="110"/>
    <d v="2016-03-01T00:00:00"/>
    <x v="0"/>
    <x v="0"/>
    <s v="10828"/>
    <s v="GLNANDA"/>
    <n v="-373500.51"/>
    <n v="0"/>
    <s v="MACSS ESTIMATED FUEL REVENUE"/>
    <s v="NVS"/>
    <s v="NONBU"/>
    <s v="G0000110"/>
    <s v="N"/>
    <s v="To identify Unbilled Fuel Reve"/>
    <s v=""/>
    <x v="3"/>
    <s v="CAD038BF"/>
    <s v="S"/>
    <s v="KY"/>
    <s v="REV"/>
    <s v="974"/>
    <s v="S173443"/>
    <n v="3"/>
    <n v="2016"/>
  </r>
  <r>
    <s v="110"/>
    <d v="2016-05-31T00:00:00"/>
    <x v="7"/>
    <x v="0"/>
    <s v="10828"/>
    <s v="GLNANDA"/>
    <n v="0"/>
    <n v="2"/>
    <s v="MACSS ESTIMATED BILLED REVENUE"/>
    <s v="GMM"/>
    <s v="NONBU"/>
    <s v="G0000110"/>
    <s v="N"/>
    <s v="MACSS ESTIMATED BILLED REVENUE"/>
    <s v="GLMCM001"/>
    <x v="4"/>
    <s v="CAD3700204"/>
    <s v="S"/>
    <s v="KY"/>
    <s v="REV"/>
    <s v="974"/>
    <s v="GLBATCH"/>
    <n v="5"/>
    <n v="2016"/>
  </r>
  <r>
    <s v="110"/>
    <d v="2016-05-31T00:00:00"/>
    <x v="0"/>
    <x v="0"/>
    <s v="10828"/>
    <s v="GLNANDA"/>
    <n v="0"/>
    <n v="4"/>
    <s v="MACSS ESTIMATED BILLED REVENUE"/>
    <s v="GMM"/>
    <s v="NONBU"/>
    <s v="G0000110"/>
    <s v="N"/>
    <s v="MACSS ESTIMATED BILLED REVENUE"/>
    <s v="GLMCM001"/>
    <x v="4"/>
    <s v="CAD3700204"/>
    <s v="S"/>
    <s v="KY"/>
    <s v="REV"/>
    <s v="974"/>
    <s v="GLBATCH"/>
    <n v="5"/>
    <n v="2016"/>
  </r>
  <r>
    <s v="110"/>
    <d v="2016-05-31T00:00:00"/>
    <x v="2"/>
    <x v="0"/>
    <s v="10828"/>
    <s v="GLNANDA"/>
    <n v="-22351"/>
    <n v="-212902"/>
    <s v="MACSS ESTIMATED BILLED REVENUE"/>
    <s v="GMM"/>
    <s v="NONBU"/>
    <s v="G0000110"/>
    <s v="N"/>
    <s v="MACSS ESTIMATED BILLED REVENUE"/>
    <s v="GLMCM001"/>
    <x v="4"/>
    <s v="CAD3700204"/>
    <s v="S"/>
    <s v="KY"/>
    <s v="REV"/>
    <s v="974"/>
    <s v="GLBATCH"/>
    <n v="5"/>
    <n v="2016"/>
  </r>
  <r>
    <s v="110"/>
    <d v="2016-05-31T00:00:00"/>
    <x v="2"/>
    <x v="0"/>
    <s v="10828"/>
    <s v="GLNANDA"/>
    <n v="0"/>
    <n v="1"/>
    <s v="MACSS ESTIMATED BILLED REVENUE"/>
    <s v="GMM"/>
    <s v="NONBU"/>
    <s v="G0000110"/>
    <s v="N"/>
    <s v="MACSS ESTIMATED BILLED REVENUE"/>
    <s v="GLMCM001"/>
    <x v="4"/>
    <s v="CAD3700204"/>
    <s v="S"/>
    <s v="KY"/>
    <s v="REV"/>
    <s v="974"/>
    <s v="GLBATCH"/>
    <n v="5"/>
    <n v="2016"/>
  </r>
  <r>
    <s v="110"/>
    <d v="2016-05-31T00:00:00"/>
    <x v="7"/>
    <x v="0"/>
    <s v="10828"/>
    <s v="GLNANDA"/>
    <n v="-11011"/>
    <n v="-100658"/>
    <s v="MACSS ESTIMATED BILLED REVENUE"/>
    <s v="GMM"/>
    <s v="NONBU"/>
    <s v="G0000110"/>
    <s v="N"/>
    <s v="MACSS ESTIMATED BILLED REVENUE"/>
    <s v="GLMCM001"/>
    <x v="4"/>
    <s v="CAD3700204"/>
    <s v="S"/>
    <s v="KY"/>
    <s v="REV"/>
    <s v="974"/>
    <s v="GLBATCH"/>
    <n v="5"/>
    <n v="2016"/>
  </r>
  <r>
    <s v="110"/>
    <d v="2016-05-31T00:00:00"/>
    <x v="0"/>
    <x v="0"/>
    <s v="10828"/>
    <s v="GLNANDA"/>
    <n v="-5709386"/>
    <n v="-104252545"/>
    <s v="MACSS ESTIMATED BILLED REVENUE"/>
    <s v="GMM"/>
    <s v="NONBU"/>
    <s v="G0000110"/>
    <s v="N"/>
    <s v="MACSS ESTIMATED BILLED REVENUE"/>
    <s v="GLMCM001"/>
    <x v="4"/>
    <s v="CAD3700204"/>
    <s v="S"/>
    <s v="KY"/>
    <s v="REV"/>
    <s v="974"/>
    <s v="GLBATCH"/>
    <n v="5"/>
    <n v="2016"/>
  </r>
  <r>
    <s v="110"/>
    <d v="2016-05-31T00:00:00"/>
    <x v="3"/>
    <x v="0"/>
    <s v="10828"/>
    <s v="GLNANDA"/>
    <n v="0"/>
    <n v="3"/>
    <s v="MACSS ESTIMATED BILLED REVENUE"/>
    <s v="GMM"/>
    <s v="NONBU"/>
    <s v="G0000110"/>
    <s v="N"/>
    <s v="MACSS ESTIMATED BILLED REVENUE"/>
    <s v="GLMCM001"/>
    <x v="4"/>
    <s v="CAD3700204"/>
    <s v="S"/>
    <s v="KY"/>
    <s v="REV"/>
    <s v="974"/>
    <s v="GLBATCH"/>
    <n v="5"/>
    <n v="2016"/>
  </r>
  <r>
    <s v="110"/>
    <d v="2016-05-31T00:00:00"/>
    <x v="3"/>
    <x v="0"/>
    <s v="10828"/>
    <s v="GLNANDA"/>
    <n v="-13011"/>
    <n v="-133438"/>
    <s v="MACSS ESTIMATED BILLED REVENUE"/>
    <s v="GMM"/>
    <s v="NONBU"/>
    <s v="G0000110"/>
    <s v="N"/>
    <s v="MACSS ESTIMATED BILLED REVENUE"/>
    <s v="GLMCM001"/>
    <x v="4"/>
    <s v="CAD3700204"/>
    <s v="S"/>
    <s v="KY"/>
    <s v="REV"/>
    <s v="974"/>
    <s v="GLBATCH"/>
    <n v="5"/>
    <n v="2016"/>
  </r>
  <r>
    <s v="110"/>
    <d v="2016-12-31T00:00:00"/>
    <x v="0"/>
    <x v="0"/>
    <s v="10828"/>
    <s v="GLNANDA"/>
    <n v="-1240852"/>
    <n v="-21141786"/>
    <s v="MACSS ESTIMATED BILLED REVENUE"/>
    <s v="GMM"/>
    <s v="NONBU"/>
    <s v="G0000110"/>
    <s v="N"/>
    <s v="MACSS ESTIMATED BILLED REVENUE"/>
    <s v="GLMCM001"/>
    <x v="4"/>
    <s v="CAD3709951"/>
    <s v="S"/>
    <s v="KY"/>
    <s v="REV"/>
    <s v="974"/>
    <s v="GLBATCH"/>
    <n v="12"/>
    <n v="2016"/>
  </r>
  <r>
    <s v="110"/>
    <d v="2016-12-31T00:00:00"/>
    <x v="0"/>
    <x v="0"/>
    <s v="10828"/>
    <s v="GLNANDA"/>
    <n v="0"/>
    <n v="4"/>
    <s v="MACSS ESTIMATED BILLED REVENUE"/>
    <s v="GMM"/>
    <s v="NONBU"/>
    <s v="G0000110"/>
    <s v="N"/>
    <s v="MACSS ESTIMATED BILLED REVENUE"/>
    <s v="GLMCM001"/>
    <x v="4"/>
    <s v="CAD3709951"/>
    <s v="S"/>
    <s v="KY"/>
    <s v="REV"/>
    <s v="974"/>
    <s v="GLBATCH"/>
    <n v="12"/>
    <n v="2016"/>
  </r>
  <r>
    <s v="110"/>
    <d v="2016-12-31T00:00:00"/>
    <x v="2"/>
    <x v="0"/>
    <s v="10828"/>
    <s v="GLNANDA"/>
    <n v="-4366"/>
    <n v="-35496"/>
    <s v="MACSS ESTIMATED BILLED REVENUE"/>
    <s v="GMM"/>
    <s v="NONBU"/>
    <s v="G0000110"/>
    <s v="N"/>
    <s v="MACSS ESTIMATED BILLED REVENUE"/>
    <s v="GLMCM001"/>
    <x v="4"/>
    <s v="CAD3709951"/>
    <s v="S"/>
    <s v="KY"/>
    <s v="REV"/>
    <s v="974"/>
    <s v="GLBATCH"/>
    <n v="12"/>
    <n v="2016"/>
  </r>
  <r>
    <s v="110"/>
    <d v="2016-12-31T00:00:00"/>
    <x v="2"/>
    <x v="0"/>
    <s v="10828"/>
    <s v="GLNANDA"/>
    <n v="0"/>
    <n v="1"/>
    <s v="MACSS ESTIMATED BILLED REVENUE"/>
    <s v="GMM"/>
    <s v="NONBU"/>
    <s v="G0000110"/>
    <s v="N"/>
    <s v="MACSS ESTIMATED BILLED REVENUE"/>
    <s v="GLMCM001"/>
    <x v="4"/>
    <s v="CAD3709951"/>
    <s v="S"/>
    <s v="KY"/>
    <s v="REV"/>
    <s v="974"/>
    <s v="GLBATCH"/>
    <n v="12"/>
    <n v="2016"/>
  </r>
  <r>
    <s v="110"/>
    <d v="2016-12-31T00:00:00"/>
    <x v="3"/>
    <x v="0"/>
    <s v="10828"/>
    <s v="GLNANDA"/>
    <n v="-19410"/>
    <n v="-165327"/>
    <s v="MACSS ESTIMATED BILLED REVENUE"/>
    <s v="GMM"/>
    <s v="NONBU"/>
    <s v="G0000110"/>
    <s v="N"/>
    <s v="MACSS ESTIMATED BILLED REVENUE"/>
    <s v="GLMCM001"/>
    <x v="4"/>
    <s v="CAD3709951"/>
    <s v="S"/>
    <s v="KY"/>
    <s v="REV"/>
    <s v="974"/>
    <s v="GLBATCH"/>
    <n v="12"/>
    <n v="2016"/>
  </r>
  <r>
    <s v="110"/>
    <d v="2016-12-31T00:00:00"/>
    <x v="3"/>
    <x v="0"/>
    <s v="10828"/>
    <s v="GLNANDA"/>
    <n v="0"/>
    <n v="1"/>
    <s v="MACSS ESTIMATED BILLED REVENUE"/>
    <s v="GMM"/>
    <s v="NONBU"/>
    <s v="G0000110"/>
    <s v="N"/>
    <s v="MACSS ESTIMATED BILLED REVENUE"/>
    <s v="GLMCM001"/>
    <x v="4"/>
    <s v="CAD3709951"/>
    <s v="S"/>
    <s v="KY"/>
    <s v="REV"/>
    <s v="974"/>
    <s v="GLBATCH"/>
    <n v="12"/>
    <n v="2016"/>
  </r>
  <r>
    <s v="110"/>
    <d v="2016-06-30T00:00:00"/>
    <x v="3"/>
    <x v="0"/>
    <s v="10828"/>
    <s v="GLNANDA"/>
    <n v="0"/>
    <n v="2"/>
    <s v="MACSS ESTIMATED BILLED REVENUE"/>
    <s v="GMM"/>
    <s v="NONBU"/>
    <s v="G0000110"/>
    <s v="N"/>
    <s v="MACSS ESTIMATED BILLED REVENUE"/>
    <s v="GLMCM001"/>
    <x v="4"/>
    <s v="CAD3715421"/>
    <s v="S"/>
    <s v="KY"/>
    <s v="REV"/>
    <s v="974"/>
    <s v="GLBATCH"/>
    <n v="6"/>
    <n v="2016"/>
  </r>
  <r>
    <s v="110"/>
    <d v="2016-06-30T00:00:00"/>
    <x v="0"/>
    <x v="0"/>
    <s v="10828"/>
    <s v="GLNANDA"/>
    <n v="-5372848"/>
    <n v="-93707746"/>
    <s v="MACSS ESTIMATED BILLED REVENUE"/>
    <s v="GMM"/>
    <s v="NONBU"/>
    <s v="G0000110"/>
    <s v="N"/>
    <s v="MACSS ESTIMATED BILLED REVENUE"/>
    <s v="GLMCM001"/>
    <x v="4"/>
    <s v="CAD3715421"/>
    <s v="S"/>
    <s v="KY"/>
    <s v="REV"/>
    <s v="974"/>
    <s v="GLBATCH"/>
    <n v="6"/>
    <n v="2016"/>
  </r>
  <r>
    <s v="110"/>
    <d v="2016-06-30T00:00:00"/>
    <x v="0"/>
    <x v="0"/>
    <s v="10828"/>
    <s v="GLNANDA"/>
    <n v="0"/>
    <n v="3"/>
    <s v="MACSS ESTIMATED BILLED REVENUE"/>
    <s v="GMM"/>
    <s v="NONBU"/>
    <s v="G0000110"/>
    <s v="N"/>
    <s v="MACSS ESTIMATED BILLED REVENUE"/>
    <s v="GLMCM001"/>
    <x v="4"/>
    <s v="CAD3715421"/>
    <s v="S"/>
    <s v="KY"/>
    <s v="REV"/>
    <s v="974"/>
    <s v="GLBATCH"/>
    <n v="6"/>
    <n v="2016"/>
  </r>
  <r>
    <s v="110"/>
    <d v="2016-06-30T00:00:00"/>
    <x v="3"/>
    <x v="0"/>
    <s v="10828"/>
    <s v="GLNANDA"/>
    <n v="-10031"/>
    <n v="-112312"/>
    <s v="MACSS ESTIMATED BILLED REVENUE"/>
    <s v="GMM"/>
    <s v="NONBU"/>
    <s v="G0000110"/>
    <s v="N"/>
    <s v="MACSS ESTIMATED BILLED REVENUE"/>
    <s v="GLMCM001"/>
    <x v="4"/>
    <s v="CAD3715421"/>
    <s v="S"/>
    <s v="KY"/>
    <s v="REV"/>
    <s v="974"/>
    <s v="GLBATCH"/>
    <n v="6"/>
    <n v="2016"/>
  </r>
  <r>
    <s v="110"/>
    <d v="2017-01-31T00:00:00"/>
    <x v="3"/>
    <x v="0"/>
    <s v="10828"/>
    <s v="GLNANDA"/>
    <n v="0"/>
    <n v="3"/>
    <s v="MACSS ESTIMATED BILLED REVENUE"/>
    <s v="GMM"/>
    <s v="NONBU"/>
    <s v="G0000110"/>
    <s v="N"/>
    <s v="MACSS ESTIMATED BILLED REVENUE"/>
    <s v="GLMCM001"/>
    <x v="4"/>
    <s v="CAD3725875"/>
    <s v="S"/>
    <s v="KY"/>
    <s v="REV"/>
    <s v="974"/>
    <s v="GLBATCH"/>
    <n v="1"/>
    <n v="2017"/>
  </r>
  <r>
    <s v="110"/>
    <d v="2017-01-31T00:00:00"/>
    <x v="3"/>
    <x v="0"/>
    <s v="10828"/>
    <s v="GLNANDA"/>
    <n v="-65729"/>
    <n v="-810936"/>
    <s v="MACSS ESTIMATED BILLED REVENUE"/>
    <s v="GMM"/>
    <s v="NONBU"/>
    <s v="G0000110"/>
    <s v="N"/>
    <s v="MACSS ESTIMATED BILLED REVENUE"/>
    <s v="GLMCM001"/>
    <x v="4"/>
    <s v="CAD3725875"/>
    <s v="S"/>
    <s v="KY"/>
    <s v="REV"/>
    <s v="974"/>
    <s v="GLBATCH"/>
    <n v="1"/>
    <n v="2017"/>
  </r>
  <r>
    <s v="110"/>
    <d v="2017-01-31T00:00:00"/>
    <x v="5"/>
    <x v="0"/>
    <s v="10828"/>
    <s v="GLNANDA"/>
    <n v="0"/>
    <n v="1"/>
    <s v="MACSS ESTIMATED BILLED REVENUE"/>
    <s v="GMM"/>
    <s v="NONBU"/>
    <s v="G0000110"/>
    <s v="N"/>
    <s v="MACSS ESTIMATED BILLED REVENUE"/>
    <s v="GLMCM001"/>
    <x v="4"/>
    <s v="CAD3725875"/>
    <s v="S"/>
    <s v="KY"/>
    <s v="REV"/>
    <s v="974"/>
    <s v="GLBATCH"/>
    <n v="1"/>
    <n v="2017"/>
  </r>
  <r>
    <s v="110"/>
    <d v="2017-01-31T00:00:00"/>
    <x v="5"/>
    <x v="0"/>
    <s v="10828"/>
    <s v="GLNANDA"/>
    <n v="-19909"/>
    <n v="-165224"/>
    <s v="MACSS ESTIMATED BILLED REVENUE"/>
    <s v="GMM"/>
    <s v="NONBU"/>
    <s v="G0000110"/>
    <s v="N"/>
    <s v="MACSS ESTIMATED BILLED REVENUE"/>
    <s v="GLMCM001"/>
    <x v="4"/>
    <s v="CAD3725875"/>
    <s v="S"/>
    <s v="KY"/>
    <s v="REV"/>
    <s v="974"/>
    <s v="GLBATCH"/>
    <n v="1"/>
    <n v="2017"/>
  </r>
  <r>
    <s v="110"/>
    <d v="2017-01-31T00:00:00"/>
    <x v="2"/>
    <x v="0"/>
    <s v="10828"/>
    <s v="GLNANDA"/>
    <n v="-204149"/>
    <n v="-2216073"/>
    <s v="MACSS ESTIMATED BILLED REVENUE"/>
    <s v="GMM"/>
    <s v="NONBU"/>
    <s v="G0000110"/>
    <s v="N"/>
    <s v="MACSS ESTIMATED BILLED REVENUE"/>
    <s v="GLMCM001"/>
    <x v="4"/>
    <s v="CAD3725875"/>
    <s v="S"/>
    <s v="KY"/>
    <s v="REV"/>
    <s v="974"/>
    <s v="GLBATCH"/>
    <n v="1"/>
    <n v="2017"/>
  </r>
  <r>
    <s v="110"/>
    <d v="2017-01-31T00:00:00"/>
    <x v="7"/>
    <x v="0"/>
    <s v="10828"/>
    <s v="GLNANDA"/>
    <n v="-13459"/>
    <n v="-118942"/>
    <s v="MACSS ESTIMATED BILLED REVENUE"/>
    <s v="GMM"/>
    <s v="NONBU"/>
    <s v="G0000110"/>
    <s v="N"/>
    <s v="MACSS ESTIMATED BILLED REVENUE"/>
    <s v="GLMCM001"/>
    <x v="4"/>
    <s v="CAD3725875"/>
    <s v="S"/>
    <s v="KY"/>
    <s v="REV"/>
    <s v="974"/>
    <s v="GLBATCH"/>
    <n v="1"/>
    <n v="2017"/>
  </r>
  <r>
    <s v="110"/>
    <d v="2017-01-31T00:00:00"/>
    <x v="0"/>
    <x v="0"/>
    <s v="10828"/>
    <s v="GLNANDA"/>
    <n v="0"/>
    <n v="10"/>
    <s v="MACSS ESTIMATED BILLED REVENUE"/>
    <s v="GMM"/>
    <s v="NONBU"/>
    <s v="G0000110"/>
    <s v="N"/>
    <s v="MACSS ESTIMATED BILLED REVENUE"/>
    <s v="GLMCM001"/>
    <x v="4"/>
    <s v="CAD3725875"/>
    <s v="S"/>
    <s v="KY"/>
    <s v="REV"/>
    <s v="974"/>
    <s v="GLBATCH"/>
    <n v="1"/>
    <n v="2017"/>
  </r>
  <r>
    <s v="110"/>
    <d v="2017-01-31T00:00:00"/>
    <x v="0"/>
    <x v="0"/>
    <s v="10828"/>
    <s v="GLNANDA"/>
    <n v="-2272431"/>
    <n v="-35936427"/>
    <s v="MACSS ESTIMATED BILLED REVENUE"/>
    <s v="GMM"/>
    <s v="NONBU"/>
    <s v="G0000110"/>
    <s v="N"/>
    <s v="MACSS ESTIMATED BILLED REVENUE"/>
    <s v="GLMCM001"/>
    <x v="4"/>
    <s v="CAD3725875"/>
    <s v="S"/>
    <s v="KY"/>
    <s v="REV"/>
    <s v="974"/>
    <s v="GLBATCH"/>
    <n v="1"/>
    <n v="2017"/>
  </r>
  <r>
    <s v="110"/>
    <d v="2017-01-31T00:00:00"/>
    <x v="2"/>
    <x v="0"/>
    <s v="10828"/>
    <s v="GLNANDA"/>
    <n v="0"/>
    <n v="3"/>
    <s v="MACSS ESTIMATED BILLED REVENUE"/>
    <s v="GMM"/>
    <s v="NONBU"/>
    <s v="G0000110"/>
    <s v="N"/>
    <s v="MACSS ESTIMATED BILLED REVENUE"/>
    <s v="GLMCM001"/>
    <x v="4"/>
    <s v="CAD3725875"/>
    <s v="S"/>
    <s v="KY"/>
    <s v="REV"/>
    <s v="974"/>
    <s v="GLBATCH"/>
    <n v="1"/>
    <n v="2017"/>
  </r>
  <r>
    <s v="110"/>
    <d v="2017-01-31T00:00:00"/>
    <x v="7"/>
    <x v="0"/>
    <s v="10828"/>
    <s v="GLNANDA"/>
    <n v="0"/>
    <n v="2"/>
    <s v="MACSS ESTIMATED BILLED REVENUE"/>
    <s v="GMM"/>
    <s v="NONBU"/>
    <s v="G0000110"/>
    <s v="N"/>
    <s v="MACSS ESTIMATED BILLED REVENUE"/>
    <s v="GLMCM001"/>
    <x v="4"/>
    <s v="CAD3725875"/>
    <s v="S"/>
    <s v="KY"/>
    <s v="REV"/>
    <s v="974"/>
    <s v="GLBATCH"/>
    <n v="1"/>
    <n v="2017"/>
  </r>
  <r>
    <s v="110"/>
    <d v="2016-07-31T00:00:00"/>
    <x v="3"/>
    <x v="0"/>
    <s v="10828"/>
    <s v="GLNANDA"/>
    <n v="0"/>
    <n v="1"/>
    <s v="MACSS ESTIMATED BILLED REVENUE"/>
    <s v="GMM"/>
    <s v="NONBU"/>
    <s v="G0000110"/>
    <s v="N"/>
    <s v="MACSS ESTIMATED BILLED REVENUE"/>
    <s v="GLMCM001"/>
    <x v="4"/>
    <s v="CAD3732573"/>
    <s v="S"/>
    <s v="KY"/>
    <s v="REV"/>
    <s v="974"/>
    <s v="GLBATCH"/>
    <n v="7"/>
    <n v="2016"/>
  </r>
  <r>
    <s v="110"/>
    <d v="2016-07-31T00:00:00"/>
    <x v="0"/>
    <x v="0"/>
    <s v="10828"/>
    <s v="GLNANDA"/>
    <n v="-5305346"/>
    <n v="-96901071"/>
    <s v="MACSS ESTIMATED BILLED REVENUE"/>
    <s v="GMM"/>
    <s v="NONBU"/>
    <s v="G0000110"/>
    <s v="N"/>
    <s v="MACSS ESTIMATED BILLED REVENUE"/>
    <s v="GLMCM001"/>
    <x v="4"/>
    <s v="CAD3732573"/>
    <s v="S"/>
    <s v="KY"/>
    <s v="REV"/>
    <s v="974"/>
    <s v="GLBATCH"/>
    <n v="7"/>
    <n v="2016"/>
  </r>
  <r>
    <s v="110"/>
    <d v="2016-07-31T00:00:00"/>
    <x v="0"/>
    <x v="0"/>
    <s v="10828"/>
    <s v="GLNANDA"/>
    <n v="0"/>
    <n v="2"/>
    <s v="MACSS ESTIMATED BILLED REVENUE"/>
    <s v="GMM"/>
    <s v="NONBU"/>
    <s v="G0000110"/>
    <s v="N"/>
    <s v="MACSS ESTIMATED BILLED REVENUE"/>
    <s v="GLMCM001"/>
    <x v="4"/>
    <s v="CAD3732573"/>
    <s v="S"/>
    <s v="KY"/>
    <s v="REV"/>
    <s v="974"/>
    <s v="GLBATCH"/>
    <n v="7"/>
    <n v="2016"/>
  </r>
  <r>
    <s v="110"/>
    <d v="2016-07-31T00:00:00"/>
    <x v="3"/>
    <x v="0"/>
    <s v="10828"/>
    <s v="GLNANDA"/>
    <n v="-9016"/>
    <n v="-109674"/>
    <s v="MACSS ESTIMATED BILLED REVENUE"/>
    <s v="GMM"/>
    <s v="NONBU"/>
    <s v="G0000110"/>
    <s v="N"/>
    <s v="MACSS ESTIMATED BILLED REVENUE"/>
    <s v="GLMCM001"/>
    <x v="4"/>
    <s v="CAD3732573"/>
    <s v="S"/>
    <s v="KY"/>
    <s v="REV"/>
    <s v="974"/>
    <s v="GLBATCH"/>
    <n v="7"/>
    <n v="2016"/>
  </r>
  <r>
    <s v="110"/>
    <d v="2017-02-28T00:00:00"/>
    <x v="2"/>
    <x v="0"/>
    <s v="10828"/>
    <s v="GLNANDA"/>
    <n v="0"/>
    <n v="1"/>
    <s v="MACSS ESTIMATED BILLED REVENUE"/>
    <s v="GMM"/>
    <s v="NONBU"/>
    <s v="G0000110"/>
    <s v="N"/>
    <s v="MACSS ESTIMATED BILLED REVENUE"/>
    <s v="GLMCM001"/>
    <x v="4"/>
    <s v="CAD3743053"/>
    <s v="S"/>
    <s v="KY"/>
    <s v="REV"/>
    <s v="974"/>
    <s v="GLBATCH"/>
    <n v="2"/>
    <n v="2017"/>
  </r>
  <r>
    <s v="110"/>
    <d v="2017-02-28T00:00:00"/>
    <x v="0"/>
    <x v="0"/>
    <s v="10828"/>
    <s v="GLNANDA"/>
    <n v="0"/>
    <n v="6"/>
    <s v="MACSS ESTIMATED BILLED REVENUE"/>
    <s v="GMM"/>
    <s v="NONBU"/>
    <s v="G0000110"/>
    <s v="N"/>
    <s v="MACSS ESTIMATED BILLED REVENUE"/>
    <s v="GLMCM001"/>
    <x v="4"/>
    <s v="CAD3743053"/>
    <s v="S"/>
    <s v="KY"/>
    <s v="REV"/>
    <s v="974"/>
    <s v="GLBATCH"/>
    <n v="2"/>
    <n v="2017"/>
  </r>
  <r>
    <s v="110"/>
    <d v="2017-02-28T00:00:00"/>
    <x v="5"/>
    <x v="0"/>
    <s v="10828"/>
    <s v="GLNANDA"/>
    <n v="-19345"/>
    <n v="-160815"/>
    <s v="MACSS ESTIMATED BILLED REVENUE"/>
    <s v="GMM"/>
    <s v="NONBU"/>
    <s v="G0000110"/>
    <s v="N"/>
    <s v="MACSS ESTIMATED BILLED REVENUE"/>
    <s v="GLMCM001"/>
    <x v="4"/>
    <s v="CAD3743053"/>
    <s v="S"/>
    <s v="KY"/>
    <s v="REV"/>
    <s v="974"/>
    <s v="GLBATCH"/>
    <n v="2"/>
    <n v="2017"/>
  </r>
  <r>
    <s v="110"/>
    <d v="2017-02-28T00:00:00"/>
    <x v="7"/>
    <x v="0"/>
    <s v="10828"/>
    <s v="GLNANDA"/>
    <n v="-5770"/>
    <n v="-51488"/>
    <s v="MACSS ESTIMATED BILLED REVENUE"/>
    <s v="GMM"/>
    <s v="NONBU"/>
    <s v="G0000110"/>
    <s v="N"/>
    <s v="MACSS ESTIMATED BILLED REVENUE"/>
    <s v="GLMCM001"/>
    <x v="4"/>
    <s v="CAD3743053"/>
    <s v="S"/>
    <s v="KY"/>
    <s v="REV"/>
    <s v="974"/>
    <s v="GLBATCH"/>
    <n v="2"/>
    <n v="2017"/>
  </r>
  <r>
    <s v="110"/>
    <d v="2017-02-28T00:00:00"/>
    <x v="7"/>
    <x v="0"/>
    <s v="10828"/>
    <s v="GLNANDA"/>
    <n v="0"/>
    <n v="1"/>
    <s v="MACSS ESTIMATED BILLED REVENUE"/>
    <s v="GMM"/>
    <s v="NONBU"/>
    <s v="G0000110"/>
    <s v="N"/>
    <s v="MACSS ESTIMATED BILLED REVENUE"/>
    <s v="GLMCM001"/>
    <x v="4"/>
    <s v="CAD3743053"/>
    <s v="S"/>
    <s v="KY"/>
    <s v="REV"/>
    <s v="974"/>
    <s v="GLBATCH"/>
    <n v="2"/>
    <n v="2017"/>
  </r>
  <r>
    <s v="110"/>
    <d v="2017-02-28T00:00:00"/>
    <x v="0"/>
    <x v="0"/>
    <s v="10828"/>
    <s v="GLNANDA"/>
    <n v="-1441307"/>
    <n v="-23221842"/>
    <s v="MACSS ESTIMATED BILLED REVENUE"/>
    <s v="GMM"/>
    <s v="NONBU"/>
    <s v="G0000110"/>
    <s v="N"/>
    <s v="MACSS ESTIMATED BILLED REVENUE"/>
    <s v="GLMCM001"/>
    <x v="4"/>
    <s v="CAD3743053"/>
    <s v="S"/>
    <s v="KY"/>
    <s v="REV"/>
    <s v="974"/>
    <s v="GLBATCH"/>
    <n v="2"/>
    <n v="2017"/>
  </r>
  <r>
    <s v="110"/>
    <d v="2017-02-28T00:00:00"/>
    <x v="2"/>
    <x v="0"/>
    <s v="10828"/>
    <s v="GLNANDA"/>
    <n v="-233152"/>
    <n v="-2708508"/>
    <s v="MACSS ESTIMATED BILLED REVENUE"/>
    <s v="GMM"/>
    <s v="NONBU"/>
    <s v="G0000110"/>
    <s v="N"/>
    <s v="MACSS ESTIMATED BILLED REVENUE"/>
    <s v="GLMCM001"/>
    <x v="4"/>
    <s v="CAD3743053"/>
    <s v="S"/>
    <s v="KY"/>
    <s v="REV"/>
    <s v="974"/>
    <s v="GLBATCH"/>
    <n v="2"/>
    <n v="2017"/>
  </r>
  <r>
    <s v="110"/>
    <d v="2017-02-28T00:00:00"/>
    <x v="5"/>
    <x v="0"/>
    <s v="10828"/>
    <s v="GLNANDA"/>
    <n v="0"/>
    <n v="1"/>
    <s v="MACSS ESTIMATED BILLED REVENUE"/>
    <s v="GMM"/>
    <s v="NONBU"/>
    <s v="G0000110"/>
    <s v="N"/>
    <s v="MACSS ESTIMATED BILLED REVENUE"/>
    <s v="GLMCM001"/>
    <x v="4"/>
    <s v="CAD3743053"/>
    <s v="S"/>
    <s v="KY"/>
    <s v="REV"/>
    <s v="974"/>
    <s v="GLBATCH"/>
    <n v="2"/>
    <n v="2017"/>
  </r>
  <r>
    <s v="110"/>
    <d v="2016-08-31T00:00:00"/>
    <x v="2"/>
    <x v="0"/>
    <s v="10828"/>
    <s v="GLNANDA"/>
    <n v="-10706"/>
    <n v="-93843"/>
    <s v="MACSS ESTIMATED BILLED REVENUE"/>
    <s v="GMM"/>
    <s v="NONBU"/>
    <s v="G0000110"/>
    <s v="N"/>
    <s v="MACSS ESTIMATED BILLED REVENUE"/>
    <s v="GLMCM001"/>
    <x v="4"/>
    <s v="CAD3748316"/>
    <s v="S"/>
    <s v="KY"/>
    <s v="REV"/>
    <s v="974"/>
    <s v="GLBATCH"/>
    <n v="8"/>
    <n v="2016"/>
  </r>
  <r>
    <s v="110"/>
    <d v="2016-08-31T00:00:00"/>
    <x v="2"/>
    <x v="0"/>
    <s v="10828"/>
    <s v="GLNANDA"/>
    <n v="0"/>
    <n v="2"/>
    <s v="MACSS ESTIMATED BILLED REVENUE"/>
    <s v="GMM"/>
    <s v="NONBU"/>
    <s v="G0000110"/>
    <s v="N"/>
    <s v="MACSS ESTIMATED BILLED REVENUE"/>
    <s v="GLMCM001"/>
    <x v="4"/>
    <s v="CAD3748316"/>
    <s v="S"/>
    <s v="KY"/>
    <s v="REV"/>
    <s v="974"/>
    <s v="GLBATCH"/>
    <n v="8"/>
    <n v="2016"/>
  </r>
  <r>
    <s v="110"/>
    <d v="2016-08-31T00:00:00"/>
    <x v="0"/>
    <x v="0"/>
    <s v="10828"/>
    <s v="GLNANDA"/>
    <n v="-980235"/>
    <n v="-13997894"/>
    <s v="MACSS ESTIMATED BILLED REVENUE"/>
    <s v="GMM"/>
    <s v="NONBU"/>
    <s v="G0000110"/>
    <s v="N"/>
    <s v="MACSS ESTIMATED BILLED REVENUE"/>
    <s v="GLMCM001"/>
    <x v="4"/>
    <s v="CAD3748316"/>
    <s v="S"/>
    <s v="KY"/>
    <s v="REV"/>
    <s v="974"/>
    <s v="GLBATCH"/>
    <n v="8"/>
    <n v="2016"/>
  </r>
  <r>
    <s v="110"/>
    <d v="2016-08-31T00:00:00"/>
    <x v="3"/>
    <x v="0"/>
    <s v="10828"/>
    <s v="GLNANDA"/>
    <n v="-13897"/>
    <n v="-120940"/>
    <s v="MACSS ESTIMATED BILLED REVENUE"/>
    <s v="GMM"/>
    <s v="NONBU"/>
    <s v="G0000110"/>
    <s v="N"/>
    <s v="MACSS ESTIMATED BILLED REVENUE"/>
    <s v="GLMCM001"/>
    <x v="4"/>
    <s v="CAD3748316"/>
    <s v="S"/>
    <s v="KY"/>
    <s v="REV"/>
    <s v="974"/>
    <s v="GLBATCH"/>
    <n v="8"/>
    <n v="2016"/>
  </r>
  <r>
    <s v="110"/>
    <d v="2016-08-31T00:00:00"/>
    <x v="3"/>
    <x v="0"/>
    <s v="10828"/>
    <s v="GLNANDA"/>
    <n v="0"/>
    <n v="2"/>
    <s v="MACSS ESTIMATED BILLED REVENUE"/>
    <s v="GMM"/>
    <s v="NONBU"/>
    <s v="G0000110"/>
    <s v="N"/>
    <s v="MACSS ESTIMATED BILLED REVENUE"/>
    <s v="GLMCM001"/>
    <x v="4"/>
    <s v="CAD3748316"/>
    <s v="S"/>
    <s v="KY"/>
    <s v="REV"/>
    <s v="974"/>
    <s v="GLBATCH"/>
    <n v="8"/>
    <n v="2016"/>
  </r>
  <r>
    <s v="110"/>
    <d v="2016-08-31T00:00:00"/>
    <x v="0"/>
    <x v="0"/>
    <s v="10828"/>
    <s v="GLNANDA"/>
    <n v="0"/>
    <n v="3"/>
    <s v="MACSS ESTIMATED BILLED REVENUE"/>
    <s v="GMM"/>
    <s v="NONBU"/>
    <s v="G0000110"/>
    <s v="N"/>
    <s v="MACSS ESTIMATED BILLED REVENUE"/>
    <s v="GLMCM001"/>
    <x v="4"/>
    <s v="CAD3748316"/>
    <s v="S"/>
    <s v="KY"/>
    <s v="REV"/>
    <s v="974"/>
    <s v="GLBATCH"/>
    <n v="8"/>
    <n v="2016"/>
  </r>
  <r>
    <s v="110"/>
    <d v="2016-09-30T00:00:00"/>
    <x v="3"/>
    <x v="0"/>
    <s v="10828"/>
    <s v="GLNANDA"/>
    <n v="-9621"/>
    <n v="-82103"/>
    <s v="MACSS ESTIMATED BILLED REVENUE"/>
    <s v="GMM"/>
    <s v="NONBU"/>
    <s v="G0000110"/>
    <s v="N"/>
    <s v="MACSS ESTIMATED BILLED REVENUE"/>
    <s v="GLMCM001"/>
    <x v="4"/>
    <s v="CAD3763250"/>
    <s v="S"/>
    <s v="KY"/>
    <s v="REV"/>
    <s v="974"/>
    <s v="GLBATCH"/>
    <n v="9"/>
    <n v="2016"/>
  </r>
  <r>
    <s v="110"/>
    <d v="2016-09-30T00:00:00"/>
    <x v="2"/>
    <x v="0"/>
    <s v="10828"/>
    <s v="GLNANDA"/>
    <n v="0"/>
    <n v="1"/>
    <s v="MACSS ESTIMATED BILLED REVENUE"/>
    <s v="GMM"/>
    <s v="NONBU"/>
    <s v="G0000110"/>
    <s v="N"/>
    <s v="MACSS ESTIMATED BILLED REVENUE"/>
    <s v="GLMCM001"/>
    <x v="4"/>
    <s v="CAD3763250"/>
    <s v="S"/>
    <s v="KY"/>
    <s v="REV"/>
    <s v="974"/>
    <s v="GLBATCH"/>
    <n v="9"/>
    <n v="2016"/>
  </r>
  <r>
    <s v="110"/>
    <d v="2016-09-30T00:00:00"/>
    <x v="0"/>
    <x v="0"/>
    <s v="10828"/>
    <s v="GLNANDA"/>
    <n v="-456162"/>
    <n v="-7754477"/>
    <s v="MACSS ESTIMATED BILLED REVENUE"/>
    <s v="GMM"/>
    <s v="NONBU"/>
    <s v="G0000110"/>
    <s v="N"/>
    <s v="MACSS ESTIMATED BILLED REVENUE"/>
    <s v="GLMCM001"/>
    <x v="4"/>
    <s v="CAD3763250"/>
    <s v="S"/>
    <s v="KY"/>
    <s v="REV"/>
    <s v="974"/>
    <s v="GLBATCH"/>
    <n v="9"/>
    <n v="2016"/>
  </r>
  <r>
    <s v="110"/>
    <d v="2016-09-30T00:00:00"/>
    <x v="2"/>
    <x v="0"/>
    <s v="10828"/>
    <s v="GLNANDA"/>
    <n v="-5435"/>
    <n v="-48075"/>
    <s v="MACSS ESTIMATED BILLED REVENUE"/>
    <s v="GMM"/>
    <s v="NONBU"/>
    <s v="G0000110"/>
    <s v="N"/>
    <s v="MACSS ESTIMATED BILLED REVENUE"/>
    <s v="GLMCM001"/>
    <x v="4"/>
    <s v="CAD3763250"/>
    <s v="S"/>
    <s v="KY"/>
    <s v="REV"/>
    <s v="974"/>
    <s v="GLBATCH"/>
    <n v="9"/>
    <n v="2016"/>
  </r>
  <r>
    <s v="110"/>
    <d v="2016-09-30T00:00:00"/>
    <x v="3"/>
    <x v="0"/>
    <s v="10828"/>
    <s v="GLNANDA"/>
    <n v="0"/>
    <n v="1"/>
    <s v="MACSS ESTIMATED BILLED REVENUE"/>
    <s v="GMM"/>
    <s v="NONBU"/>
    <s v="G0000110"/>
    <s v="N"/>
    <s v="MACSS ESTIMATED BILLED REVENUE"/>
    <s v="GLMCM001"/>
    <x v="4"/>
    <s v="CAD3763250"/>
    <s v="S"/>
    <s v="KY"/>
    <s v="REV"/>
    <s v="974"/>
    <s v="GLBATCH"/>
    <n v="9"/>
    <n v="2016"/>
  </r>
  <r>
    <s v="110"/>
    <d v="2016-09-30T00:00:00"/>
    <x v="0"/>
    <x v="0"/>
    <s v="10828"/>
    <s v="GLNANDA"/>
    <n v="0"/>
    <n v="2"/>
    <s v="MACSS ESTIMATED BILLED REVENUE"/>
    <s v="GMM"/>
    <s v="NONBU"/>
    <s v="G0000110"/>
    <s v="N"/>
    <s v="MACSS ESTIMATED BILLED REVENUE"/>
    <s v="GLMCM001"/>
    <x v="4"/>
    <s v="CAD3763250"/>
    <s v="S"/>
    <s v="KY"/>
    <s v="REV"/>
    <s v="974"/>
    <s v="GLBATCH"/>
    <n v="9"/>
    <n v="2016"/>
  </r>
  <r>
    <s v="110"/>
    <d v="2016-03-31T00:00:00"/>
    <x v="0"/>
    <x v="0"/>
    <s v="10828"/>
    <s v="GLNANDA"/>
    <n v="0"/>
    <n v="1"/>
    <s v="MACSS ESTIMATED BILLED REVENUE"/>
    <s v="GMM"/>
    <s v="NONBU"/>
    <s v="G0000110"/>
    <s v="N"/>
    <s v="MACSS ESTIMATED BILLED REVENUE"/>
    <s v="GLMCM001"/>
    <x v="4"/>
    <s v="CAD3767760"/>
    <s v="S"/>
    <s v="KY"/>
    <s v="REV"/>
    <s v="974"/>
    <s v="GLBATCH"/>
    <n v="3"/>
    <n v="2016"/>
  </r>
  <r>
    <s v="110"/>
    <d v="2016-03-31T00:00:00"/>
    <x v="0"/>
    <x v="0"/>
    <s v="10828"/>
    <s v="GLNANDA"/>
    <n v="-382981"/>
    <n v="-6745101"/>
    <s v="MACSS ESTIMATED BILLED REVENUE"/>
    <s v="GMM"/>
    <s v="NONBU"/>
    <s v="G0000110"/>
    <s v="N"/>
    <s v="MACSS ESTIMATED BILLED REVENUE"/>
    <s v="GLMCM001"/>
    <x v="4"/>
    <s v="CAD3767760"/>
    <s v="S"/>
    <s v="KY"/>
    <s v="REV"/>
    <s v="974"/>
    <s v="GLBATCH"/>
    <n v="3"/>
    <n v="2016"/>
  </r>
  <r>
    <s v="110"/>
    <d v="2016-03-31T00:00:00"/>
    <x v="3"/>
    <x v="0"/>
    <s v="10828"/>
    <s v="GLNANDA"/>
    <n v="0"/>
    <n v="7"/>
    <s v="MACSS ESTIMATED BILLED REVENUE"/>
    <s v="GMM"/>
    <s v="NONBU"/>
    <s v="G0000110"/>
    <s v="N"/>
    <s v="MACSS ESTIMATED BILLED REVENUE"/>
    <s v="GLMCM001"/>
    <x v="4"/>
    <s v="CAD3767760"/>
    <s v="S"/>
    <s v="KY"/>
    <s v="REV"/>
    <s v="974"/>
    <s v="GLBATCH"/>
    <n v="3"/>
    <n v="2016"/>
  </r>
  <r>
    <s v="110"/>
    <d v="2016-03-31T00:00:00"/>
    <x v="3"/>
    <x v="0"/>
    <s v="10828"/>
    <s v="GLNANDA"/>
    <n v="-162146"/>
    <n v="-2202614"/>
    <s v="MACSS ESTIMATED BILLED REVENUE"/>
    <s v="GMM"/>
    <s v="NONBU"/>
    <s v="G0000110"/>
    <s v="N"/>
    <s v="MACSS ESTIMATED BILLED REVENUE"/>
    <s v="GLMCM001"/>
    <x v="4"/>
    <s v="CAD3767760"/>
    <s v="S"/>
    <s v="KY"/>
    <s v="REV"/>
    <s v="974"/>
    <s v="GLBATCH"/>
    <n v="3"/>
    <n v="2016"/>
  </r>
  <r>
    <s v="110"/>
    <d v="2016-10-31T00:00:00"/>
    <x v="0"/>
    <x v="0"/>
    <s v="10828"/>
    <s v="GLNANDA"/>
    <n v="-389738"/>
    <n v="-7125013"/>
    <s v="MACSS ESTIMATED BILLED REVENUE"/>
    <s v="GMM"/>
    <s v="NONBU"/>
    <s v="G0000110"/>
    <s v="N"/>
    <s v="MACSS ESTIMATED BILLED REVENUE"/>
    <s v="GLMCM001"/>
    <x v="4"/>
    <s v="CAD3779462"/>
    <s v="S"/>
    <s v="KY"/>
    <s v="REV"/>
    <s v="974"/>
    <s v="GLBATCH"/>
    <n v="10"/>
    <n v="2016"/>
  </r>
  <r>
    <s v="110"/>
    <d v="2016-10-31T00:00:00"/>
    <x v="0"/>
    <x v="0"/>
    <s v="10828"/>
    <s v="GLNANDA"/>
    <n v="0"/>
    <n v="1"/>
    <s v="MACSS ESTIMATED BILLED REVENUE"/>
    <s v="GMM"/>
    <s v="NONBU"/>
    <s v="G0000110"/>
    <s v="N"/>
    <s v="MACSS ESTIMATED BILLED REVENUE"/>
    <s v="GLMCM001"/>
    <x v="4"/>
    <s v="CAD3779462"/>
    <s v="S"/>
    <s v="KY"/>
    <s v="REV"/>
    <s v="974"/>
    <s v="GLBATCH"/>
    <n v="10"/>
    <n v="2016"/>
  </r>
  <r>
    <s v="110"/>
    <d v="2016-04-30T00:00:00"/>
    <x v="2"/>
    <x v="0"/>
    <s v="10828"/>
    <s v="GLNANDA"/>
    <n v="0"/>
    <n v="1"/>
    <s v="MACSS ESTIMATED BILLED REVENUE"/>
    <s v="GMM"/>
    <s v="NONBU"/>
    <s v="G0000110"/>
    <s v="N"/>
    <s v="MACSS ESTIMATED BILLED REVENUE"/>
    <s v="GLMCM001"/>
    <x v="4"/>
    <s v="CAD3784530"/>
    <s v="S"/>
    <s v="KY"/>
    <s v="REV"/>
    <s v="974"/>
    <s v="GLBATCH"/>
    <n v="4"/>
    <n v="2016"/>
  </r>
  <r>
    <s v="110"/>
    <d v="2016-04-30T00:00:00"/>
    <x v="2"/>
    <x v="0"/>
    <s v="10828"/>
    <s v="GLNANDA"/>
    <n v="-150897"/>
    <n v="-2008286"/>
    <s v="MACSS ESTIMATED BILLED REVENUE"/>
    <s v="GMM"/>
    <s v="NONBU"/>
    <s v="G0000110"/>
    <s v="N"/>
    <s v="MACSS ESTIMATED BILLED REVENUE"/>
    <s v="GLMCM001"/>
    <x v="4"/>
    <s v="CAD3784530"/>
    <s v="S"/>
    <s v="KY"/>
    <s v="REV"/>
    <s v="974"/>
    <s v="GLBATCH"/>
    <n v="4"/>
    <n v="2016"/>
  </r>
  <r>
    <s v="110"/>
    <d v="2016-04-30T00:00:00"/>
    <x v="3"/>
    <x v="0"/>
    <s v="10828"/>
    <s v="GLNANDA"/>
    <n v="0"/>
    <n v="3"/>
    <s v="MACSS ESTIMATED BILLED REVENUE"/>
    <s v="GMM"/>
    <s v="NONBU"/>
    <s v="G0000110"/>
    <s v="N"/>
    <s v="MACSS ESTIMATED BILLED REVENUE"/>
    <s v="GLMCM001"/>
    <x v="4"/>
    <s v="CAD3784530"/>
    <s v="S"/>
    <s v="KY"/>
    <s v="REV"/>
    <s v="974"/>
    <s v="GLBATCH"/>
    <n v="4"/>
    <n v="2016"/>
  </r>
  <r>
    <s v="110"/>
    <d v="2016-04-30T00:00:00"/>
    <x v="3"/>
    <x v="0"/>
    <s v="10828"/>
    <s v="GLNANDA"/>
    <n v="-67078"/>
    <n v="-774475"/>
    <s v="MACSS ESTIMATED BILLED REVENUE"/>
    <s v="GMM"/>
    <s v="NONBU"/>
    <s v="G0000110"/>
    <s v="N"/>
    <s v="MACSS ESTIMATED BILLED REVENUE"/>
    <s v="GLMCM001"/>
    <x v="4"/>
    <s v="CAD3784530"/>
    <s v="S"/>
    <s v="KY"/>
    <s v="REV"/>
    <s v="974"/>
    <s v="GLBATCH"/>
    <n v="4"/>
    <n v="2016"/>
  </r>
  <r>
    <s v="110"/>
    <d v="2016-04-30T00:00:00"/>
    <x v="0"/>
    <x v="0"/>
    <s v="10828"/>
    <s v="GLNANDA"/>
    <n v="-5845194"/>
    <n v="-102614167"/>
    <s v="MACSS ESTIMATED BILLED REVENUE"/>
    <s v="GMM"/>
    <s v="NONBU"/>
    <s v="G0000110"/>
    <s v="N"/>
    <s v="MACSS ESTIMATED BILLED REVENUE"/>
    <s v="GLMCM001"/>
    <x v="4"/>
    <s v="CAD3784530"/>
    <s v="S"/>
    <s v="KY"/>
    <s v="REV"/>
    <s v="974"/>
    <s v="GLBATCH"/>
    <n v="4"/>
    <n v="2016"/>
  </r>
  <r>
    <s v="110"/>
    <d v="2016-04-30T00:00:00"/>
    <x v="0"/>
    <x v="0"/>
    <s v="10828"/>
    <s v="GLNANDA"/>
    <n v="0"/>
    <n v="4"/>
    <s v="MACSS ESTIMATED BILLED REVENUE"/>
    <s v="GMM"/>
    <s v="NONBU"/>
    <s v="G0000110"/>
    <s v="N"/>
    <s v="MACSS ESTIMATED BILLED REVENUE"/>
    <s v="GLMCM001"/>
    <x v="4"/>
    <s v="CAD3784530"/>
    <s v="S"/>
    <s v="KY"/>
    <s v="REV"/>
    <s v="974"/>
    <s v="GLBATCH"/>
    <n v="4"/>
    <n v="2016"/>
  </r>
  <r>
    <s v="110"/>
    <d v="2016-04-30T00:00:00"/>
    <x v="3"/>
    <x v="0"/>
    <s v="10828"/>
    <s v="GLNANDA"/>
    <n v="67078"/>
    <n v="774475"/>
    <s v="MACSS ESTIMATED BILLED REVENUE"/>
    <s v="GMM"/>
    <s v="NONBU"/>
    <s v="G0000110"/>
    <s v="N"/>
    <s v="MACSS ESTIMATED BILLED REVENUE"/>
    <s v="GLMCM001"/>
    <x v="4"/>
    <s v="CAD3784530"/>
    <s v="S"/>
    <s v="KY"/>
    <s v="REV"/>
    <s v="974"/>
    <s v="GLBATCH"/>
    <n v="4"/>
    <n v="2016"/>
  </r>
  <r>
    <s v="110"/>
    <d v="2016-04-30T00:00:00"/>
    <x v="3"/>
    <x v="0"/>
    <s v="10828"/>
    <s v="GLNANDA"/>
    <n v="0"/>
    <n v="-3"/>
    <s v="MACSS ESTIMATED BILLED REVENUE"/>
    <s v="GMM"/>
    <s v="NONBU"/>
    <s v="G0000110"/>
    <s v="N"/>
    <s v="MACSS ESTIMATED BILLED REVENUE"/>
    <s v="GLMCM001"/>
    <x v="4"/>
    <s v="CAD3784530"/>
    <s v="S"/>
    <s v="KY"/>
    <s v="REV"/>
    <s v="974"/>
    <s v="GLBATCH"/>
    <n v="4"/>
    <n v="2016"/>
  </r>
  <r>
    <s v="110"/>
    <d v="2016-04-30T00:00:00"/>
    <x v="0"/>
    <x v="0"/>
    <s v="10828"/>
    <s v="GLNANDA"/>
    <n v="0"/>
    <n v="-4"/>
    <s v="MACSS ESTIMATED BILLED REVENUE"/>
    <s v="GMM"/>
    <s v="NONBU"/>
    <s v="G0000110"/>
    <s v="N"/>
    <s v="MACSS ESTIMATED BILLED REVENUE"/>
    <s v="GLMCM001"/>
    <x v="4"/>
    <s v="CAD3784530"/>
    <s v="S"/>
    <s v="KY"/>
    <s v="REV"/>
    <s v="974"/>
    <s v="GLBATCH"/>
    <n v="4"/>
    <n v="2016"/>
  </r>
  <r>
    <s v="110"/>
    <d v="2016-04-30T00:00:00"/>
    <x v="0"/>
    <x v="0"/>
    <s v="10828"/>
    <s v="GLNANDA"/>
    <n v="5845194"/>
    <n v="102614167"/>
    <s v="MACSS ESTIMATED BILLED REVENUE"/>
    <s v="GMM"/>
    <s v="NONBU"/>
    <s v="G0000110"/>
    <s v="N"/>
    <s v="MACSS ESTIMATED BILLED REVENUE"/>
    <s v="GLMCM001"/>
    <x v="4"/>
    <s v="CAD3784530"/>
    <s v="S"/>
    <s v="KY"/>
    <s v="REV"/>
    <s v="974"/>
    <s v="GLBATCH"/>
    <n v="4"/>
    <n v="2016"/>
  </r>
  <r>
    <s v="110"/>
    <d v="2016-04-30T00:00:00"/>
    <x v="2"/>
    <x v="0"/>
    <s v="10828"/>
    <s v="GLNANDA"/>
    <n v="150897"/>
    <n v="2008286"/>
    <s v="MACSS ESTIMATED BILLED REVENUE"/>
    <s v="GMM"/>
    <s v="NONBU"/>
    <s v="G0000110"/>
    <s v="N"/>
    <s v="MACSS ESTIMATED BILLED REVENUE"/>
    <s v="GLMCM001"/>
    <x v="4"/>
    <s v="CAD3784530"/>
    <s v="S"/>
    <s v="KY"/>
    <s v="REV"/>
    <s v="974"/>
    <s v="GLBATCH"/>
    <n v="4"/>
    <n v="2016"/>
  </r>
  <r>
    <s v="110"/>
    <d v="2016-04-30T00:00:00"/>
    <x v="2"/>
    <x v="0"/>
    <s v="10828"/>
    <s v="GLNANDA"/>
    <n v="0"/>
    <n v="-1"/>
    <s v="MACSS ESTIMATED BILLED REVENUE"/>
    <s v="GMM"/>
    <s v="NONBU"/>
    <s v="G0000110"/>
    <s v="N"/>
    <s v="MACSS ESTIMATED BILLED REVENUE"/>
    <s v="GLMCM001"/>
    <x v="4"/>
    <s v="CAD3784530"/>
    <s v="S"/>
    <s v="KY"/>
    <s v="REV"/>
    <s v="974"/>
    <s v="GLBATCH"/>
    <n v="4"/>
    <n v="2016"/>
  </r>
  <r>
    <s v="110"/>
    <d v="2016-04-30T00:00:00"/>
    <x v="0"/>
    <x v="0"/>
    <s v="10828"/>
    <s v="GLNANDA"/>
    <n v="0"/>
    <n v="4"/>
    <s v="MACSS ESTIMATED BILLED REVENUE"/>
    <s v="GMM"/>
    <s v="NONBU"/>
    <s v="G0000110"/>
    <s v="N"/>
    <s v="MACSS ESTIMATED BILLED REVENUE"/>
    <s v="GLMCM001"/>
    <x v="4"/>
    <s v="CAD3785345"/>
    <s v="S"/>
    <s v="KY"/>
    <s v="REV"/>
    <s v="974"/>
    <s v="GLBATCH"/>
    <n v="4"/>
    <n v="2016"/>
  </r>
  <r>
    <s v="110"/>
    <d v="2016-04-30T00:00:00"/>
    <x v="0"/>
    <x v="0"/>
    <s v="10828"/>
    <s v="GLNANDA"/>
    <n v="-5545409"/>
    <n v="-102614167"/>
    <s v="MACSS ESTIMATED BILLED REVENUE"/>
    <s v="GMM"/>
    <s v="NONBU"/>
    <s v="G0000110"/>
    <s v="N"/>
    <s v="MACSS ESTIMATED BILLED REVENUE"/>
    <s v="GLMCM001"/>
    <x v="4"/>
    <s v="CAD3785345"/>
    <s v="S"/>
    <s v="KY"/>
    <s v="REV"/>
    <s v="974"/>
    <s v="GLBATCH"/>
    <n v="4"/>
    <n v="2016"/>
  </r>
  <r>
    <s v="110"/>
    <d v="2016-04-30T00:00:00"/>
    <x v="3"/>
    <x v="0"/>
    <s v="10828"/>
    <s v="GLNANDA"/>
    <n v="0"/>
    <n v="3"/>
    <s v="MACSS ESTIMATED BILLED REVENUE"/>
    <s v="GMM"/>
    <s v="NONBU"/>
    <s v="G0000110"/>
    <s v="N"/>
    <s v="MACSS ESTIMATED BILLED REVENUE"/>
    <s v="GLMCM001"/>
    <x v="4"/>
    <s v="CAD3785345"/>
    <s v="S"/>
    <s v="KY"/>
    <s v="REV"/>
    <s v="974"/>
    <s v="GLBATCH"/>
    <n v="4"/>
    <n v="2016"/>
  </r>
  <r>
    <s v="110"/>
    <d v="2016-04-30T00:00:00"/>
    <x v="3"/>
    <x v="0"/>
    <s v="10828"/>
    <s v="GLNANDA"/>
    <n v="-67078"/>
    <n v="-774475"/>
    <s v="MACSS ESTIMATED BILLED REVENUE"/>
    <s v="GMM"/>
    <s v="NONBU"/>
    <s v="G0000110"/>
    <s v="N"/>
    <s v="MACSS ESTIMATED BILLED REVENUE"/>
    <s v="GLMCM001"/>
    <x v="4"/>
    <s v="CAD3785345"/>
    <s v="S"/>
    <s v="KY"/>
    <s v="REV"/>
    <s v="974"/>
    <s v="GLBATCH"/>
    <n v="4"/>
    <n v="2016"/>
  </r>
  <r>
    <s v="110"/>
    <d v="2016-04-30T00:00:00"/>
    <x v="2"/>
    <x v="0"/>
    <s v="10828"/>
    <s v="GLNANDA"/>
    <n v="0"/>
    <n v="1"/>
    <s v="MACSS ESTIMATED BILLED REVENUE"/>
    <s v="GMM"/>
    <s v="NONBU"/>
    <s v="G0000110"/>
    <s v="N"/>
    <s v="MACSS ESTIMATED BILLED REVENUE"/>
    <s v="GLMCM001"/>
    <x v="4"/>
    <s v="CAD3785345"/>
    <s v="S"/>
    <s v="KY"/>
    <s v="REV"/>
    <s v="974"/>
    <s v="GLBATCH"/>
    <n v="4"/>
    <n v="2016"/>
  </r>
  <r>
    <s v="110"/>
    <d v="2016-04-30T00:00:00"/>
    <x v="2"/>
    <x v="0"/>
    <s v="10828"/>
    <s v="GLNANDA"/>
    <n v="-150897"/>
    <n v="-2008286"/>
    <s v="MACSS ESTIMATED BILLED REVENUE"/>
    <s v="GMM"/>
    <s v="NONBU"/>
    <s v="G0000110"/>
    <s v="N"/>
    <s v="MACSS ESTIMATED BILLED REVENUE"/>
    <s v="GLMCM001"/>
    <x v="4"/>
    <s v="CAD3785345"/>
    <s v="S"/>
    <s v="KY"/>
    <s v="REV"/>
    <s v="974"/>
    <s v="GLBATCH"/>
    <n v="4"/>
    <n v="2016"/>
  </r>
  <r>
    <s v="110"/>
    <d v="2016-11-30T00:00:00"/>
    <x v="2"/>
    <x v="0"/>
    <s v="10828"/>
    <s v="GLNANDA"/>
    <n v="0"/>
    <n v="1"/>
    <s v="MACSS ESTIMATED BILLED REVENUE"/>
    <s v="GMM"/>
    <s v="NONBU"/>
    <s v="G0000110"/>
    <s v="N"/>
    <s v="MACSS ESTIMATED BILLED REVENUE"/>
    <s v="GLMCM001"/>
    <x v="4"/>
    <s v="CAD3794299"/>
    <s v="S"/>
    <s v="KY"/>
    <s v="REV"/>
    <s v="974"/>
    <s v="GLBATCH"/>
    <n v="11"/>
    <n v="2016"/>
  </r>
  <r>
    <s v="110"/>
    <d v="2016-11-30T00:00:00"/>
    <x v="0"/>
    <x v="0"/>
    <s v="10828"/>
    <s v="GLNANDA"/>
    <n v="-461994"/>
    <n v="-7965897"/>
    <s v="MACSS ESTIMATED BILLED REVENUE"/>
    <s v="GMM"/>
    <s v="NONBU"/>
    <s v="G0000110"/>
    <s v="N"/>
    <s v="MACSS ESTIMATED BILLED REVENUE"/>
    <s v="GLMCM001"/>
    <x v="4"/>
    <s v="CAD3794299"/>
    <s v="S"/>
    <s v="KY"/>
    <s v="REV"/>
    <s v="974"/>
    <s v="GLBATCH"/>
    <n v="11"/>
    <n v="2016"/>
  </r>
  <r>
    <s v="110"/>
    <d v="2016-11-30T00:00:00"/>
    <x v="0"/>
    <x v="0"/>
    <s v="10828"/>
    <s v="GLNANDA"/>
    <n v="0"/>
    <n v="2"/>
    <s v="MACSS ESTIMATED BILLED REVENUE"/>
    <s v="GMM"/>
    <s v="NONBU"/>
    <s v="G0000110"/>
    <s v="N"/>
    <s v="MACSS ESTIMATED BILLED REVENUE"/>
    <s v="GLMCM001"/>
    <x v="4"/>
    <s v="CAD3794299"/>
    <s v="S"/>
    <s v="KY"/>
    <s v="REV"/>
    <s v="974"/>
    <s v="GLBATCH"/>
    <n v="11"/>
    <n v="2016"/>
  </r>
  <r>
    <s v="110"/>
    <d v="2016-11-30T00:00:00"/>
    <x v="2"/>
    <x v="0"/>
    <s v="10828"/>
    <s v="GLNANDA"/>
    <n v="-1170"/>
    <n v="-9162"/>
    <s v="MACSS ESTIMATED BILLED REVENUE"/>
    <s v="GMM"/>
    <s v="NONBU"/>
    <s v="G0000110"/>
    <s v="N"/>
    <s v="MACSS ESTIMATED BILLED REVENUE"/>
    <s v="GLMCM001"/>
    <x v="4"/>
    <s v="CAD3794299"/>
    <s v="S"/>
    <s v="KY"/>
    <s v="REV"/>
    <s v="974"/>
    <s v="GLBATCH"/>
    <n v="11"/>
    <n v="2016"/>
  </r>
  <r>
    <s v="110"/>
    <d v="2016-06-01T00:00:00"/>
    <x v="3"/>
    <x v="0"/>
    <s v="10828"/>
    <s v="GLNANDA"/>
    <n v="0"/>
    <n v="-3"/>
    <s v="MACSS EST BILLED REV REVERSAL"/>
    <s v="GMM"/>
    <s v="NONBU"/>
    <s v="G0000110"/>
    <s v="N"/>
    <s v="MACSS EST BILLED REV REVERSAL"/>
    <s v="GLMCM001"/>
    <x v="5"/>
    <s v="CAD37R0215"/>
    <s v="S"/>
    <s v="KY"/>
    <s v="REV"/>
    <s v="974"/>
    <s v="GLBATCH"/>
    <n v="6"/>
    <n v="2016"/>
  </r>
  <r>
    <s v="110"/>
    <d v="2016-06-01T00:00:00"/>
    <x v="3"/>
    <x v="0"/>
    <s v="10828"/>
    <s v="GLNANDA"/>
    <n v="13011"/>
    <n v="133438"/>
    <s v="MACSS EST BILLED REV REVERSAL"/>
    <s v="GMM"/>
    <s v="NONBU"/>
    <s v="G0000110"/>
    <s v="N"/>
    <s v="MACSS EST BILLED REV REVERSAL"/>
    <s v="GLMCM001"/>
    <x v="5"/>
    <s v="CAD37R0215"/>
    <s v="S"/>
    <s v="KY"/>
    <s v="REV"/>
    <s v="974"/>
    <s v="GLBATCH"/>
    <n v="6"/>
    <n v="2016"/>
  </r>
  <r>
    <s v="110"/>
    <d v="2016-06-01T00:00:00"/>
    <x v="7"/>
    <x v="0"/>
    <s v="10828"/>
    <s v="GLNANDA"/>
    <n v="0"/>
    <n v="-2"/>
    <s v="MACSS EST BILLED REV REVERSAL"/>
    <s v="GMM"/>
    <s v="NONBU"/>
    <s v="G0000110"/>
    <s v="N"/>
    <s v="MACSS EST BILLED REV REVERSAL"/>
    <s v="GLMCM001"/>
    <x v="5"/>
    <s v="CAD37R0215"/>
    <s v="S"/>
    <s v="KY"/>
    <s v="REV"/>
    <s v="974"/>
    <s v="GLBATCH"/>
    <n v="6"/>
    <n v="2016"/>
  </r>
  <r>
    <s v="110"/>
    <d v="2016-06-01T00:00:00"/>
    <x v="7"/>
    <x v="0"/>
    <s v="10828"/>
    <s v="GLNANDA"/>
    <n v="11011"/>
    <n v="100658"/>
    <s v="MACSS EST BILLED REV REVERSAL"/>
    <s v="GMM"/>
    <s v="NONBU"/>
    <s v="G0000110"/>
    <s v="N"/>
    <s v="MACSS EST BILLED REV REVERSAL"/>
    <s v="GLMCM001"/>
    <x v="5"/>
    <s v="CAD37R0215"/>
    <s v="S"/>
    <s v="KY"/>
    <s v="REV"/>
    <s v="974"/>
    <s v="GLBATCH"/>
    <n v="6"/>
    <n v="2016"/>
  </r>
  <r>
    <s v="110"/>
    <d v="2016-06-01T00:00:00"/>
    <x v="2"/>
    <x v="0"/>
    <s v="10828"/>
    <s v="GLNANDA"/>
    <n v="0"/>
    <n v="-1"/>
    <s v="MACSS EST BILLED REV REVERSAL"/>
    <s v="GMM"/>
    <s v="NONBU"/>
    <s v="G0000110"/>
    <s v="N"/>
    <s v="MACSS EST BILLED REV REVERSAL"/>
    <s v="GLMCM001"/>
    <x v="5"/>
    <s v="CAD37R0215"/>
    <s v="S"/>
    <s v="KY"/>
    <s v="REV"/>
    <s v="974"/>
    <s v="GLBATCH"/>
    <n v="6"/>
    <n v="2016"/>
  </r>
  <r>
    <s v="110"/>
    <d v="2016-06-01T00:00:00"/>
    <x v="2"/>
    <x v="0"/>
    <s v="10828"/>
    <s v="GLNANDA"/>
    <n v="22351"/>
    <n v="212902"/>
    <s v="MACSS EST BILLED REV REVERSAL"/>
    <s v="GMM"/>
    <s v="NONBU"/>
    <s v="G0000110"/>
    <s v="N"/>
    <s v="MACSS EST BILLED REV REVERSAL"/>
    <s v="GLMCM001"/>
    <x v="5"/>
    <s v="CAD37R0215"/>
    <s v="S"/>
    <s v="KY"/>
    <s v="REV"/>
    <s v="974"/>
    <s v="GLBATCH"/>
    <n v="6"/>
    <n v="2016"/>
  </r>
  <r>
    <s v="110"/>
    <d v="2016-06-01T00:00:00"/>
    <x v="0"/>
    <x v="0"/>
    <s v="10828"/>
    <s v="GLNANDA"/>
    <n v="0"/>
    <n v="-4"/>
    <s v="MACSS EST BILLED REV REVERSAL"/>
    <s v="GMM"/>
    <s v="NONBU"/>
    <s v="G0000110"/>
    <s v="N"/>
    <s v="MACSS EST BILLED REV REVERSAL"/>
    <s v="GLMCM001"/>
    <x v="5"/>
    <s v="CAD37R0215"/>
    <s v="S"/>
    <s v="KY"/>
    <s v="REV"/>
    <s v="974"/>
    <s v="GLBATCH"/>
    <n v="6"/>
    <n v="2016"/>
  </r>
  <r>
    <s v="110"/>
    <d v="2016-06-01T00:00:00"/>
    <x v="0"/>
    <x v="0"/>
    <s v="10828"/>
    <s v="GLNANDA"/>
    <n v="5709386"/>
    <n v="104252545"/>
    <s v="MACSS EST BILLED REV REVERSAL"/>
    <s v="GMM"/>
    <s v="NONBU"/>
    <s v="G0000110"/>
    <s v="N"/>
    <s v="MACSS EST BILLED REV REVERSAL"/>
    <s v="GLMCM001"/>
    <x v="5"/>
    <s v="CAD37R0215"/>
    <s v="S"/>
    <s v="KY"/>
    <s v="REV"/>
    <s v="974"/>
    <s v="GLBATCH"/>
    <n v="6"/>
    <n v="2016"/>
  </r>
  <r>
    <s v="110"/>
    <d v="2016-03-01T00:00:00"/>
    <x v="3"/>
    <x v="0"/>
    <s v="10828"/>
    <s v="GLNANDA"/>
    <n v="0"/>
    <n v="-6"/>
    <s v="MACSS EST BILLED REV REVERSAL"/>
    <s v="GMM"/>
    <s v="NONBU"/>
    <s v="G0000110"/>
    <s v="N"/>
    <s v="MACSS EST BILLED REV REVERSAL"/>
    <s v="GLMCM001"/>
    <x v="5"/>
    <s v="CAD37R1442"/>
    <s v="S"/>
    <s v="KY"/>
    <s v="REV"/>
    <s v="974"/>
    <s v="GLBATCH"/>
    <n v="3"/>
    <n v="2016"/>
  </r>
  <r>
    <s v="110"/>
    <d v="2016-03-01T00:00:00"/>
    <x v="3"/>
    <x v="0"/>
    <s v="10828"/>
    <s v="GLNANDA"/>
    <n v="105244"/>
    <n v="1376655"/>
    <s v="MACSS EST BILLED REV REVERSAL"/>
    <s v="GMM"/>
    <s v="NONBU"/>
    <s v="G0000110"/>
    <s v="N"/>
    <s v="MACSS EST BILLED REV REVERSAL"/>
    <s v="GLMCM001"/>
    <x v="5"/>
    <s v="CAD37R1442"/>
    <s v="S"/>
    <s v="KY"/>
    <s v="REV"/>
    <s v="974"/>
    <s v="GLBATCH"/>
    <n v="3"/>
    <n v="2016"/>
  </r>
  <r>
    <s v="110"/>
    <d v="2016-03-01T00:00:00"/>
    <x v="7"/>
    <x v="0"/>
    <s v="10828"/>
    <s v="GLNANDA"/>
    <n v="0"/>
    <n v="-1"/>
    <s v="MACSS EST BILLED REV REVERSAL"/>
    <s v="GMM"/>
    <s v="NONBU"/>
    <s v="G0000110"/>
    <s v="N"/>
    <s v="MACSS EST BILLED REV REVERSAL"/>
    <s v="GLMCM001"/>
    <x v="5"/>
    <s v="CAD37R1442"/>
    <s v="S"/>
    <s v="KY"/>
    <s v="REV"/>
    <s v="974"/>
    <s v="GLBATCH"/>
    <n v="3"/>
    <n v="2016"/>
  </r>
  <r>
    <s v="110"/>
    <d v="2016-03-01T00:00:00"/>
    <x v="0"/>
    <x v="0"/>
    <s v="10828"/>
    <s v="GLNANDA"/>
    <n v="530529"/>
    <n v="9128920"/>
    <s v="MACSS EST BILLED REV REVERSAL"/>
    <s v="GMM"/>
    <s v="NONBU"/>
    <s v="G0000110"/>
    <s v="N"/>
    <s v="MACSS EST BILLED REV REVERSAL"/>
    <s v="GLMCM001"/>
    <x v="5"/>
    <s v="CAD37R1442"/>
    <s v="S"/>
    <s v="KY"/>
    <s v="REV"/>
    <s v="974"/>
    <s v="GLBATCH"/>
    <n v="3"/>
    <n v="2016"/>
  </r>
  <r>
    <s v="110"/>
    <d v="2016-03-01T00:00:00"/>
    <x v="2"/>
    <x v="0"/>
    <s v="10828"/>
    <s v="GLNANDA"/>
    <n v="0"/>
    <n v="-6"/>
    <s v="MACSS EST BILLED REV REVERSAL"/>
    <s v="GMM"/>
    <s v="NONBU"/>
    <s v="G0000110"/>
    <s v="N"/>
    <s v="MACSS EST BILLED REV REVERSAL"/>
    <s v="GLMCM001"/>
    <x v="5"/>
    <s v="CAD37R1442"/>
    <s v="S"/>
    <s v="KY"/>
    <s v="REV"/>
    <s v="974"/>
    <s v="GLBATCH"/>
    <n v="3"/>
    <n v="2016"/>
  </r>
  <r>
    <s v="110"/>
    <d v="2016-03-01T00:00:00"/>
    <x v="2"/>
    <x v="0"/>
    <s v="10828"/>
    <s v="GLNANDA"/>
    <n v="25393"/>
    <n v="255552"/>
    <s v="MACSS EST BILLED REV REVERSAL"/>
    <s v="GMM"/>
    <s v="NONBU"/>
    <s v="G0000110"/>
    <s v="N"/>
    <s v="MACSS EST BILLED REV REVERSAL"/>
    <s v="GLMCM001"/>
    <x v="5"/>
    <s v="CAD37R1442"/>
    <s v="S"/>
    <s v="KY"/>
    <s v="REV"/>
    <s v="974"/>
    <s v="GLBATCH"/>
    <n v="3"/>
    <n v="2016"/>
  </r>
  <r>
    <s v="110"/>
    <d v="2016-03-01T00:00:00"/>
    <x v="0"/>
    <x v="0"/>
    <s v="10828"/>
    <s v="GLNANDA"/>
    <n v="0"/>
    <n v="-4"/>
    <s v="MACSS EST BILLED REV REVERSAL"/>
    <s v="GMM"/>
    <s v="NONBU"/>
    <s v="G0000110"/>
    <s v="N"/>
    <s v="MACSS EST BILLED REV REVERSAL"/>
    <s v="GLMCM001"/>
    <x v="5"/>
    <s v="CAD37R1442"/>
    <s v="S"/>
    <s v="KY"/>
    <s v="REV"/>
    <s v="974"/>
    <s v="GLBATCH"/>
    <n v="3"/>
    <n v="2016"/>
  </r>
  <r>
    <s v="110"/>
    <d v="2016-03-01T00:00:00"/>
    <x v="7"/>
    <x v="0"/>
    <s v="10828"/>
    <s v="GLNANDA"/>
    <n v="7798"/>
    <n v="72552"/>
    <s v="MACSS EST BILLED REV REVERSAL"/>
    <s v="GMM"/>
    <s v="NONBU"/>
    <s v="G0000110"/>
    <s v="N"/>
    <s v="MACSS EST BILLED REV REVERSAL"/>
    <s v="GLMCM001"/>
    <x v="5"/>
    <s v="CAD37R1442"/>
    <s v="S"/>
    <s v="KY"/>
    <s v="REV"/>
    <s v="974"/>
    <s v="GLBATCH"/>
    <n v="3"/>
    <n v="2016"/>
  </r>
  <r>
    <s v="110"/>
    <d v="2016-08-01T00:00:00"/>
    <x v="3"/>
    <x v="0"/>
    <s v="10828"/>
    <s v="GLNANDA"/>
    <n v="0"/>
    <n v="-1"/>
    <s v="MACSS EST BILLED REV REVERSAL"/>
    <s v="GMM"/>
    <s v="NONBU"/>
    <s v="G0000110"/>
    <s v="N"/>
    <s v="MACSS EST BILLED REV REVERSAL"/>
    <s v="GLMCM001"/>
    <x v="5"/>
    <s v="CAD37R2583"/>
    <s v="S"/>
    <s v="KY"/>
    <s v="REV"/>
    <s v="974"/>
    <s v="GLBATCH"/>
    <n v="8"/>
    <n v="2016"/>
  </r>
  <r>
    <s v="110"/>
    <d v="2016-08-01T00:00:00"/>
    <x v="0"/>
    <x v="0"/>
    <s v="10828"/>
    <s v="GLNANDA"/>
    <n v="5305346"/>
    <n v="96901071"/>
    <s v="MACSS EST BILLED REV REVERSAL"/>
    <s v="GMM"/>
    <s v="NONBU"/>
    <s v="G0000110"/>
    <s v="N"/>
    <s v="MACSS EST BILLED REV REVERSAL"/>
    <s v="GLMCM001"/>
    <x v="5"/>
    <s v="CAD37R2583"/>
    <s v="S"/>
    <s v="KY"/>
    <s v="REV"/>
    <s v="974"/>
    <s v="GLBATCH"/>
    <n v="8"/>
    <n v="2016"/>
  </r>
  <r>
    <s v="110"/>
    <d v="2016-08-01T00:00:00"/>
    <x v="0"/>
    <x v="0"/>
    <s v="10828"/>
    <s v="GLNANDA"/>
    <n v="0"/>
    <n v="-2"/>
    <s v="MACSS EST BILLED REV REVERSAL"/>
    <s v="GMM"/>
    <s v="NONBU"/>
    <s v="G0000110"/>
    <s v="N"/>
    <s v="MACSS EST BILLED REV REVERSAL"/>
    <s v="GLMCM001"/>
    <x v="5"/>
    <s v="CAD37R2583"/>
    <s v="S"/>
    <s v="KY"/>
    <s v="REV"/>
    <s v="974"/>
    <s v="GLBATCH"/>
    <n v="8"/>
    <n v="2016"/>
  </r>
  <r>
    <s v="110"/>
    <d v="2016-08-01T00:00:00"/>
    <x v="3"/>
    <x v="0"/>
    <s v="10828"/>
    <s v="GLNANDA"/>
    <n v="9016"/>
    <n v="109674"/>
    <s v="MACSS EST BILLED REV REVERSAL"/>
    <s v="GMM"/>
    <s v="NONBU"/>
    <s v="G0000110"/>
    <s v="N"/>
    <s v="MACSS EST BILLED REV REVERSAL"/>
    <s v="GLMCM001"/>
    <x v="5"/>
    <s v="CAD37R2583"/>
    <s v="S"/>
    <s v="KY"/>
    <s v="REV"/>
    <s v="974"/>
    <s v="GLBATCH"/>
    <n v="8"/>
    <n v="2016"/>
  </r>
  <r>
    <s v="110"/>
    <d v="2016-10-01T00:00:00"/>
    <x v="2"/>
    <x v="0"/>
    <s v="10828"/>
    <s v="GLNANDA"/>
    <n v="0"/>
    <n v="-1"/>
    <s v="MACSS EST BILLED REV REVERSAL"/>
    <s v="GMM"/>
    <s v="NONBU"/>
    <s v="G0000110"/>
    <s v="N"/>
    <s v="MACSS EST BILLED REV REVERSAL"/>
    <s v="GLMCM001"/>
    <x v="5"/>
    <s v="CAD37R3260"/>
    <s v="S"/>
    <s v="KY"/>
    <s v="REV"/>
    <s v="974"/>
    <s v="GLBATCH"/>
    <n v="10"/>
    <n v="2016"/>
  </r>
  <r>
    <s v="110"/>
    <d v="2016-10-01T00:00:00"/>
    <x v="2"/>
    <x v="0"/>
    <s v="10828"/>
    <s v="GLNANDA"/>
    <n v="5435"/>
    <n v="48075"/>
    <s v="MACSS EST BILLED REV REVERSAL"/>
    <s v="GMM"/>
    <s v="NONBU"/>
    <s v="G0000110"/>
    <s v="N"/>
    <s v="MACSS EST BILLED REV REVERSAL"/>
    <s v="GLMCM001"/>
    <x v="5"/>
    <s v="CAD37R3260"/>
    <s v="S"/>
    <s v="KY"/>
    <s v="REV"/>
    <s v="974"/>
    <s v="GLBATCH"/>
    <n v="10"/>
    <n v="2016"/>
  </r>
  <r>
    <s v="110"/>
    <d v="2016-10-01T00:00:00"/>
    <x v="0"/>
    <x v="0"/>
    <s v="10828"/>
    <s v="GLNANDA"/>
    <n v="456162"/>
    <n v="7754477"/>
    <s v="MACSS EST BILLED REV REVERSAL"/>
    <s v="GMM"/>
    <s v="NONBU"/>
    <s v="G0000110"/>
    <s v="N"/>
    <s v="MACSS EST BILLED REV REVERSAL"/>
    <s v="GLMCM001"/>
    <x v="5"/>
    <s v="CAD37R3260"/>
    <s v="S"/>
    <s v="KY"/>
    <s v="REV"/>
    <s v="974"/>
    <s v="GLBATCH"/>
    <n v="10"/>
    <n v="2016"/>
  </r>
  <r>
    <s v="110"/>
    <d v="2016-10-01T00:00:00"/>
    <x v="3"/>
    <x v="0"/>
    <s v="10828"/>
    <s v="GLNANDA"/>
    <n v="9621"/>
    <n v="82103"/>
    <s v="MACSS EST BILLED REV REVERSAL"/>
    <s v="GMM"/>
    <s v="NONBU"/>
    <s v="G0000110"/>
    <s v="N"/>
    <s v="MACSS EST BILLED REV REVERSAL"/>
    <s v="GLMCM001"/>
    <x v="5"/>
    <s v="CAD37R3260"/>
    <s v="S"/>
    <s v="KY"/>
    <s v="REV"/>
    <s v="974"/>
    <s v="GLBATCH"/>
    <n v="10"/>
    <n v="2016"/>
  </r>
  <r>
    <s v="110"/>
    <d v="2016-10-01T00:00:00"/>
    <x v="0"/>
    <x v="0"/>
    <s v="10828"/>
    <s v="GLNANDA"/>
    <n v="0"/>
    <n v="-2"/>
    <s v="MACSS EST BILLED REV REVERSAL"/>
    <s v="GMM"/>
    <s v="NONBU"/>
    <s v="G0000110"/>
    <s v="N"/>
    <s v="MACSS EST BILLED REV REVERSAL"/>
    <s v="GLMCM001"/>
    <x v="5"/>
    <s v="CAD37R3260"/>
    <s v="S"/>
    <s v="KY"/>
    <s v="REV"/>
    <s v="974"/>
    <s v="GLBATCH"/>
    <n v="10"/>
    <n v="2016"/>
  </r>
  <r>
    <s v="110"/>
    <d v="2016-10-01T00:00:00"/>
    <x v="3"/>
    <x v="0"/>
    <s v="10828"/>
    <s v="GLNANDA"/>
    <n v="0"/>
    <n v="-1"/>
    <s v="MACSS EST BILLED REV REVERSAL"/>
    <s v="GMM"/>
    <s v="NONBU"/>
    <s v="G0000110"/>
    <s v="N"/>
    <s v="MACSS EST BILLED REV REVERSAL"/>
    <s v="GLMCM001"/>
    <x v="5"/>
    <s v="CAD37R3260"/>
    <s v="S"/>
    <s v="KY"/>
    <s v="REV"/>
    <s v="974"/>
    <s v="GLBATCH"/>
    <n v="10"/>
    <n v="2016"/>
  </r>
  <r>
    <s v="110"/>
    <d v="2016-12-01T00:00:00"/>
    <x v="0"/>
    <x v="0"/>
    <s v="10828"/>
    <s v="GLNANDA"/>
    <n v="0"/>
    <n v="-2"/>
    <s v="MACSS EST BILLED REV REVERSAL"/>
    <s v="GMM"/>
    <s v="NONBU"/>
    <s v="G0000110"/>
    <s v="N"/>
    <s v="MACSS EST BILLED REV REVERSAL"/>
    <s v="GLMCM001"/>
    <x v="5"/>
    <s v="CAD37R4310"/>
    <s v="S"/>
    <s v="KY"/>
    <s v="REV"/>
    <s v="974"/>
    <s v="GLBATCH"/>
    <n v="12"/>
    <n v="2016"/>
  </r>
  <r>
    <s v="110"/>
    <d v="2016-12-01T00:00:00"/>
    <x v="2"/>
    <x v="0"/>
    <s v="10828"/>
    <s v="GLNANDA"/>
    <n v="0"/>
    <n v="-1"/>
    <s v="MACSS EST BILLED REV REVERSAL"/>
    <s v="GMM"/>
    <s v="NONBU"/>
    <s v="G0000110"/>
    <s v="N"/>
    <s v="MACSS EST BILLED REV REVERSAL"/>
    <s v="GLMCM001"/>
    <x v="5"/>
    <s v="CAD37R4310"/>
    <s v="S"/>
    <s v="KY"/>
    <s v="REV"/>
    <s v="974"/>
    <s v="GLBATCH"/>
    <n v="12"/>
    <n v="2016"/>
  </r>
  <r>
    <s v="110"/>
    <d v="2016-12-01T00:00:00"/>
    <x v="2"/>
    <x v="0"/>
    <s v="10828"/>
    <s v="GLNANDA"/>
    <n v="1170"/>
    <n v="9162"/>
    <s v="MACSS EST BILLED REV REVERSAL"/>
    <s v="GMM"/>
    <s v="NONBU"/>
    <s v="G0000110"/>
    <s v="N"/>
    <s v="MACSS EST BILLED REV REVERSAL"/>
    <s v="GLMCM001"/>
    <x v="5"/>
    <s v="CAD37R4310"/>
    <s v="S"/>
    <s v="KY"/>
    <s v="REV"/>
    <s v="974"/>
    <s v="GLBATCH"/>
    <n v="12"/>
    <n v="2016"/>
  </r>
  <r>
    <s v="110"/>
    <d v="2016-12-01T00:00:00"/>
    <x v="0"/>
    <x v="0"/>
    <s v="10828"/>
    <s v="GLNANDA"/>
    <n v="461994"/>
    <n v="7965897"/>
    <s v="MACSS EST BILLED REV REVERSAL"/>
    <s v="GMM"/>
    <s v="NONBU"/>
    <s v="G0000110"/>
    <s v="N"/>
    <s v="MACSS EST BILLED REV REVERSAL"/>
    <s v="GLMCM001"/>
    <x v="5"/>
    <s v="CAD37R4310"/>
    <s v="S"/>
    <s v="KY"/>
    <s v="REV"/>
    <s v="974"/>
    <s v="GLBATCH"/>
    <n v="12"/>
    <n v="2016"/>
  </r>
  <r>
    <s v="110"/>
    <d v="2016-05-01T00:00:00"/>
    <x v="2"/>
    <x v="0"/>
    <s v="10828"/>
    <s v="GLNANDA"/>
    <n v="150897"/>
    <n v="2008286"/>
    <s v="MACSS EST BILLED REV REVERSAL"/>
    <s v="GMM"/>
    <s v="NONBU"/>
    <s v="G0000110"/>
    <s v="N"/>
    <s v="MACSS EST BILLED REV REVERSAL"/>
    <s v="GLMCM001"/>
    <x v="5"/>
    <s v="CAD37R4540"/>
    <s v="S"/>
    <s v="KY"/>
    <s v="REV"/>
    <s v="974"/>
    <s v="GLBATCH"/>
    <n v="5"/>
    <n v="2016"/>
  </r>
  <r>
    <s v="110"/>
    <d v="2016-05-01T00:00:00"/>
    <x v="2"/>
    <x v="0"/>
    <s v="10828"/>
    <s v="GLNANDA"/>
    <n v="0"/>
    <n v="-1"/>
    <s v="MACSS EST BILLED REV REVERSAL"/>
    <s v="GMM"/>
    <s v="NONBU"/>
    <s v="G0000110"/>
    <s v="N"/>
    <s v="MACSS EST BILLED REV REVERSAL"/>
    <s v="GLMCM001"/>
    <x v="5"/>
    <s v="CAD37R4540"/>
    <s v="S"/>
    <s v="KY"/>
    <s v="REV"/>
    <s v="974"/>
    <s v="GLBATCH"/>
    <n v="5"/>
    <n v="2016"/>
  </r>
  <r>
    <s v="110"/>
    <d v="2016-05-01T00:00:00"/>
    <x v="0"/>
    <x v="0"/>
    <s v="10828"/>
    <s v="GLNANDA"/>
    <n v="5845194"/>
    <n v="102614167"/>
    <s v="MACSS EST BILLED REV REVERSAL"/>
    <s v="GMM"/>
    <s v="NONBU"/>
    <s v="G0000110"/>
    <s v="N"/>
    <s v="MACSS EST BILLED REV REVERSAL"/>
    <s v="GLMCM001"/>
    <x v="5"/>
    <s v="CAD37R4540"/>
    <s v="S"/>
    <s v="KY"/>
    <s v="REV"/>
    <s v="974"/>
    <s v="GLBATCH"/>
    <n v="5"/>
    <n v="2016"/>
  </r>
  <r>
    <s v="110"/>
    <d v="2016-05-01T00:00:00"/>
    <x v="3"/>
    <x v="0"/>
    <s v="10828"/>
    <s v="GLNANDA"/>
    <n v="0"/>
    <n v="-3"/>
    <s v="MACSS EST BILLED REV REVERSAL"/>
    <s v="GMM"/>
    <s v="NONBU"/>
    <s v="G0000110"/>
    <s v="N"/>
    <s v="MACSS EST BILLED REV REVERSAL"/>
    <s v="GLMCM001"/>
    <x v="5"/>
    <s v="CAD37R4540"/>
    <s v="S"/>
    <s v="KY"/>
    <s v="REV"/>
    <s v="974"/>
    <s v="GLBATCH"/>
    <n v="5"/>
    <n v="2016"/>
  </r>
  <r>
    <s v="110"/>
    <d v="2016-05-01T00:00:00"/>
    <x v="3"/>
    <x v="0"/>
    <s v="10828"/>
    <s v="GLNANDA"/>
    <n v="67078"/>
    <n v="774475"/>
    <s v="MACSS EST BILLED REV REVERSAL"/>
    <s v="GMM"/>
    <s v="NONBU"/>
    <s v="G0000110"/>
    <s v="N"/>
    <s v="MACSS EST BILLED REV REVERSAL"/>
    <s v="GLMCM001"/>
    <x v="5"/>
    <s v="CAD37R4540"/>
    <s v="S"/>
    <s v="KY"/>
    <s v="REV"/>
    <s v="974"/>
    <s v="GLBATCH"/>
    <n v="5"/>
    <n v="2016"/>
  </r>
  <r>
    <s v="110"/>
    <d v="2016-05-01T00:00:00"/>
    <x v="0"/>
    <x v="0"/>
    <s v="10828"/>
    <s v="GLNANDA"/>
    <n v="0"/>
    <n v="-4"/>
    <s v="MACSS EST BILLED REV REVERSAL"/>
    <s v="GMM"/>
    <s v="NONBU"/>
    <s v="G0000110"/>
    <s v="N"/>
    <s v="MACSS EST BILLED REV REVERSAL"/>
    <s v="GLMCM001"/>
    <x v="5"/>
    <s v="CAD37R4540"/>
    <s v="S"/>
    <s v="KY"/>
    <s v="REV"/>
    <s v="974"/>
    <s v="GLBATCH"/>
    <n v="5"/>
    <n v="2016"/>
  </r>
  <r>
    <s v="110"/>
    <d v="2016-05-01T00:00:00"/>
    <x v="0"/>
    <x v="0"/>
    <s v="10828"/>
    <s v="GLNANDA"/>
    <n v="-5845194"/>
    <n v="-102614167"/>
    <s v="MACSS EST BILLED REV REVERSAL"/>
    <s v="GMM"/>
    <s v="NONBU"/>
    <s v="G0000110"/>
    <s v="N"/>
    <s v="MACSS EST BILLED REV REVERSAL"/>
    <s v="GLMCM001"/>
    <x v="5"/>
    <s v="CAD37R4540"/>
    <s v="S"/>
    <s v="KY"/>
    <s v="REV"/>
    <s v="974"/>
    <s v="GLBATCH"/>
    <n v="5"/>
    <n v="2016"/>
  </r>
  <r>
    <s v="110"/>
    <d v="2016-05-01T00:00:00"/>
    <x v="0"/>
    <x v="0"/>
    <s v="10828"/>
    <s v="GLNANDA"/>
    <n v="0"/>
    <n v="4"/>
    <s v="MACSS EST BILLED REV REVERSAL"/>
    <s v="GMM"/>
    <s v="NONBU"/>
    <s v="G0000110"/>
    <s v="N"/>
    <s v="MACSS EST BILLED REV REVERSAL"/>
    <s v="GLMCM001"/>
    <x v="5"/>
    <s v="CAD37R4540"/>
    <s v="S"/>
    <s v="KY"/>
    <s v="REV"/>
    <s v="974"/>
    <s v="GLBATCH"/>
    <n v="5"/>
    <n v="2016"/>
  </r>
  <r>
    <s v="110"/>
    <d v="2016-05-01T00:00:00"/>
    <x v="2"/>
    <x v="0"/>
    <s v="10828"/>
    <s v="GLNANDA"/>
    <n v="-150897"/>
    <n v="-2008286"/>
    <s v="MACSS EST BILLED REV REVERSAL"/>
    <s v="GMM"/>
    <s v="NONBU"/>
    <s v="G0000110"/>
    <s v="N"/>
    <s v="MACSS EST BILLED REV REVERSAL"/>
    <s v="GLMCM001"/>
    <x v="5"/>
    <s v="CAD37R4540"/>
    <s v="S"/>
    <s v="KY"/>
    <s v="REV"/>
    <s v="974"/>
    <s v="GLBATCH"/>
    <n v="5"/>
    <n v="2016"/>
  </r>
  <r>
    <s v="110"/>
    <d v="2016-05-01T00:00:00"/>
    <x v="2"/>
    <x v="0"/>
    <s v="10828"/>
    <s v="GLNANDA"/>
    <n v="0"/>
    <n v="1"/>
    <s v="MACSS EST BILLED REV REVERSAL"/>
    <s v="GMM"/>
    <s v="NONBU"/>
    <s v="G0000110"/>
    <s v="N"/>
    <s v="MACSS EST BILLED REV REVERSAL"/>
    <s v="GLMCM001"/>
    <x v="5"/>
    <s v="CAD37R4540"/>
    <s v="S"/>
    <s v="KY"/>
    <s v="REV"/>
    <s v="974"/>
    <s v="GLBATCH"/>
    <n v="5"/>
    <n v="2016"/>
  </r>
  <r>
    <s v="110"/>
    <d v="2016-05-01T00:00:00"/>
    <x v="3"/>
    <x v="0"/>
    <s v="10828"/>
    <s v="GLNANDA"/>
    <n v="-67078"/>
    <n v="-774475"/>
    <s v="MACSS EST BILLED REV REVERSAL"/>
    <s v="GMM"/>
    <s v="NONBU"/>
    <s v="G0000110"/>
    <s v="N"/>
    <s v="MACSS EST BILLED REV REVERSAL"/>
    <s v="GLMCM001"/>
    <x v="5"/>
    <s v="CAD37R4540"/>
    <s v="S"/>
    <s v="KY"/>
    <s v="REV"/>
    <s v="974"/>
    <s v="GLBATCH"/>
    <n v="5"/>
    <n v="2016"/>
  </r>
  <r>
    <s v="110"/>
    <d v="2016-05-01T00:00:00"/>
    <x v="3"/>
    <x v="0"/>
    <s v="10828"/>
    <s v="GLNANDA"/>
    <n v="0"/>
    <n v="3"/>
    <s v="MACSS EST BILLED REV REVERSAL"/>
    <s v="GMM"/>
    <s v="NONBU"/>
    <s v="G0000110"/>
    <s v="N"/>
    <s v="MACSS EST BILLED REV REVERSAL"/>
    <s v="GLMCM001"/>
    <x v="5"/>
    <s v="CAD37R4540"/>
    <s v="S"/>
    <s v="KY"/>
    <s v="REV"/>
    <s v="974"/>
    <s v="GLBATCH"/>
    <n v="5"/>
    <n v="2016"/>
  </r>
  <r>
    <s v="110"/>
    <d v="2016-05-01T00:00:00"/>
    <x v="3"/>
    <x v="0"/>
    <s v="10828"/>
    <s v="GLNANDA"/>
    <n v="0"/>
    <n v="-3"/>
    <s v="MACSS EST BILLED REV REVERSAL"/>
    <s v="GMM"/>
    <s v="NONBU"/>
    <s v="G0000110"/>
    <s v="N"/>
    <s v="MACSS EST BILLED REV REVERSAL"/>
    <s v="GLMCM001"/>
    <x v="5"/>
    <s v="CAD37R5346"/>
    <s v="S"/>
    <s v="KY"/>
    <s v="REV"/>
    <s v="974"/>
    <s v="GLBATCH"/>
    <n v="5"/>
    <n v="2016"/>
  </r>
  <r>
    <s v="110"/>
    <d v="2016-05-01T00:00:00"/>
    <x v="3"/>
    <x v="0"/>
    <s v="10828"/>
    <s v="GLNANDA"/>
    <n v="67078"/>
    <n v="774475"/>
    <s v="MACSS EST BILLED REV REVERSAL"/>
    <s v="GMM"/>
    <s v="NONBU"/>
    <s v="G0000110"/>
    <s v="N"/>
    <s v="MACSS EST BILLED REV REVERSAL"/>
    <s v="GLMCM001"/>
    <x v="5"/>
    <s v="CAD37R5346"/>
    <s v="S"/>
    <s v="KY"/>
    <s v="REV"/>
    <s v="974"/>
    <s v="GLBATCH"/>
    <n v="5"/>
    <n v="2016"/>
  </r>
  <r>
    <s v="110"/>
    <d v="2016-05-01T00:00:00"/>
    <x v="2"/>
    <x v="0"/>
    <s v="10828"/>
    <s v="GLNANDA"/>
    <n v="0"/>
    <n v="-1"/>
    <s v="MACSS EST BILLED REV REVERSAL"/>
    <s v="GMM"/>
    <s v="NONBU"/>
    <s v="G0000110"/>
    <s v="N"/>
    <s v="MACSS EST BILLED REV REVERSAL"/>
    <s v="GLMCM001"/>
    <x v="5"/>
    <s v="CAD37R5346"/>
    <s v="S"/>
    <s v="KY"/>
    <s v="REV"/>
    <s v="974"/>
    <s v="GLBATCH"/>
    <n v="5"/>
    <n v="2016"/>
  </r>
  <r>
    <s v="110"/>
    <d v="2016-05-01T00:00:00"/>
    <x v="0"/>
    <x v="0"/>
    <s v="10828"/>
    <s v="GLNANDA"/>
    <n v="0"/>
    <n v="-4"/>
    <s v="MACSS EST BILLED REV REVERSAL"/>
    <s v="GMM"/>
    <s v="NONBU"/>
    <s v="G0000110"/>
    <s v="N"/>
    <s v="MACSS EST BILLED REV REVERSAL"/>
    <s v="GLMCM001"/>
    <x v="5"/>
    <s v="CAD37R5346"/>
    <s v="S"/>
    <s v="KY"/>
    <s v="REV"/>
    <s v="974"/>
    <s v="GLBATCH"/>
    <n v="5"/>
    <n v="2016"/>
  </r>
  <r>
    <s v="110"/>
    <d v="2016-05-01T00:00:00"/>
    <x v="0"/>
    <x v="0"/>
    <s v="10828"/>
    <s v="GLNANDA"/>
    <n v="5545409"/>
    <n v="102614167"/>
    <s v="MACSS EST BILLED REV REVERSAL"/>
    <s v="GMM"/>
    <s v="NONBU"/>
    <s v="G0000110"/>
    <s v="N"/>
    <s v="MACSS EST BILLED REV REVERSAL"/>
    <s v="GLMCM001"/>
    <x v="5"/>
    <s v="CAD37R5346"/>
    <s v="S"/>
    <s v="KY"/>
    <s v="REV"/>
    <s v="974"/>
    <s v="GLBATCH"/>
    <n v="5"/>
    <n v="2016"/>
  </r>
  <r>
    <s v="110"/>
    <d v="2016-05-01T00:00:00"/>
    <x v="2"/>
    <x v="0"/>
    <s v="10828"/>
    <s v="GLNANDA"/>
    <n v="150897"/>
    <n v="2008286"/>
    <s v="MACSS EST BILLED REV REVERSAL"/>
    <s v="GMM"/>
    <s v="NONBU"/>
    <s v="G0000110"/>
    <s v="N"/>
    <s v="MACSS EST BILLED REV REVERSAL"/>
    <s v="GLMCM001"/>
    <x v="5"/>
    <s v="CAD37R5346"/>
    <s v="S"/>
    <s v="KY"/>
    <s v="REV"/>
    <s v="974"/>
    <s v="GLBATCH"/>
    <n v="5"/>
    <n v="2016"/>
  </r>
  <r>
    <s v="110"/>
    <d v="2016-07-01T00:00:00"/>
    <x v="3"/>
    <x v="0"/>
    <s v="10828"/>
    <s v="GLNANDA"/>
    <n v="0"/>
    <n v="-2"/>
    <s v="MACSS EST BILLED REV REVERSAL"/>
    <s v="GMM"/>
    <s v="NONBU"/>
    <s v="G0000110"/>
    <s v="N"/>
    <s v="MACSS EST BILLED REV REVERSAL"/>
    <s v="GLMCM001"/>
    <x v="5"/>
    <s v="CAD37R5430"/>
    <s v="S"/>
    <s v="KY"/>
    <s v="REV"/>
    <s v="974"/>
    <s v="GLBATCH"/>
    <n v="7"/>
    <n v="2016"/>
  </r>
  <r>
    <s v="110"/>
    <d v="2016-07-01T00:00:00"/>
    <x v="0"/>
    <x v="0"/>
    <s v="10828"/>
    <s v="GLNANDA"/>
    <n v="0"/>
    <n v="-3"/>
    <s v="MACSS EST BILLED REV REVERSAL"/>
    <s v="GMM"/>
    <s v="NONBU"/>
    <s v="G0000110"/>
    <s v="N"/>
    <s v="MACSS EST BILLED REV REVERSAL"/>
    <s v="GLMCM001"/>
    <x v="5"/>
    <s v="CAD37R5430"/>
    <s v="S"/>
    <s v="KY"/>
    <s v="REV"/>
    <s v="974"/>
    <s v="GLBATCH"/>
    <n v="7"/>
    <n v="2016"/>
  </r>
  <r>
    <s v="110"/>
    <d v="2016-07-01T00:00:00"/>
    <x v="3"/>
    <x v="0"/>
    <s v="10828"/>
    <s v="GLNANDA"/>
    <n v="10031"/>
    <n v="112312"/>
    <s v="MACSS EST BILLED REV REVERSAL"/>
    <s v="GMM"/>
    <s v="NONBU"/>
    <s v="G0000110"/>
    <s v="N"/>
    <s v="MACSS EST BILLED REV REVERSAL"/>
    <s v="GLMCM001"/>
    <x v="5"/>
    <s v="CAD37R5430"/>
    <s v="S"/>
    <s v="KY"/>
    <s v="REV"/>
    <s v="974"/>
    <s v="GLBATCH"/>
    <n v="7"/>
    <n v="2016"/>
  </r>
  <r>
    <s v="110"/>
    <d v="2016-07-01T00:00:00"/>
    <x v="0"/>
    <x v="0"/>
    <s v="10828"/>
    <s v="GLNANDA"/>
    <n v="5372848"/>
    <n v="93707746"/>
    <s v="MACSS EST BILLED REV REVERSAL"/>
    <s v="GMM"/>
    <s v="NONBU"/>
    <s v="G0000110"/>
    <s v="N"/>
    <s v="MACSS EST BILLED REV REVERSAL"/>
    <s v="GLMCM001"/>
    <x v="5"/>
    <s v="CAD37R5430"/>
    <s v="S"/>
    <s v="KY"/>
    <s v="REV"/>
    <s v="974"/>
    <s v="GLBATCH"/>
    <n v="7"/>
    <n v="2016"/>
  </r>
  <r>
    <s v="110"/>
    <d v="2017-02-01T00:00:00"/>
    <x v="2"/>
    <x v="0"/>
    <s v="10828"/>
    <s v="GLNANDA"/>
    <n v="204149"/>
    <n v="2216073"/>
    <s v="MACSS EST BILLED REV REVERSAL"/>
    <s v="GMM"/>
    <s v="NONBU"/>
    <s v="G0000110"/>
    <s v="N"/>
    <s v="MACSS EST BILLED REV REVERSAL"/>
    <s v="GLMCM001"/>
    <x v="5"/>
    <s v="CAD37R5886"/>
    <s v="S"/>
    <s v="KY"/>
    <s v="REV"/>
    <s v="974"/>
    <s v="GLBATCH"/>
    <n v="2"/>
    <n v="2017"/>
  </r>
  <r>
    <s v="110"/>
    <d v="2017-02-01T00:00:00"/>
    <x v="2"/>
    <x v="0"/>
    <s v="10828"/>
    <s v="GLNANDA"/>
    <n v="0"/>
    <n v="-3"/>
    <s v="MACSS EST BILLED REV REVERSAL"/>
    <s v="GMM"/>
    <s v="NONBU"/>
    <s v="G0000110"/>
    <s v="N"/>
    <s v="MACSS EST BILLED REV REVERSAL"/>
    <s v="GLMCM001"/>
    <x v="5"/>
    <s v="CAD37R5886"/>
    <s v="S"/>
    <s v="KY"/>
    <s v="REV"/>
    <s v="974"/>
    <s v="GLBATCH"/>
    <n v="2"/>
    <n v="2017"/>
  </r>
  <r>
    <s v="110"/>
    <d v="2017-02-01T00:00:00"/>
    <x v="7"/>
    <x v="0"/>
    <s v="10828"/>
    <s v="GLNANDA"/>
    <n v="13459"/>
    <n v="118942"/>
    <s v="MACSS EST BILLED REV REVERSAL"/>
    <s v="GMM"/>
    <s v="NONBU"/>
    <s v="G0000110"/>
    <s v="N"/>
    <s v="MACSS EST BILLED REV REVERSAL"/>
    <s v="GLMCM001"/>
    <x v="5"/>
    <s v="CAD37R5886"/>
    <s v="S"/>
    <s v="KY"/>
    <s v="REV"/>
    <s v="974"/>
    <s v="GLBATCH"/>
    <n v="2"/>
    <n v="2017"/>
  </r>
  <r>
    <s v="110"/>
    <d v="2017-02-01T00:00:00"/>
    <x v="7"/>
    <x v="0"/>
    <s v="10828"/>
    <s v="GLNANDA"/>
    <n v="0"/>
    <n v="-2"/>
    <s v="MACSS EST BILLED REV REVERSAL"/>
    <s v="GMM"/>
    <s v="NONBU"/>
    <s v="G0000110"/>
    <s v="N"/>
    <s v="MACSS EST BILLED REV REVERSAL"/>
    <s v="GLMCM001"/>
    <x v="5"/>
    <s v="CAD37R5886"/>
    <s v="S"/>
    <s v="KY"/>
    <s v="REV"/>
    <s v="974"/>
    <s v="GLBATCH"/>
    <n v="2"/>
    <n v="2017"/>
  </r>
  <r>
    <s v="110"/>
    <d v="2017-02-01T00:00:00"/>
    <x v="0"/>
    <x v="0"/>
    <s v="10828"/>
    <s v="GLNANDA"/>
    <n v="2272431"/>
    <n v="35936427"/>
    <s v="MACSS EST BILLED REV REVERSAL"/>
    <s v="GMM"/>
    <s v="NONBU"/>
    <s v="G0000110"/>
    <s v="N"/>
    <s v="MACSS EST BILLED REV REVERSAL"/>
    <s v="GLMCM001"/>
    <x v="5"/>
    <s v="CAD37R5886"/>
    <s v="S"/>
    <s v="KY"/>
    <s v="REV"/>
    <s v="974"/>
    <s v="GLBATCH"/>
    <n v="2"/>
    <n v="2017"/>
  </r>
  <r>
    <s v="110"/>
    <d v="2017-02-01T00:00:00"/>
    <x v="0"/>
    <x v="0"/>
    <s v="10828"/>
    <s v="GLNANDA"/>
    <n v="0"/>
    <n v="-10"/>
    <s v="MACSS EST BILLED REV REVERSAL"/>
    <s v="GMM"/>
    <s v="NONBU"/>
    <s v="G0000110"/>
    <s v="N"/>
    <s v="MACSS EST BILLED REV REVERSAL"/>
    <s v="GLMCM001"/>
    <x v="5"/>
    <s v="CAD37R5886"/>
    <s v="S"/>
    <s v="KY"/>
    <s v="REV"/>
    <s v="974"/>
    <s v="GLBATCH"/>
    <n v="2"/>
    <n v="2017"/>
  </r>
  <r>
    <s v="110"/>
    <d v="2017-02-01T00:00:00"/>
    <x v="5"/>
    <x v="0"/>
    <s v="10828"/>
    <s v="GLNANDA"/>
    <n v="19909"/>
    <n v="165224"/>
    <s v="MACSS EST BILLED REV REVERSAL"/>
    <s v="GMM"/>
    <s v="NONBU"/>
    <s v="G0000110"/>
    <s v="N"/>
    <s v="MACSS EST BILLED REV REVERSAL"/>
    <s v="GLMCM001"/>
    <x v="5"/>
    <s v="CAD37R5886"/>
    <s v="S"/>
    <s v="KY"/>
    <s v="REV"/>
    <s v="974"/>
    <s v="GLBATCH"/>
    <n v="2"/>
    <n v="2017"/>
  </r>
  <r>
    <s v="110"/>
    <d v="2017-02-01T00:00:00"/>
    <x v="5"/>
    <x v="0"/>
    <s v="10828"/>
    <s v="GLNANDA"/>
    <n v="0"/>
    <n v="-1"/>
    <s v="MACSS EST BILLED REV REVERSAL"/>
    <s v="GMM"/>
    <s v="NONBU"/>
    <s v="G0000110"/>
    <s v="N"/>
    <s v="MACSS EST BILLED REV REVERSAL"/>
    <s v="GLMCM001"/>
    <x v="5"/>
    <s v="CAD37R5886"/>
    <s v="S"/>
    <s v="KY"/>
    <s v="REV"/>
    <s v="974"/>
    <s v="GLBATCH"/>
    <n v="2"/>
    <n v="2017"/>
  </r>
  <r>
    <s v="110"/>
    <d v="2017-02-01T00:00:00"/>
    <x v="3"/>
    <x v="0"/>
    <s v="10828"/>
    <s v="GLNANDA"/>
    <n v="0"/>
    <n v="-3"/>
    <s v="MACSS EST BILLED REV REVERSAL"/>
    <s v="GMM"/>
    <s v="NONBU"/>
    <s v="G0000110"/>
    <s v="N"/>
    <s v="MACSS EST BILLED REV REVERSAL"/>
    <s v="GLMCM001"/>
    <x v="5"/>
    <s v="CAD37R5886"/>
    <s v="S"/>
    <s v="KY"/>
    <s v="REV"/>
    <s v="974"/>
    <s v="GLBATCH"/>
    <n v="2"/>
    <n v="2017"/>
  </r>
  <r>
    <s v="110"/>
    <d v="2017-02-01T00:00:00"/>
    <x v="3"/>
    <x v="0"/>
    <s v="10828"/>
    <s v="GLNANDA"/>
    <n v="65729"/>
    <n v="810936"/>
    <s v="MACSS EST BILLED REV REVERSAL"/>
    <s v="GMM"/>
    <s v="NONBU"/>
    <s v="G0000110"/>
    <s v="N"/>
    <s v="MACSS EST BILLED REV REVERSAL"/>
    <s v="GLMCM001"/>
    <x v="5"/>
    <s v="CAD37R5886"/>
    <s v="S"/>
    <s v="KY"/>
    <s v="REV"/>
    <s v="974"/>
    <s v="GLBATCH"/>
    <n v="2"/>
    <n v="2017"/>
  </r>
  <r>
    <s v="110"/>
    <d v="2016-04-01T00:00:00"/>
    <x v="3"/>
    <x v="0"/>
    <s v="10828"/>
    <s v="GLNANDA"/>
    <n v="0"/>
    <n v="-7"/>
    <s v="MACSS EST BILLED REV REVERSAL"/>
    <s v="GMM"/>
    <s v="NONBU"/>
    <s v="G0000110"/>
    <s v="N"/>
    <s v="MACSS EST BILLED REV REVERSAL"/>
    <s v="GLMCM001"/>
    <x v="5"/>
    <s v="CAD37R7769"/>
    <s v="S"/>
    <s v="KY"/>
    <s v="REV"/>
    <s v="974"/>
    <s v="GLBATCH"/>
    <n v="4"/>
    <n v="2016"/>
  </r>
  <r>
    <s v="110"/>
    <d v="2016-04-01T00:00:00"/>
    <x v="0"/>
    <x v="0"/>
    <s v="10828"/>
    <s v="GLNANDA"/>
    <n v="382981"/>
    <n v="6745101"/>
    <s v="MACSS EST BILLED REV REVERSAL"/>
    <s v="GMM"/>
    <s v="NONBU"/>
    <s v="G0000110"/>
    <s v="N"/>
    <s v="MACSS EST BILLED REV REVERSAL"/>
    <s v="GLMCM001"/>
    <x v="5"/>
    <s v="CAD37R7769"/>
    <s v="S"/>
    <s v="KY"/>
    <s v="REV"/>
    <s v="974"/>
    <s v="GLBATCH"/>
    <n v="4"/>
    <n v="2016"/>
  </r>
  <r>
    <s v="110"/>
    <d v="2016-04-01T00:00:00"/>
    <x v="0"/>
    <x v="0"/>
    <s v="10828"/>
    <s v="GLNANDA"/>
    <n v="0"/>
    <n v="-1"/>
    <s v="MACSS EST BILLED REV REVERSAL"/>
    <s v="GMM"/>
    <s v="NONBU"/>
    <s v="G0000110"/>
    <s v="N"/>
    <s v="MACSS EST BILLED REV REVERSAL"/>
    <s v="GLMCM001"/>
    <x v="5"/>
    <s v="CAD37R7769"/>
    <s v="S"/>
    <s v="KY"/>
    <s v="REV"/>
    <s v="974"/>
    <s v="GLBATCH"/>
    <n v="4"/>
    <n v="2016"/>
  </r>
  <r>
    <s v="110"/>
    <d v="2016-04-01T00:00:00"/>
    <x v="3"/>
    <x v="0"/>
    <s v="10828"/>
    <s v="GLNANDA"/>
    <n v="162146"/>
    <n v="2202614"/>
    <s v="MACSS EST BILLED REV REVERSAL"/>
    <s v="GMM"/>
    <s v="NONBU"/>
    <s v="G0000110"/>
    <s v="N"/>
    <s v="MACSS EST BILLED REV REVERSAL"/>
    <s v="GLMCM001"/>
    <x v="5"/>
    <s v="CAD37R7769"/>
    <s v="S"/>
    <s v="KY"/>
    <s v="REV"/>
    <s v="974"/>
    <s v="GLBATCH"/>
    <n v="4"/>
    <n v="2016"/>
  </r>
  <r>
    <s v="110"/>
    <d v="2016-09-01T00:00:00"/>
    <x v="3"/>
    <x v="0"/>
    <s v="10828"/>
    <s v="GLNANDA"/>
    <n v="0"/>
    <n v="-2"/>
    <s v="MACSS EST BILLED REV REVERSAL"/>
    <s v="GMM"/>
    <s v="NONBU"/>
    <s v="G0000110"/>
    <s v="N"/>
    <s v="MACSS EST BILLED REV REVERSAL"/>
    <s v="GLMCM001"/>
    <x v="5"/>
    <s v="CAD37R8327"/>
    <s v="S"/>
    <s v="KY"/>
    <s v="REV"/>
    <s v="974"/>
    <s v="GLBATCH"/>
    <n v="9"/>
    <n v="2016"/>
  </r>
  <r>
    <s v="110"/>
    <d v="2016-09-01T00:00:00"/>
    <x v="3"/>
    <x v="0"/>
    <s v="10828"/>
    <s v="GLNANDA"/>
    <n v="13897"/>
    <n v="120940"/>
    <s v="MACSS EST BILLED REV REVERSAL"/>
    <s v="GMM"/>
    <s v="NONBU"/>
    <s v="G0000110"/>
    <s v="N"/>
    <s v="MACSS EST BILLED REV REVERSAL"/>
    <s v="GLMCM001"/>
    <x v="5"/>
    <s v="CAD37R8327"/>
    <s v="S"/>
    <s v="KY"/>
    <s v="REV"/>
    <s v="974"/>
    <s v="GLBATCH"/>
    <n v="9"/>
    <n v="2016"/>
  </r>
  <r>
    <s v="110"/>
    <d v="2016-09-01T00:00:00"/>
    <x v="2"/>
    <x v="0"/>
    <s v="10828"/>
    <s v="GLNANDA"/>
    <n v="10706"/>
    <n v="93843"/>
    <s v="MACSS EST BILLED REV REVERSAL"/>
    <s v="GMM"/>
    <s v="NONBU"/>
    <s v="G0000110"/>
    <s v="N"/>
    <s v="MACSS EST BILLED REV REVERSAL"/>
    <s v="GLMCM001"/>
    <x v="5"/>
    <s v="CAD37R8327"/>
    <s v="S"/>
    <s v="KY"/>
    <s v="REV"/>
    <s v="974"/>
    <s v="GLBATCH"/>
    <n v="9"/>
    <n v="2016"/>
  </r>
  <r>
    <s v="110"/>
    <d v="2016-09-01T00:00:00"/>
    <x v="0"/>
    <x v="0"/>
    <s v="10828"/>
    <s v="GLNANDA"/>
    <n v="980235"/>
    <n v="13997894"/>
    <s v="MACSS EST BILLED REV REVERSAL"/>
    <s v="GMM"/>
    <s v="NONBU"/>
    <s v="G0000110"/>
    <s v="N"/>
    <s v="MACSS EST BILLED REV REVERSAL"/>
    <s v="GLMCM001"/>
    <x v="5"/>
    <s v="CAD37R8327"/>
    <s v="S"/>
    <s v="KY"/>
    <s v="REV"/>
    <s v="974"/>
    <s v="GLBATCH"/>
    <n v="9"/>
    <n v="2016"/>
  </r>
  <r>
    <s v="110"/>
    <d v="2016-09-01T00:00:00"/>
    <x v="2"/>
    <x v="0"/>
    <s v="10828"/>
    <s v="GLNANDA"/>
    <n v="0"/>
    <n v="-2"/>
    <s v="MACSS EST BILLED REV REVERSAL"/>
    <s v="GMM"/>
    <s v="NONBU"/>
    <s v="G0000110"/>
    <s v="N"/>
    <s v="MACSS EST BILLED REV REVERSAL"/>
    <s v="GLMCM001"/>
    <x v="5"/>
    <s v="CAD37R8327"/>
    <s v="S"/>
    <s v="KY"/>
    <s v="REV"/>
    <s v="974"/>
    <s v="GLBATCH"/>
    <n v="9"/>
    <n v="2016"/>
  </r>
  <r>
    <s v="110"/>
    <d v="2016-09-01T00:00:00"/>
    <x v="0"/>
    <x v="0"/>
    <s v="10828"/>
    <s v="GLNANDA"/>
    <n v="0"/>
    <n v="-3"/>
    <s v="MACSS EST BILLED REV REVERSAL"/>
    <s v="GMM"/>
    <s v="NONBU"/>
    <s v="G0000110"/>
    <s v="N"/>
    <s v="MACSS EST BILLED REV REVERSAL"/>
    <s v="GLMCM001"/>
    <x v="5"/>
    <s v="CAD37R8327"/>
    <s v="S"/>
    <s v="KY"/>
    <s v="REV"/>
    <s v="974"/>
    <s v="GLBATCH"/>
    <n v="9"/>
    <n v="2016"/>
  </r>
  <r>
    <s v="110"/>
    <d v="2016-11-01T00:00:00"/>
    <x v="0"/>
    <x v="0"/>
    <s v="10828"/>
    <s v="GLNANDA"/>
    <n v="0"/>
    <n v="-1"/>
    <s v="MACSS EST BILLED REV REVERSAL"/>
    <s v="GMM"/>
    <s v="NONBU"/>
    <s v="G0000110"/>
    <s v="N"/>
    <s v="MACSS EST BILLED REV REVERSAL"/>
    <s v="GLMCM001"/>
    <x v="5"/>
    <s v="CAD37R9473"/>
    <s v="S"/>
    <s v="KY"/>
    <s v="REV"/>
    <s v="974"/>
    <s v="GLBATCH"/>
    <n v="11"/>
    <n v="2016"/>
  </r>
  <r>
    <s v="110"/>
    <d v="2016-11-01T00:00:00"/>
    <x v="0"/>
    <x v="0"/>
    <s v="10828"/>
    <s v="GLNANDA"/>
    <n v="389738"/>
    <n v="7125013"/>
    <s v="MACSS EST BILLED REV REVERSAL"/>
    <s v="GMM"/>
    <s v="NONBU"/>
    <s v="G0000110"/>
    <s v="N"/>
    <s v="MACSS EST BILLED REV REVERSAL"/>
    <s v="GLMCM001"/>
    <x v="5"/>
    <s v="CAD37R9473"/>
    <s v="S"/>
    <s v="KY"/>
    <s v="REV"/>
    <s v="974"/>
    <s v="GLBATCH"/>
    <n v="11"/>
    <n v="2016"/>
  </r>
  <r>
    <s v="110"/>
    <d v="2017-01-01T00:00:00"/>
    <x v="0"/>
    <x v="0"/>
    <s v="10828"/>
    <s v="GLNANDA"/>
    <n v="0"/>
    <n v="-4"/>
    <s v="MACSS EST BILLED REV REVERSAL"/>
    <s v="GMM"/>
    <s v="NONBU"/>
    <s v="G0000110"/>
    <s v="N"/>
    <s v="MACSS EST BILLED REV REVERSAL"/>
    <s v="GLMCM001"/>
    <x v="5"/>
    <s v="CAD37R9961"/>
    <s v="S"/>
    <s v="KY"/>
    <s v="REV"/>
    <s v="974"/>
    <s v="GLBATCH"/>
    <n v="1"/>
    <n v="2017"/>
  </r>
  <r>
    <s v="110"/>
    <d v="2017-01-01T00:00:00"/>
    <x v="2"/>
    <x v="0"/>
    <s v="10828"/>
    <s v="GLNANDA"/>
    <n v="0"/>
    <n v="-1"/>
    <s v="MACSS EST BILLED REV REVERSAL"/>
    <s v="GMM"/>
    <s v="NONBU"/>
    <s v="G0000110"/>
    <s v="N"/>
    <s v="MACSS EST BILLED REV REVERSAL"/>
    <s v="GLMCM001"/>
    <x v="5"/>
    <s v="CAD37R9961"/>
    <s v="S"/>
    <s v="KY"/>
    <s v="REV"/>
    <s v="974"/>
    <s v="GLBATCH"/>
    <n v="1"/>
    <n v="2017"/>
  </r>
  <r>
    <s v="110"/>
    <d v="2017-01-01T00:00:00"/>
    <x v="2"/>
    <x v="0"/>
    <s v="10828"/>
    <s v="GLNANDA"/>
    <n v="4366"/>
    <n v="35496"/>
    <s v="MACSS EST BILLED REV REVERSAL"/>
    <s v="GMM"/>
    <s v="NONBU"/>
    <s v="G0000110"/>
    <s v="N"/>
    <s v="MACSS EST BILLED REV REVERSAL"/>
    <s v="GLMCM001"/>
    <x v="5"/>
    <s v="CAD37R9961"/>
    <s v="S"/>
    <s v="KY"/>
    <s v="REV"/>
    <s v="974"/>
    <s v="GLBATCH"/>
    <n v="1"/>
    <n v="2017"/>
  </r>
  <r>
    <s v="110"/>
    <d v="2017-01-01T00:00:00"/>
    <x v="3"/>
    <x v="0"/>
    <s v="10828"/>
    <s v="GLNANDA"/>
    <n v="19410"/>
    <n v="165327"/>
    <s v="MACSS EST BILLED REV REVERSAL"/>
    <s v="GMM"/>
    <s v="NONBU"/>
    <s v="G0000110"/>
    <s v="N"/>
    <s v="MACSS EST BILLED REV REVERSAL"/>
    <s v="GLMCM001"/>
    <x v="5"/>
    <s v="CAD37R9961"/>
    <s v="S"/>
    <s v="KY"/>
    <s v="REV"/>
    <s v="974"/>
    <s v="GLBATCH"/>
    <n v="1"/>
    <n v="2017"/>
  </r>
  <r>
    <s v="110"/>
    <d v="2017-01-01T00:00:00"/>
    <x v="3"/>
    <x v="0"/>
    <s v="10828"/>
    <s v="GLNANDA"/>
    <n v="0"/>
    <n v="-1"/>
    <s v="MACSS EST BILLED REV REVERSAL"/>
    <s v="GMM"/>
    <s v="NONBU"/>
    <s v="G0000110"/>
    <s v="N"/>
    <s v="MACSS EST BILLED REV REVERSAL"/>
    <s v="GLMCM001"/>
    <x v="5"/>
    <s v="CAD37R9961"/>
    <s v="S"/>
    <s v="KY"/>
    <s v="REV"/>
    <s v="974"/>
    <s v="GLBATCH"/>
    <n v="1"/>
    <n v="2017"/>
  </r>
  <r>
    <s v="110"/>
    <d v="2017-01-01T00:00:00"/>
    <x v="0"/>
    <x v="0"/>
    <s v="10828"/>
    <s v="GLNANDA"/>
    <n v="1240852"/>
    <n v="21141786"/>
    <s v="MACSS EST BILLED REV REVERSAL"/>
    <s v="GMM"/>
    <s v="NONBU"/>
    <s v="G0000110"/>
    <s v="N"/>
    <s v="MACSS EST BILLED REV REVERSAL"/>
    <s v="GLMCM001"/>
    <x v="5"/>
    <s v="CAD37R9961"/>
    <s v="S"/>
    <s v="KY"/>
    <s v="REV"/>
    <s v="974"/>
    <s v="GLBATCH"/>
    <n v="1"/>
    <n v="2017"/>
  </r>
  <r>
    <s v="110"/>
    <d v="2016-05-31T00:00:00"/>
    <x v="5"/>
    <x v="0"/>
    <s v="10828"/>
    <s v="GLNANDA"/>
    <n v="-752434.33"/>
    <n v="-6443434"/>
    <s v="MACSS UNBILLED REVENUE"/>
    <s v="GMM"/>
    <s v="NONBU"/>
    <s v="G0000110"/>
    <s v="N"/>
    <s v="MACSS UNBILLED REVENUE"/>
    <s v="GLMCM001"/>
    <x v="6"/>
    <s v="CAD3801049"/>
    <s v="S"/>
    <s v="KY"/>
    <s v="REV"/>
    <s v="974"/>
    <s v="GLBATCH"/>
    <n v="5"/>
    <n v="2016"/>
  </r>
  <r>
    <s v="110"/>
    <d v="2016-05-31T00:00:00"/>
    <x v="0"/>
    <x v="0"/>
    <s v="10828"/>
    <s v="GLNANDA"/>
    <n v="-1565274.21"/>
    <n v="-21235248"/>
    <s v="MACSS UNBILLED REVENUE"/>
    <s v="GMM"/>
    <s v="NONBU"/>
    <s v="G0000110"/>
    <s v="N"/>
    <s v="MACSS UNBILLED REVENUE"/>
    <s v="GLMCM001"/>
    <x v="6"/>
    <s v="CAD3801049"/>
    <s v="S"/>
    <s v="KY"/>
    <s v="REV"/>
    <s v="974"/>
    <s v="GLBATCH"/>
    <n v="5"/>
    <n v="2016"/>
  </r>
  <r>
    <s v="110"/>
    <d v="2016-05-31T00:00:00"/>
    <x v="6"/>
    <x v="0"/>
    <s v="10828"/>
    <s v="GLNANDA"/>
    <n v="-12444.78"/>
    <n v="-71099"/>
    <s v="MACSS UNBILLED REVENUE"/>
    <s v="GMM"/>
    <s v="NONBU"/>
    <s v="G0000110"/>
    <s v="N"/>
    <s v="MACSS UNBILLED REVENUE"/>
    <s v="GLMCM001"/>
    <x v="6"/>
    <s v="CAD3801049"/>
    <s v="S"/>
    <s v="KY"/>
    <s v="REV"/>
    <s v="974"/>
    <s v="GLBATCH"/>
    <n v="5"/>
    <n v="2016"/>
  </r>
  <r>
    <s v="110"/>
    <d v="2016-05-31T00:00:00"/>
    <x v="1"/>
    <x v="0"/>
    <s v="10828"/>
    <s v="GLNANDA"/>
    <n v="-2221329.25"/>
    <n v="-17761074"/>
    <s v="MACSS UNBILLED REVENUE"/>
    <s v="GMM"/>
    <s v="NONBU"/>
    <s v="G0000110"/>
    <s v="N"/>
    <s v="MACSS UNBILLED REVENUE"/>
    <s v="GLMCM001"/>
    <x v="6"/>
    <s v="CAD3801049"/>
    <s v="S"/>
    <s v="KY"/>
    <s v="REV"/>
    <s v="974"/>
    <s v="GLBATCH"/>
    <n v="5"/>
    <n v="2016"/>
  </r>
  <r>
    <s v="110"/>
    <d v="2016-05-31T00:00:00"/>
    <x v="3"/>
    <x v="0"/>
    <s v="10828"/>
    <s v="GLNANDA"/>
    <n v="-835451.01"/>
    <n v="-8968355"/>
    <s v="MACSS UNBILLED REVENUE"/>
    <s v="GMM"/>
    <s v="NONBU"/>
    <s v="G0000110"/>
    <s v="N"/>
    <s v="MACSS UNBILLED REVENUE"/>
    <s v="GLMCM001"/>
    <x v="6"/>
    <s v="CAD3801049"/>
    <s v="S"/>
    <s v="KY"/>
    <s v="REV"/>
    <s v="974"/>
    <s v="GLBATCH"/>
    <n v="5"/>
    <n v="2016"/>
  </r>
  <r>
    <s v="110"/>
    <d v="2016-05-31T00:00:00"/>
    <x v="4"/>
    <x v="0"/>
    <s v="10828"/>
    <s v="GLNANDA"/>
    <n v="-4505728.3499999996"/>
    <n v="-37542396"/>
    <s v="MACSS UNBILLED REVENUE"/>
    <s v="GMM"/>
    <s v="NONBU"/>
    <s v="G0000110"/>
    <s v="N"/>
    <s v="MACSS UNBILLED REVENUE"/>
    <s v="GLMCM001"/>
    <x v="6"/>
    <s v="CAD3801049"/>
    <s v="S"/>
    <s v="KY"/>
    <s v="REV"/>
    <s v="974"/>
    <s v="GLBATCH"/>
    <n v="5"/>
    <n v="2016"/>
  </r>
  <r>
    <s v="110"/>
    <d v="2016-05-31T00:00:00"/>
    <x v="7"/>
    <x v="0"/>
    <s v="10828"/>
    <s v="GLNANDA"/>
    <n v="-658611.32999999996"/>
    <n v="-5580295"/>
    <s v="MACSS UNBILLED REVENUE"/>
    <s v="GMM"/>
    <s v="NONBU"/>
    <s v="G0000110"/>
    <s v="N"/>
    <s v="MACSS UNBILLED REVENUE"/>
    <s v="GLMCM001"/>
    <x v="6"/>
    <s v="CAD3801049"/>
    <s v="S"/>
    <s v="KY"/>
    <s v="REV"/>
    <s v="974"/>
    <s v="GLBATCH"/>
    <n v="5"/>
    <n v="2016"/>
  </r>
  <r>
    <s v="110"/>
    <d v="2016-05-31T00:00:00"/>
    <x v="2"/>
    <x v="0"/>
    <s v="10828"/>
    <s v="GLNANDA"/>
    <n v="-3825500.91"/>
    <n v="-31241105"/>
    <s v="MACSS UNBILLED REVENUE"/>
    <s v="GMM"/>
    <s v="NONBU"/>
    <s v="G0000110"/>
    <s v="N"/>
    <s v="MACSS UNBILLED REVENUE"/>
    <s v="GLMCM001"/>
    <x v="6"/>
    <s v="CAD3801049"/>
    <s v="S"/>
    <s v="KY"/>
    <s v="REV"/>
    <s v="974"/>
    <s v="GLBATCH"/>
    <n v="5"/>
    <n v="2016"/>
  </r>
  <r>
    <s v="110"/>
    <d v="2016-12-31T00:00:00"/>
    <x v="5"/>
    <x v="0"/>
    <s v="10828"/>
    <s v="GLNANDA"/>
    <n v="-878543.86"/>
    <n v="-7340379"/>
    <s v="MACSS UNBILLED REVENUE"/>
    <s v="GMM"/>
    <s v="NONBU"/>
    <s v="G0000110"/>
    <s v="N"/>
    <s v="MACSS UNBILLED REVENUE"/>
    <s v="GLMCM001"/>
    <x v="6"/>
    <s v="CAD3810838"/>
    <s v="S"/>
    <s v="KY"/>
    <s v="REV"/>
    <s v="974"/>
    <s v="GLBATCH"/>
    <n v="12"/>
    <n v="2016"/>
  </r>
  <r>
    <s v="110"/>
    <d v="2016-12-31T00:00:00"/>
    <x v="6"/>
    <x v="0"/>
    <s v="10828"/>
    <s v="GLNANDA"/>
    <n v="-17201.78"/>
    <n v="-110186"/>
    <s v="MACSS UNBILLED REVENUE"/>
    <s v="GMM"/>
    <s v="NONBU"/>
    <s v="G0000110"/>
    <s v="N"/>
    <s v="MACSS UNBILLED REVENUE"/>
    <s v="GLMCM001"/>
    <x v="6"/>
    <s v="CAD3810838"/>
    <s v="S"/>
    <s v="KY"/>
    <s v="REV"/>
    <s v="974"/>
    <s v="GLBATCH"/>
    <n v="12"/>
    <n v="2016"/>
  </r>
  <r>
    <s v="110"/>
    <d v="2016-12-31T00:00:00"/>
    <x v="3"/>
    <x v="0"/>
    <s v="10828"/>
    <s v="GLNANDA"/>
    <n v="-920639.24"/>
    <n v="-10511935"/>
    <s v="MACSS UNBILLED REVENUE"/>
    <s v="GMM"/>
    <s v="NONBU"/>
    <s v="G0000110"/>
    <s v="N"/>
    <s v="MACSS UNBILLED REVENUE"/>
    <s v="GLMCM001"/>
    <x v="6"/>
    <s v="CAD3810838"/>
    <s v="S"/>
    <s v="KY"/>
    <s v="REV"/>
    <s v="974"/>
    <s v="GLBATCH"/>
    <n v="12"/>
    <n v="2016"/>
  </r>
  <r>
    <s v="110"/>
    <d v="2016-12-31T00:00:00"/>
    <x v="0"/>
    <x v="0"/>
    <s v="10828"/>
    <s v="GLNANDA"/>
    <n v="-1684265.98"/>
    <n v="-22832190"/>
    <s v="MACSS UNBILLED REVENUE"/>
    <s v="GMM"/>
    <s v="NONBU"/>
    <s v="G0000110"/>
    <s v="N"/>
    <s v="MACSS UNBILLED REVENUE"/>
    <s v="GLMCM001"/>
    <x v="6"/>
    <s v="CAD3810838"/>
    <s v="S"/>
    <s v="KY"/>
    <s v="REV"/>
    <s v="974"/>
    <s v="GLBATCH"/>
    <n v="12"/>
    <n v="2016"/>
  </r>
  <r>
    <s v="110"/>
    <d v="2016-12-31T00:00:00"/>
    <x v="1"/>
    <x v="0"/>
    <s v="10828"/>
    <s v="GLNANDA"/>
    <n v="-3277807.42"/>
    <n v="-26064564"/>
    <s v="MACSS UNBILLED REVENUE"/>
    <s v="GMM"/>
    <s v="NONBU"/>
    <s v="G0000110"/>
    <s v="N"/>
    <s v="MACSS UNBILLED REVENUE"/>
    <s v="GLMCM001"/>
    <x v="6"/>
    <s v="CAD3810838"/>
    <s v="S"/>
    <s v="KY"/>
    <s v="REV"/>
    <s v="974"/>
    <s v="GLBATCH"/>
    <n v="12"/>
    <n v="2016"/>
  </r>
  <r>
    <s v="110"/>
    <d v="2016-12-31T00:00:00"/>
    <x v="2"/>
    <x v="0"/>
    <s v="10828"/>
    <s v="GLNANDA"/>
    <n v="-4555053.8499999996"/>
    <n v="-36301016"/>
    <s v="MACSS UNBILLED REVENUE"/>
    <s v="GMM"/>
    <s v="NONBU"/>
    <s v="G0000110"/>
    <s v="N"/>
    <s v="MACSS UNBILLED REVENUE"/>
    <s v="GLMCM001"/>
    <x v="6"/>
    <s v="CAD3810838"/>
    <s v="S"/>
    <s v="KY"/>
    <s v="REV"/>
    <s v="974"/>
    <s v="GLBATCH"/>
    <n v="12"/>
    <n v="2016"/>
  </r>
  <r>
    <s v="110"/>
    <d v="2016-12-31T00:00:00"/>
    <x v="7"/>
    <x v="0"/>
    <s v="10828"/>
    <s v="GLNANDA"/>
    <n v="-801318.36"/>
    <n v="-6548168"/>
    <s v="MACSS UNBILLED REVENUE"/>
    <s v="GMM"/>
    <s v="NONBU"/>
    <s v="G0000110"/>
    <s v="N"/>
    <s v="MACSS UNBILLED REVENUE"/>
    <s v="GLMCM001"/>
    <x v="6"/>
    <s v="CAD3810838"/>
    <s v="S"/>
    <s v="KY"/>
    <s v="REV"/>
    <s v="974"/>
    <s v="GLBATCH"/>
    <n v="12"/>
    <n v="2016"/>
  </r>
  <r>
    <s v="110"/>
    <d v="2016-12-31T00:00:00"/>
    <x v="4"/>
    <x v="0"/>
    <s v="10828"/>
    <s v="GLNANDA"/>
    <n v="-8138661.3300000001"/>
    <n v="-67348982"/>
    <s v="MACSS UNBILLED REVENUE"/>
    <s v="GMM"/>
    <s v="NONBU"/>
    <s v="G0000110"/>
    <s v="N"/>
    <s v="MACSS UNBILLED REVENUE"/>
    <s v="GLMCM001"/>
    <x v="6"/>
    <s v="CAD3810838"/>
    <s v="S"/>
    <s v="KY"/>
    <s v="REV"/>
    <s v="974"/>
    <s v="GLBATCH"/>
    <n v="12"/>
    <n v="2016"/>
  </r>
  <r>
    <s v="110"/>
    <d v="2016-06-30T00:00:00"/>
    <x v="1"/>
    <x v="0"/>
    <s v="10828"/>
    <s v="GLNANDA"/>
    <n v="-2546668.5699999998"/>
    <n v="-20020569"/>
    <s v="MACSS UNBILLED REVENUE"/>
    <s v="GMM"/>
    <s v="NONBU"/>
    <s v="G0000110"/>
    <s v="N"/>
    <s v="MACSS UNBILLED REVENUE"/>
    <s v="GLMCM001"/>
    <x v="6"/>
    <s v="CAD3816541"/>
    <s v="S"/>
    <s v="KY"/>
    <s v="REV"/>
    <s v="974"/>
    <s v="GLBATCH"/>
    <n v="6"/>
    <n v="2016"/>
  </r>
  <r>
    <s v="110"/>
    <d v="2016-06-30T00:00:00"/>
    <x v="4"/>
    <x v="0"/>
    <s v="10828"/>
    <s v="GLNANDA"/>
    <n v="-4763860.2300000004"/>
    <n v="-38245752"/>
    <s v="MACSS UNBILLED REVENUE"/>
    <s v="GMM"/>
    <s v="NONBU"/>
    <s v="G0000110"/>
    <s v="N"/>
    <s v="MACSS UNBILLED REVENUE"/>
    <s v="GLMCM001"/>
    <x v="6"/>
    <s v="CAD3816541"/>
    <s v="S"/>
    <s v="KY"/>
    <s v="REV"/>
    <s v="974"/>
    <s v="GLBATCH"/>
    <n v="6"/>
    <n v="2016"/>
  </r>
  <r>
    <s v="110"/>
    <d v="2016-06-30T00:00:00"/>
    <x v="2"/>
    <x v="0"/>
    <s v="10828"/>
    <s v="GLNANDA"/>
    <n v="-3997008.9"/>
    <n v="-31588775"/>
    <s v="MACSS UNBILLED REVENUE"/>
    <s v="GMM"/>
    <s v="NONBU"/>
    <s v="G0000110"/>
    <s v="N"/>
    <s v="MACSS UNBILLED REVENUE"/>
    <s v="GLMCM001"/>
    <x v="6"/>
    <s v="CAD3816541"/>
    <s v="S"/>
    <s v="KY"/>
    <s v="REV"/>
    <s v="974"/>
    <s v="GLBATCH"/>
    <n v="6"/>
    <n v="2016"/>
  </r>
  <r>
    <s v="110"/>
    <d v="2016-06-30T00:00:00"/>
    <x v="0"/>
    <x v="0"/>
    <s v="10828"/>
    <s v="GLNANDA"/>
    <n v="-1468112.97"/>
    <n v="-19650157"/>
    <s v="MACSS UNBILLED REVENUE"/>
    <s v="GMM"/>
    <s v="NONBU"/>
    <s v="G0000110"/>
    <s v="N"/>
    <s v="MACSS UNBILLED REVENUE"/>
    <s v="GLMCM001"/>
    <x v="6"/>
    <s v="CAD3816541"/>
    <s v="S"/>
    <s v="KY"/>
    <s v="REV"/>
    <s v="974"/>
    <s v="GLBATCH"/>
    <n v="6"/>
    <n v="2016"/>
  </r>
  <r>
    <s v="110"/>
    <d v="2016-06-30T00:00:00"/>
    <x v="7"/>
    <x v="0"/>
    <s v="10828"/>
    <s v="GLNANDA"/>
    <n v="-631100.67000000004"/>
    <n v="-5112778"/>
    <s v="MACSS UNBILLED REVENUE"/>
    <s v="GMM"/>
    <s v="NONBU"/>
    <s v="G0000110"/>
    <s v="N"/>
    <s v="MACSS UNBILLED REVENUE"/>
    <s v="GLMCM001"/>
    <x v="6"/>
    <s v="CAD3816541"/>
    <s v="S"/>
    <s v="KY"/>
    <s v="REV"/>
    <s v="974"/>
    <s v="GLBATCH"/>
    <n v="6"/>
    <n v="2016"/>
  </r>
  <r>
    <s v="110"/>
    <d v="2016-06-30T00:00:00"/>
    <x v="3"/>
    <x v="0"/>
    <s v="10828"/>
    <s v="GLNANDA"/>
    <n v="-723758.33"/>
    <n v="-7377857"/>
    <s v="MACSS UNBILLED REVENUE"/>
    <s v="GMM"/>
    <s v="NONBU"/>
    <s v="G0000110"/>
    <s v="N"/>
    <s v="MACSS UNBILLED REVENUE"/>
    <s v="GLMCM001"/>
    <x v="6"/>
    <s v="CAD3816541"/>
    <s v="S"/>
    <s v="KY"/>
    <s v="REV"/>
    <s v="974"/>
    <s v="GLBATCH"/>
    <n v="6"/>
    <n v="2016"/>
  </r>
  <r>
    <s v="110"/>
    <d v="2016-06-30T00:00:00"/>
    <x v="6"/>
    <x v="0"/>
    <s v="10828"/>
    <s v="GLNANDA"/>
    <n v="-11879.91"/>
    <n v="-62722"/>
    <s v="MACSS UNBILLED REVENUE"/>
    <s v="GMM"/>
    <s v="NONBU"/>
    <s v="G0000110"/>
    <s v="N"/>
    <s v="MACSS UNBILLED REVENUE"/>
    <s v="GLMCM001"/>
    <x v="6"/>
    <s v="CAD3816541"/>
    <s v="S"/>
    <s v="KY"/>
    <s v="REV"/>
    <s v="974"/>
    <s v="GLBATCH"/>
    <n v="6"/>
    <n v="2016"/>
  </r>
  <r>
    <s v="110"/>
    <d v="2016-06-30T00:00:00"/>
    <x v="5"/>
    <x v="0"/>
    <s v="10828"/>
    <s v="GLNANDA"/>
    <n v="-794201.46"/>
    <n v="-6576380"/>
    <s v="MACSS UNBILLED REVENUE"/>
    <s v="GMM"/>
    <s v="NONBU"/>
    <s v="G0000110"/>
    <s v="N"/>
    <s v="MACSS UNBILLED REVENUE"/>
    <s v="GLMCM001"/>
    <x v="6"/>
    <s v="CAD3816541"/>
    <s v="S"/>
    <s v="KY"/>
    <s v="REV"/>
    <s v="974"/>
    <s v="GLBATCH"/>
    <n v="6"/>
    <n v="2016"/>
  </r>
  <r>
    <s v="110"/>
    <d v="2017-01-31T00:00:00"/>
    <x v="2"/>
    <x v="0"/>
    <s v="10828"/>
    <s v="GLNANDA"/>
    <n v="-2847574.86"/>
    <n v="-23233097"/>
    <s v="MACSS UNBILLED REVENUE"/>
    <s v="GMM"/>
    <s v="NONBU"/>
    <s v="G0000110"/>
    <s v="N"/>
    <s v="MACSS UNBILLED REVENUE"/>
    <s v="GLMCM001"/>
    <x v="6"/>
    <s v="CAD3827470"/>
    <s v="S"/>
    <s v="KY"/>
    <s v="REV"/>
    <s v="974"/>
    <s v="GLBATCH"/>
    <n v="1"/>
    <n v="2017"/>
  </r>
  <r>
    <s v="110"/>
    <d v="2017-01-31T00:00:00"/>
    <x v="1"/>
    <x v="0"/>
    <s v="10828"/>
    <s v="GLNANDA"/>
    <n v="-2151055.13"/>
    <n v="-17627175"/>
    <s v="MACSS UNBILLED REVENUE"/>
    <s v="GMM"/>
    <s v="NONBU"/>
    <s v="G0000110"/>
    <s v="N"/>
    <s v="MACSS UNBILLED REVENUE"/>
    <s v="GLMCM001"/>
    <x v="6"/>
    <s v="CAD3827470"/>
    <s v="S"/>
    <s v="KY"/>
    <s v="REV"/>
    <s v="974"/>
    <s v="GLBATCH"/>
    <n v="1"/>
    <n v="2017"/>
  </r>
  <r>
    <s v="110"/>
    <d v="2017-01-31T00:00:00"/>
    <x v="4"/>
    <x v="0"/>
    <s v="10828"/>
    <s v="GLNANDA"/>
    <n v="-5660393.5800000001"/>
    <n v="-48172577"/>
    <s v="MACSS UNBILLED REVENUE"/>
    <s v="GMM"/>
    <s v="NONBU"/>
    <s v="G0000110"/>
    <s v="N"/>
    <s v="MACSS UNBILLED REVENUE"/>
    <s v="GLMCM001"/>
    <x v="6"/>
    <s v="CAD3827470"/>
    <s v="S"/>
    <s v="KY"/>
    <s v="REV"/>
    <s v="974"/>
    <s v="GLBATCH"/>
    <n v="1"/>
    <n v="2017"/>
  </r>
  <r>
    <s v="110"/>
    <d v="2017-01-31T00:00:00"/>
    <x v="7"/>
    <x v="0"/>
    <s v="10828"/>
    <s v="GLNANDA"/>
    <n v="-479674.12"/>
    <n v="-4028745"/>
    <s v="MACSS UNBILLED REVENUE"/>
    <s v="GMM"/>
    <s v="NONBU"/>
    <s v="G0000110"/>
    <s v="N"/>
    <s v="MACSS UNBILLED REVENUE"/>
    <s v="GLMCM001"/>
    <x v="6"/>
    <s v="CAD3827470"/>
    <s v="S"/>
    <s v="KY"/>
    <s v="REV"/>
    <s v="974"/>
    <s v="GLBATCH"/>
    <n v="1"/>
    <n v="2017"/>
  </r>
  <r>
    <s v="110"/>
    <d v="2017-01-31T00:00:00"/>
    <x v="3"/>
    <x v="0"/>
    <s v="10828"/>
    <s v="GLNANDA"/>
    <n v="-575107.02"/>
    <n v="-6766127"/>
    <s v="MACSS UNBILLED REVENUE"/>
    <s v="GMM"/>
    <s v="NONBU"/>
    <s v="G0000110"/>
    <s v="N"/>
    <s v="MACSS UNBILLED REVENUE"/>
    <s v="GLMCM001"/>
    <x v="6"/>
    <s v="CAD3827470"/>
    <s v="S"/>
    <s v="KY"/>
    <s v="REV"/>
    <s v="974"/>
    <s v="GLBATCH"/>
    <n v="1"/>
    <n v="2017"/>
  </r>
  <r>
    <s v="110"/>
    <d v="2017-01-31T00:00:00"/>
    <x v="6"/>
    <x v="0"/>
    <s v="10828"/>
    <s v="GLNANDA"/>
    <n v="-9412.7199999999993"/>
    <n v="-62146"/>
    <s v="MACSS UNBILLED REVENUE"/>
    <s v="GMM"/>
    <s v="NONBU"/>
    <s v="G0000110"/>
    <s v="N"/>
    <s v="MACSS UNBILLED REVENUE"/>
    <s v="GLMCM001"/>
    <x v="6"/>
    <s v="CAD3827470"/>
    <s v="S"/>
    <s v="KY"/>
    <s v="REV"/>
    <s v="974"/>
    <s v="GLBATCH"/>
    <n v="1"/>
    <n v="2017"/>
  </r>
  <r>
    <s v="110"/>
    <d v="2017-01-31T00:00:00"/>
    <x v="5"/>
    <x v="0"/>
    <s v="10828"/>
    <s v="GLNANDA"/>
    <n v="-535338.22"/>
    <n v="-4608821"/>
    <s v="MACSS UNBILLED REVENUE"/>
    <s v="GMM"/>
    <s v="NONBU"/>
    <s v="G0000110"/>
    <s v="N"/>
    <s v="MACSS UNBILLED REVENUE"/>
    <s v="GLMCM001"/>
    <x v="6"/>
    <s v="CAD3827470"/>
    <s v="S"/>
    <s v="KY"/>
    <s v="REV"/>
    <s v="974"/>
    <s v="GLBATCH"/>
    <n v="1"/>
    <n v="2017"/>
  </r>
  <r>
    <s v="110"/>
    <d v="2017-01-31T00:00:00"/>
    <x v="0"/>
    <x v="0"/>
    <s v="10828"/>
    <s v="GLNANDA"/>
    <n v="-925432.04"/>
    <n v="-12918493"/>
    <s v="MACSS UNBILLED REVENUE"/>
    <s v="GMM"/>
    <s v="NONBU"/>
    <s v="G0000110"/>
    <s v="N"/>
    <s v="MACSS UNBILLED REVENUE"/>
    <s v="GLMCM001"/>
    <x v="6"/>
    <s v="CAD3827470"/>
    <s v="S"/>
    <s v="KY"/>
    <s v="REV"/>
    <s v="974"/>
    <s v="GLBATCH"/>
    <n v="1"/>
    <n v="2017"/>
  </r>
  <r>
    <s v="110"/>
    <d v="2016-07-31T00:00:00"/>
    <x v="1"/>
    <x v="0"/>
    <s v="10828"/>
    <s v="GLNANDA"/>
    <n v="-3319823.27"/>
    <n v="-26154893"/>
    <s v="MACSS UNBILLED REVENUE"/>
    <s v="GMM"/>
    <s v="NONBU"/>
    <s v="G0000110"/>
    <s v="N"/>
    <s v="MACSS UNBILLED REVENUE"/>
    <s v="GLMCM001"/>
    <x v="6"/>
    <s v="CAD3833396"/>
    <s v="S"/>
    <s v="KY"/>
    <s v="REV"/>
    <s v="974"/>
    <s v="GLBATCH"/>
    <n v="7"/>
    <n v="2016"/>
  </r>
  <r>
    <s v="110"/>
    <d v="2016-07-31T00:00:00"/>
    <x v="4"/>
    <x v="0"/>
    <s v="10828"/>
    <s v="GLNANDA"/>
    <n v="-5782970.0999999996"/>
    <n v="-46039790"/>
    <s v="MACSS UNBILLED REVENUE"/>
    <s v="GMM"/>
    <s v="NONBU"/>
    <s v="G0000110"/>
    <s v="N"/>
    <s v="MACSS UNBILLED REVENUE"/>
    <s v="GLMCM001"/>
    <x v="6"/>
    <s v="CAD3833396"/>
    <s v="S"/>
    <s v="KY"/>
    <s v="REV"/>
    <s v="974"/>
    <s v="GLBATCH"/>
    <n v="7"/>
    <n v="2016"/>
  </r>
  <r>
    <s v="110"/>
    <d v="2016-07-31T00:00:00"/>
    <x v="2"/>
    <x v="0"/>
    <s v="10828"/>
    <s v="GLNANDA"/>
    <n v="-4394070.6500000004"/>
    <n v="-35777059"/>
    <s v="MACSS UNBILLED REVENUE"/>
    <s v="GMM"/>
    <s v="NONBU"/>
    <s v="G0000110"/>
    <s v="N"/>
    <s v="MACSS UNBILLED REVENUE"/>
    <s v="GLMCM001"/>
    <x v="6"/>
    <s v="CAD3833396"/>
    <s v="S"/>
    <s v="KY"/>
    <s v="REV"/>
    <s v="974"/>
    <s v="GLBATCH"/>
    <n v="7"/>
    <n v="2016"/>
  </r>
  <r>
    <s v="110"/>
    <d v="2016-07-31T00:00:00"/>
    <x v="5"/>
    <x v="0"/>
    <s v="10828"/>
    <s v="GLNANDA"/>
    <n v="-832647.23"/>
    <n v="-7085718"/>
    <s v="MACSS UNBILLED REVENUE"/>
    <s v="GMM"/>
    <s v="NONBU"/>
    <s v="G0000110"/>
    <s v="N"/>
    <s v="MACSS UNBILLED REVENUE"/>
    <s v="GLMCM001"/>
    <x v="6"/>
    <s v="CAD3833396"/>
    <s v="S"/>
    <s v="KY"/>
    <s v="REV"/>
    <s v="974"/>
    <s v="GLBATCH"/>
    <n v="7"/>
    <n v="2016"/>
  </r>
  <r>
    <s v="110"/>
    <d v="2016-07-31T00:00:00"/>
    <x v="7"/>
    <x v="0"/>
    <s v="10828"/>
    <s v="GLNANDA"/>
    <n v="-597864.43999999994"/>
    <n v="-4950279"/>
    <s v="MACSS UNBILLED REVENUE"/>
    <s v="GMM"/>
    <s v="NONBU"/>
    <s v="G0000110"/>
    <s v="N"/>
    <s v="MACSS UNBILLED REVENUE"/>
    <s v="GLMCM001"/>
    <x v="6"/>
    <s v="CAD3833396"/>
    <s v="S"/>
    <s v="KY"/>
    <s v="REV"/>
    <s v="974"/>
    <s v="GLBATCH"/>
    <n v="7"/>
    <n v="2016"/>
  </r>
  <r>
    <s v="110"/>
    <d v="2016-07-31T00:00:00"/>
    <x v="3"/>
    <x v="0"/>
    <s v="10828"/>
    <s v="GLNANDA"/>
    <n v="-681055.11"/>
    <n v="-6638048"/>
    <s v="MACSS UNBILLED REVENUE"/>
    <s v="GMM"/>
    <s v="NONBU"/>
    <s v="G0000110"/>
    <s v="N"/>
    <s v="MACSS UNBILLED REVENUE"/>
    <s v="GLMCM001"/>
    <x v="6"/>
    <s v="CAD3833396"/>
    <s v="S"/>
    <s v="KY"/>
    <s v="REV"/>
    <s v="974"/>
    <s v="GLBATCH"/>
    <n v="7"/>
    <n v="2016"/>
  </r>
  <r>
    <s v="110"/>
    <d v="2016-07-31T00:00:00"/>
    <x v="6"/>
    <x v="0"/>
    <s v="10828"/>
    <s v="GLNANDA"/>
    <n v="-12362.68"/>
    <n v="-64259"/>
    <s v="MACSS UNBILLED REVENUE"/>
    <s v="GMM"/>
    <s v="NONBU"/>
    <s v="G0000110"/>
    <s v="N"/>
    <s v="MACSS UNBILLED REVENUE"/>
    <s v="GLMCM001"/>
    <x v="6"/>
    <s v="CAD3833396"/>
    <s v="S"/>
    <s v="KY"/>
    <s v="REV"/>
    <s v="974"/>
    <s v="GLBATCH"/>
    <n v="7"/>
    <n v="2016"/>
  </r>
  <r>
    <s v="110"/>
    <d v="2016-07-31T00:00:00"/>
    <x v="0"/>
    <x v="0"/>
    <s v="10828"/>
    <s v="GLNANDA"/>
    <n v="-1469937.84"/>
    <n v="-18337991"/>
    <s v="MACSS UNBILLED REVENUE"/>
    <s v="GMM"/>
    <s v="NONBU"/>
    <s v="G0000110"/>
    <s v="N"/>
    <s v="MACSS UNBILLED REVENUE"/>
    <s v="GLMCM001"/>
    <x v="6"/>
    <s v="CAD3833396"/>
    <s v="S"/>
    <s v="KY"/>
    <s v="REV"/>
    <s v="974"/>
    <s v="GLBATCH"/>
    <n v="7"/>
    <n v="2016"/>
  </r>
  <r>
    <s v="110"/>
    <d v="2017-02-28T00:00:00"/>
    <x v="5"/>
    <x v="0"/>
    <s v="10828"/>
    <s v="GLNANDA"/>
    <n v="-284415.37"/>
    <n v="-2356201"/>
    <s v="MACSS UNBILLED REVENUE"/>
    <s v="GMM"/>
    <s v="NONBU"/>
    <s v="G0000110"/>
    <s v="N"/>
    <s v="MACSS UNBILLED REVENUE"/>
    <s v="GLMCM001"/>
    <x v="6"/>
    <s v="CAD3844116"/>
    <s v="S"/>
    <s v="KY"/>
    <s v="REV"/>
    <s v="974"/>
    <s v="GLBATCH"/>
    <n v="2"/>
    <n v="2017"/>
  </r>
  <r>
    <s v="110"/>
    <d v="2017-02-28T00:00:00"/>
    <x v="0"/>
    <x v="0"/>
    <s v="10828"/>
    <s v="GLNANDA"/>
    <n v="-559626.97"/>
    <n v="-7420933"/>
    <s v="MACSS UNBILLED REVENUE"/>
    <s v="GMM"/>
    <s v="NONBU"/>
    <s v="G0000110"/>
    <s v="N"/>
    <s v="MACSS UNBILLED REVENUE"/>
    <s v="GLMCM001"/>
    <x v="6"/>
    <s v="CAD3844116"/>
    <s v="S"/>
    <s v="KY"/>
    <s v="REV"/>
    <s v="974"/>
    <s v="GLBATCH"/>
    <n v="2"/>
    <n v="2017"/>
  </r>
  <r>
    <s v="110"/>
    <d v="2017-02-28T00:00:00"/>
    <x v="6"/>
    <x v="0"/>
    <s v="10828"/>
    <s v="GLNANDA"/>
    <n v="-5224.38"/>
    <n v="-32943"/>
    <s v="MACSS UNBILLED REVENUE"/>
    <s v="GMM"/>
    <s v="NONBU"/>
    <s v="G0000110"/>
    <s v="N"/>
    <s v="MACSS UNBILLED REVENUE"/>
    <s v="GLMCM001"/>
    <x v="6"/>
    <s v="CAD3844116"/>
    <s v="S"/>
    <s v="KY"/>
    <s v="REV"/>
    <s v="974"/>
    <s v="GLBATCH"/>
    <n v="2"/>
    <n v="2017"/>
  </r>
  <r>
    <s v="110"/>
    <d v="2017-02-28T00:00:00"/>
    <x v="2"/>
    <x v="0"/>
    <s v="10828"/>
    <s v="GLNANDA"/>
    <n v="-1499185.5"/>
    <n v="-11815761"/>
    <s v="MACSS UNBILLED REVENUE"/>
    <s v="GMM"/>
    <s v="NONBU"/>
    <s v="G0000110"/>
    <s v="N"/>
    <s v="MACSS UNBILLED REVENUE"/>
    <s v="GLMCM001"/>
    <x v="6"/>
    <s v="CAD3844116"/>
    <s v="S"/>
    <s v="KY"/>
    <s v="REV"/>
    <s v="974"/>
    <s v="GLBATCH"/>
    <n v="2"/>
    <n v="2017"/>
  </r>
  <r>
    <s v="110"/>
    <d v="2017-02-28T00:00:00"/>
    <x v="3"/>
    <x v="0"/>
    <s v="10828"/>
    <s v="GLNANDA"/>
    <n v="-310418.59000000003"/>
    <n v="-3558633"/>
    <s v="MACSS UNBILLED REVENUE"/>
    <s v="GMM"/>
    <s v="NONBU"/>
    <s v="G0000110"/>
    <s v="N"/>
    <s v="MACSS UNBILLED REVENUE"/>
    <s v="GLMCM001"/>
    <x v="6"/>
    <s v="CAD3844116"/>
    <s v="S"/>
    <s v="KY"/>
    <s v="REV"/>
    <s v="974"/>
    <s v="GLBATCH"/>
    <n v="2"/>
    <n v="2017"/>
  </r>
  <r>
    <s v="110"/>
    <d v="2017-02-28T00:00:00"/>
    <x v="4"/>
    <x v="0"/>
    <s v="10828"/>
    <s v="GLNANDA"/>
    <n v="-2695287.61"/>
    <n v="-22483242"/>
    <s v="MACSS UNBILLED REVENUE"/>
    <s v="GMM"/>
    <s v="NONBU"/>
    <s v="G0000110"/>
    <s v="N"/>
    <s v="MACSS UNBILLED REVENUE"/>
    <s v="GLMCM001"/>
    <x v="6"/>
    <s v="CAD3844116"/>
    <s v="S"/>
    <s v="KY"/>
    <s v="REV"/>
    <s v="974"/>
    <s v="GLBATCH"/>
    <n v="2"/>
    <n v="2017"/>
  </r>
  <r>
    <s v="110"/>
    <d v="2017-02-28T00:00:00"/>
    <x v="7"/>
    <x v="0"/>
    <s v="10828"/>
    <s v="GLNANDA"/>
    <n v="-263663.3"/>
    <n v="-2155065"/>
    <s v="MACSS UNBILLED REVENUE"/>
    <s v="GMM"/>
    <s v="NONBU"/>
    <s v="G0000110"/>
    <s v="N"/>
    <s v="MACSS UNBILLED REVENUE"/>
    <s v="GLMCM001"/>
    <x v="6"/>
    <s v="CAD3844116"/>
    <s v="S"/>
    <s v="KY"/>
    <s v="REV"/>
    <s v="974"/>
    <s v="GLBATCH"/>
    <n v="2"/>
    <n v="2017"/>
  </r>
  <r>
    <s v="110"/>
    <d v="2017-02-28T00:00:00"/>
    <x v="1"/>
    <x v="0"/>
    <s v="10828"/>
    <s v="GLNANDA"/>
    <n v="-1053663.1200000001"/>
    <n v="-8396221"/>
    <s v="MACSS UNBILLED REVENUE"/>
    <s v="GMM"/>
    <s v="NONBU"/>
    <s v="G0000110"/>
    <s v="N"/>
    <s v="MACSS UNBILLED REVENUE"/>
    <s v="GLMCM001"/>
    <x v="6"/>
    <s v="CAD3844116"/>
    <s v="S"/>
    <s v="KY"/>
    <s v="REV"/>
    <s v="974"/>
    <s v="GLBATCH"/>
    <n v="2"/>
    <n v="2017"/>
  </r>
  <r>
    <s v="110"/>
    <d v="2016-08-31T00:00:00"/>
    <x v="6"/>
    <x v="0"/>
    <s v="10828"/>
    <s v="GLNANDA"/>
    <n v="-12321.13"/>
    <n v="-69341"/>
    <s v="MACSS UNBILLED REVENUE"/>
    <s v="GMM"/>
    <s v="NONBU"/>
    <s v="G0000110"/>
    <s v="N"/>
    <s v="MACSS UNBILLED REVENUE"/>
    <s v="GLMCM001"/>
    <x v="6"/>
    <s v="CAD3849404"/>
    <s v="S"/>
    <s v="KY"/>
    <s v="REV"/>
    <s v="974"/>
    <s v="GLBATCH"/>
    <n v="8"/>
    <n v="2016"/>
  </r>
  <r>
    <s v="110"/>
    <d v="2016-08-31T00:00:00"/>
    <x v="3"/>
    <x v="0"/>
    <s v="10828"/>
    <s v="GLNANDA"/>
    <n v="-757780.7"/>
    <n v="-7836739"/>
    <s v="MACSS UNBILLED REVENUE"/>
    <s v="GMM"/>
    <s v="NONBU"/>
    <s v="G0000110"/>
    <s v="N"/>
    <s v="MACSS UNBILLED REVENUE"/>
    <s v="GLMCM001"/>
    <x v="6"/>
    <s v="CAD3849404"/>
    <s v="S"/>
    <s v="KY"/>
    <s v="REV"/>
    <s v="974"/>
    <s v="GLBATCH"/>
    <n v="8"/>
    <n v="2016"/>
  </r>
  <r>
    <s v="110"/>
    <d v="2016-08-31T00:00:00"/>
    <x v="7"/>
    <x v="0"/>
    <s v="10828"/>
    <s v="GLNANDA"/>
    <n v="-731472.98"/>
    <n v="-6288651"/>
    <s v="MACSS UNBILLED REVENUE"/>
    <s v="GMM"/>
    <s v="NONBU"/>
    <s v="G0000110"/>
    <s v="N"/>
    <s v="MACSS UNBILLED REVENUE"/>
    <s v="GLMCM001"/>
    <x v="6"/>
    <s v="CAD3849404"/>
    <s v="S"/>
    <s v="KY"/>
    <s v="REV"/>
    <s v="974"/>
    <s v="GLBATCH"/>
    <n v="8"/>
    <n v="2016"/>
  </r>
  <r>
    <s v="110"/>
    <d v="2016-08-31T00:00:00"/>
    <x v="0"/>
    <x v="0"/>
    <s v="10828"/>
    <s v="GLNANDA"/>
    <n v="-1600657.23"/>
    <n v="-21222898"/>
    <s v="MACSS UNBILLED REVENUE"/>
    <s v="GMM"/>
    <s v="NONBU"/>
    <s v="G0000110"/>
    <s v="N"/>
    <s v="MACSS UNBILLED REVENUE"/>
    <s v="GLMCM001"/>
    <x v="6"/>
    <s v="CAD3849404"/>
    <s v="S"/>
    <s v="KY"/>
    <s v="REV"/>
    <s v="974"/>
    <s v="GLBATCH"/>
    <n v="8"/>
    <n v="2016"/>
  </r>
  <r>
    <s v="110"/>
    <d v="2016-08-31T00:00:00"/>
    <x v="2"/>
    <x v="0"/>
    <s v="10828"/>
    <s v="GLNANDA"/>
    <n v="-4916071.83"/>
    <n v="-41614969"/>
    <s v="MACSS UNBILLED REVENUE"/>
    <s v="GMM"/>
    <s v="NONBU"/>
    <s v="G0000110"/>
    <s v="N"/>
    <s v="MACSS UNBILLED REVENUE"/>
    <s v="GLMCM001"/>
    <x v="6"/>
    <s v="CAD3849404"/>
    <s v="S"/>
    <s v="KY"/>
    <s v="REV"/>
    <s v="974"/>
    <s v="GLBATCH"/>
    <n v="8"/>
    <n v="2016"/>
  </r>
  <r>
    <s v="110"/>
    <d v="2016-08-31T00:00:00"/>
    <x v="5"/>
    <x v="0"/>
    <s v="10828"/>
    <s v="GLNANDA"/>
    <n v="-929395.28"/>
    <n v="-8194626"/>
    <s v="MACSS UNBILLED REVENUE"/>
    <s v="GMM"/>
    <s v="NONBU"/>
    <s v="G0000110"/>
    <s v="N"/>
    <s v="MACSS UNBILLED REVENUE"/>
    <s v="GLMCM001"/>
    <x v="6"/>
    <s v="CAD3849404"/>
    <s v="S"/>
    <s v="KY"/>
    <s v="REV"/>
    <s v="974"/>
    <s v="GLBATCH"/>
    <n v="8"/>
    <n v="2016"/>
  </r>
  <r>
    <s v="110"/>
    <d v="2016-08-31T00:00:00"/>
    <x v="1"/>
    <x v="0"/>
    <s v="10828"/>
    <s v="GLNANDA"/>
    <n v="-3975484.2"/>
    <n v="-32706176"/>
    <s v="MACSS UNBILLED REVENUE"/>
    <s v="GMM"/>
    <s v="NONBU"/>
    <s v="G0000110"/>
    <s v="N"/>
    <s v="MACSS UNBILLED REVENUE"/>
    <s v="GLMCM001"/>
    <x v="6"/>
    <s v="CAD3849404"/>
    <s v="S"/>
    <s v="KY"/>
    <s v="REV"/>
    <s v="974"/>
    <s v="GLBATCH"/>
    <n v="8"/>
    <n v="2016"/>
  </r>
  <r>
    <s v="110"/>
    <d v="2016-08-31T00:00:00"/>
    <x v="4"/>
    <x v="0"/>
    <s v="10828"/>
    <s v="GLNANDA"/>
    <n v="-6767191.1600000001"/>
    <n v="-56033276"/>
    <s v="MACSS UNBILLED REVENUE"/>
    <s v="GMM"/>
    <s v="NONBU"/>
    <s v="G0000110"/>
    <s v="N"/>
    <s v="MACSS UNBILLED REVENUE"/>
    <s v="GLMCM001"/>
    <x v="6"/>
    <s v="CAD3849404"/>
    <s v="S"/>
    <s v="KY"/>
    <s v="REV"/>
    <s v="974"/>
    <s v="GLBATCH"/>
    <n v="8"/>
    <n v="2016"/>
  </r>
  <r>
    <s v="110"/>
    <d v="2016-09-30T00:00:00"/>
    <x v="1"/>
    <x v="0"/>
    <s v="10828"/>
    <s v="GLNANDA"/>
    <n v="-2327885.33"/>
    <n v="-19447191"/>
    <s v="MACSS UNBILLED REVENUE"/>
    <s v="GMM"/>
    <s v="NONBU"/>
    <s v="G0000110"/>
    <s v="N"/>
    <s v="MACSS UNBILLED REVENUE"/>
    <s v="GLMCM001"/>
    <x v="6"/>
    <s v="CAD3864093"/>
    <s v="S"/>
    <s v="KY"/>
    <s v="REV"/>
    <s v="974"/>
    <s v="GLBATCH"/>
    <n v="9"/>
    <n v="2016"/>
  </r>
  <r>
    <s v="110"/>
    <d v="2016-09-30T00:00:00"/>
    <x v="3"/>
    <x v="0"/>
    <s v="10828"/>
    <s v="GLNANDA"/>
    <n v="-449799.54"/>
    <n v="-4969814"/>
    <s v="MACSS UNBILLED REVENUE"/>
    <s v="GMM"/>
    <s v="NONBU"/>
    <s v="G0000110"/>
    <s v="N"/>
    <s v="MACSS UNBILLED REVENUE"/>
    <s v="GLMCM001"/>
    <x v="6"/>
    <s v="CAD3864093"/>
    <s v="S"/>
    <s v="KY"/>
    <s v="REV"/>
    <s v="974"/>
    <s v="GLBATCH"/>
    <n v="9"/>
    <n v="2016"/>
  </r>
  <r>
    <s v="110"/>
    <d v="2016-09-30T00:00:00"/>
    <x v="5"/>
    <x v="0"/>
    <s v="10828"/>
    <s v="GLNANDA"/>
    <n v="-552028.37"/>
    <n v="-4970772"/>
    <s v="MACSS UNBILLED REVENUE"/>
    <s v="GMM"/>
    <s v="NONBU"/>
    <s v="G0000110"/>
    <s v="N"/>
    <s v="MACSS UNBILLED REVENUE"/>
    <s v="GLMCM001"/>
    <x v="6"/>
    <s v="CAD3864093"/>
    <s v="S"/>
    <s v="KY"/>
    <s v="REV"/>
    <s v="974"/>
    <s v="GLBATCH"/>
    <n v="9"/>
    <n v="2016"/>
  </r>
  <r>
    <s v="110"/>
    <d v="2016-09-30T00:00:00"/>
    <x v="6"/>
    <x v="0"/>
    <s v="10828"/>
    <s v="GLNANDA"/>
    <n v="-7660.82"/>
    <n v="-46638"/>
    <s v="MACSS UNBILLED REVENUE"/>
    <s v="GMM"/>
    <s v="NONBU"/>
    <s v="G0000110"/>
    <s v="N"/>
    <s v="MACSS UNBILLED REVENUE"/>
    <s v="GLMCM001"/>
    <x v="6"/>
    <s v="CAD3864093"/>
    <s v="S"/>
    <s v="KY"/>
    <s v="REV"/>
    <s v="974"/>
    <s v="GLBATCH"/>
    <n v="9"/>
    <n v="2016"/>
  </r>
  <r>
    <s v="110"/>
    <d v="2016-09-30T00:00:00"/>
    <x v="0"/>
    <x v="0"/>
    <s v="10828"/>
    <s v="GLNANDA"/>
    <n v="-1012018.72"/>
    <n v="-13557306"/>
    <s v="MACSS UNBILLED REVENUE"/>
    <s v="GMM"/>
    <s v="NONBU"/>
    <s v="G0000110"/>
    <s v="N"/>
    <s v="MACSS UNBILLED REVENUE"/>
    <s v="GLMCM001"/>
    <x v="6"/>
    <s v="CAD3864093"/>
    <s v="S"/>
    <s v="KY"/>
    <s v="REV"/>
    <s v="974"/>
    <s v="GLBATCH"/>
    <n v="9"/>
    <n v="2016"/>
  </r>
  <r>
    <s v="110"/>
    <d v="2016-09-30T00:00:00"/>
    <x v="7"/>
    <x v="0"/>
    <s v="10828"/>
    <s v="GLNANDA"/>
    <n v="-538049.02"/>
    <n v="-4769583"/>
    <s v="MACSS UNBILLED REVENUE"/>
    <s v="GMM"/>
    <s v="NONBU"/>
    <s v="G0000110"/>
    <s v="N"/>
    <s v="MACSS UNBILLED REVENUE"/>
    <s v="GLMCM001"/>
    <x v="6"/>
    <s v="CAD3864093"/>
    <s v="S"/>
    <s v="KY"/>
    <s v="REV"/>
    <s v="974"/>
    <s v="GLBATCH"/>
    <n v="9"/>
    <n v="2016"/>
  </r>
  <r>
    <s v="110"/>
    <d v="2016-09-30T00:00:00"/>
    <x v="2"/>
    <x v="0"/>
    <s v="10828"/>
    <s v="GLNANDA"/>
    <n v="-2920712.51"/>
    <n v="-24989760"/>
    <s v="MACSS UNBILLED REVENUE"/>
    <s v="GMM"/>
    <s v="NONBU"/>
    <s v="G0000110"/>
    <s v="N"/>
    <s v="MACSS UNBILLED REVENUE"/>
    <s v="GLMCM001"/>
    <x v="6"/>
    <s v="CAD3864093"/>
    <s v="S"/>
    <s v="KY"/>
    <s v="REV"/>
    <s v="974"/>
    <s v="GLBATCH"/>
    <n v="9"/>
    <n v="2016"/>
  </r>
  <r>
    <s v="110"/>
    <d v="2016-09-30T00:00:00"/>
    <x v="4"/>
    <x v="0"/>
    <s v="10828"/>
    <s v="GLNANDA"/>
    <n v="-3889965.71"/>
    <n v="-32704121"/>
    <s v="MACSS UNBILLED REVENUE"/>
    <s v="GMM"/>
    <s v="NONBU"/>
    <s v="G0000110"/>
    <s v="N"/>
    <s v="MACSS UNBILLED REVENUE"/>
    <s v="GLMCM001"/>
    <x v="6"/>
    <s v="CAD3864093"/>
    <s v="S"/>
    <s v="KY"/>
    <s v="REV"/>
    <s v="974"/>
    <s v="GLBATCH"/>
    <n v="9"/>
    <n v="2016"/>
  </r>
  <r>
    <s v="110"/>
    <d v="2016-03-31T00:00:00"/>
    <x v="3"/>
    <x v="0"/>
    <s v="10828"/>
    <s v="GLNANDA"/>
    <n v="-488279.38"/>
    <n v="-5829792"/>
    <s v="MACSS UNBILLED REVENUE"/>
    <s v="GMM"/>
    <s v="NONBU"/>
    <s v="G0000110"/>
    <s v="N"/>
    <s v="MACSS UNBILLED REVENUE"/>
    <s v="GLMCM001"/>
    <x v="6"/>
    <s v="CAD3868271"/>
    <s v="S"/>
    <s v="KY"/>
    <s v="REV"/>
    <s v="974"/>
    <s v="GLBATCH"/>
    <n v="3"/>
    <n v="2016"/>
  </r>
  <r>
    <s v="110"/>
    <d v="2016-03-31T00:00:00"/>
    <x v="7"/>
    <x v="0"/>
    <s v="10828"/>
    <s v="GLNANDA"/>
    <n v="-386046.75"/>
    <n v="-3402653"/>
    <s v="MACSS UNBILLED REVENUE"/>
    <s v="GMM"/>
    <s v="NONBU"/>
    <s v="G0000110"/>
    <s v="N"/>
    <s v="MACSS UNBILLED REVENUE"/>
    <s v="GLMCM001"/>
    <x v="6"/>
    <s v="CAD3868271"/>
    <s v="S"/>
    <s v="KY"/>
    <s v="REV"/>
    <s v="974"/>
    <s v="GLBATCH"/>
    <n v="3"/>
    <n v="2016"/>
  </r>
  <r>
    <s v="110"/>
    <d v="2016-03-31T00:00:00"/>
    <x v="5"/>
    <x v="0"/>
    <s v="10828"/>
    <s v="GLNANDA"/>
    <n v="-414953.8"/>
    <n v="-3662298"/>
    <s v="MACSS UNBILLED REVENUE"/>
    <s v="GMM"/>
    <s v="NONBU"/>
    <s v="G0000110"/>
    <s v="N"/>
    <s v="MACSS UNBILLED REVENUE"/>
    <s v="GLMCM001"/>
    <x v="6"/>
    <s v="CAD3868271"/>
    <s v="S"/>
    <s v="KY"/>
    <s v="REV"/>
    <s v="974"/>
    <s v="GLBATCH"/>
    <n v="3"/>
    <n v="2016"/>
  </r>
  <r>
    <s v="110"/>
    <d v="2016-03-31T00:00:00"/>
    <x v="0"/>
    <x v="0"/>
    <s v="10828"/>
    <s v="GLNANDA"/>
    <n v="-783165.22"/>
    <n v="-10945449"/>
    <s v="MACSS UNBILLED REVENUE"/>
    <s v="GMM"/>
    <s v="NONBU"/>
    <s v="G0000110"/>
    <s v="N"/>
    <s v="MACSS UNBILLED REVENUE"/>
    <s v="GLMCM001"/>
    <x v="6"/>
    <s v="CAD3868271"/>
    <s v="S"/>
    <s v="KY"/>
    <s v="REV"/>
    <s v="974"/>
    <s v="GLBATCH"/>
    <n v="3"/>
    <n v="2016"/>
  </r>
  <r>
    <s v="110"/>
    <d v="2016-03-31T00:00:00"/>
    <x v="1"/>
    <x v="0"/>
    <s v="10828"/>
    <s v="GLNANDA"/>
    <n v="-1549562.75"/>
    <n v="-13429843"/>
    <s v="MACSS UNBILLED REVENUE"/>
    <s v="GMM"/>
    <s v="NONBU"/>
    <s v="G0000110"/>
    <s v="N"/>
    <s v="MACSS UNBILLED REVENUE"/>
    <s v="GLMCM001"/>
    <x v="6"/>
    <s v="CAD3868271"/>
    <s v="S"/>
    <s v="KY"/>
    <s v="REV"/>
    <s v="974"/>
    <s v="GLBATCH"/>
    <n v="3"/>
    <n v="2016"/>
  </r>
  <r>
    <s v="110"/>
    <d v="2016-03-31T00:00:00"/>
    <x v="2"/>
    <x v="0"/>
    <s v="10828"/>
    <s v="GLNANDA"/>
    <n v="-2178481.94"/>
    <n v="-18358232"/>
    <s v="MACSS UNBILLED REVENUE"/>
    <s v="GMM"/>
    <s v="NONBU"/>
    <s v="G0000110"/>
    <s v="N"/>
    <s v="MACSS UNBILLED REVENUE"/>
    <s v="GLMCM001"/>
    <x v="6"/>
    <s v="CAD3868271"/>
    <s v="S"/>
    <s v="KY"/>
    <s v="REV"/>
    <s v="974"/>
    <s v="GLBATCH"/>
    <n v="3"/>
    <n v="2016"/>
  </r>
  <r>
    <s v="110"/>
    <d v="2016-03-31T00:00:00"/>
    <x v="6"/>
    <x v="0"/>
    <s v="10828"/>
    <s v="GLNANDA"/>
    <n v="-6673.11"/>
    <n v="-43621"/>
    <s v="MACSS UNBILLED REVENUE"/>
    <s v="GMM"/>
    <s v="NONBU"/>
    <s v="G0000110"/>
    <s v="N"/>
    <s v="MACSS UNBILLED REVENUE"/>
    <s v="GLMCM001"/>
    <x v="6"/>
    <s v="CAD3868271"/>
    <s v="S"/>
    <s v="KY"/>
    <s v="REV"/>
    <s v="974"/>
    <s v="GLBATCH"/>
    <n v="3"/>
    <n v="2016"/>
  </r>
  <r>
    <s v="110"/>
    <d v="2016-03-31T00:00:00"/>
    <x v="4"/>
    <x v="0"/>
    <s v="10828"/>
    <s v="GLNANDA"/>
    <n v="-4003599.05"/>
    <n v="-36410814"/>
    <s v="MACSS UNBILLED REVENUE"/>
    <s v="GMM"/>
    <s v="NONBU"/>
    <s v="G0000110"/>
    <s v="N"/>
    <s v="MACSS UNBILLED REVENUE"/>
    <s v="GLMCM001"/>
    <x v="6"/>
    <s v="CAD3868271"/>
    <s v="S"/>
    <s v="KY"/>
    <s v="REV"/>
    <s v="974"/>
    <s v="GLBATCH"/>
    <n v="3"/>
    <n v="2016"/>
  </r>
  <r>
    <s v="110"/>
    <d v="2016-10-31T00:00:00"/>
    <x v="1"/>
    <x v="0"/>
    <s v="10828"/>
    <s v="GLNANDA"/>
    <n v="-2129929.5699999998"/>
    <n v="-16934693"/>
    <s v="MACSS UNBILLED REVENUE"/>
    <s v="GMM"/>
    <s v="NONBU"/>
    <s v="G0000110"/>
    <s v="N"/>
    <s v="MACSS UNBILLED REVENUE"/>
    <s v="GLMCM001"/>
    <x v="6"/>
    <s v="CAD3880591"/>
    <s v="S"/>
    <s v="KY"/>
    <s v="REV"/>
    <s v="974"/>
    <s v="GLBATCH"/>
    <n v="10"/>
    <n v="2016"/>
  </r>
  <r>
    <s v="110"/>
    <d v="2016-10-31T00:00:00"/>
    <x v="2"/>
    <x v="0"/>
    <s v="10828"/>
    <s v="GLNANDA"/>
    <n v="-3189116.7"/>
    <n v="-26333369"/>
    <s v="MACSS UNBILLED REVENUE"/>
    <s v="GMM"/>
    <s v="NONBU"/>
    <s v="G0000110"/>
    <s v="N"/>
    <s v="MACSS UNBILLED REVENUE"/>
    <s v="GLMCM001"/>
    <x v="6"/>
    <s v="CAD3880591"/>
    <s v="S"/>
    <s v="KY"/>
    <s v="REV"/>
    <s v="974"/>
    <s v="GLBATCH"/>
    <n v="10"/>
    <n v="2016"/>
  </r>
  <r>
    <s v="110"/>
    <d v="2016-10-31T00:00:00"/>
    <x v="5"/>
    <x v="0"/>
    <s v="10828"/>
    <s v="GLNANDA"/>
    <n v="-597986.81999999995"/>
    <n v="-5184698"/>
    <s v="MACSS UNBILLED REVENUE"/>
    <s v="GMM"/>
    <s v="NONBU"/>
    <s v="G0000110"/>
    <s v="N"/>
    <s v="MACSS UNBILLED REVENUE"/>
    <s v="GLMCM001"/>
    <x v="6"/>
    <s v="CAD3880591"/>
    <s v="S"/>
    <s v="KY"/>
    <s v="REV"/>
    <s v="974"/>
    <s v="GLBATCH"/>
    <n v="10"/>
    <n v="2016"/>
  </r>
  <r>
    <s v="110"/>
    <d v="2016-10-31T00:00:00"/>
    <x v="6"/>
    <x v="0"/>
    <s v="10828"/>
    <s v="GLNANDA"/>
    <n v="-9678.2199999999993"/>
    <n v="-59764"/>
    <s v="MACSS UNBILLED REVENUE"/>
    <s v="GMM"/>
    <s v="NONBU"/>
    <s v="G0000110"/>
    <s v="N"/>
    <s v="MACSS UNBILLED REVENUE"/>
    <s v="GLMCM001"/>
    <x v="6"/>
    <s v="CAD3880591"/>
    <s v="S"/>
    <s v="KY"/>
    <s v="REV"/>
    <s v="974"/>
    <s v="GLBATCH"/>
    <n v="10"/>
    <n v="2016"/>
  </r>
  <r>
    <s v="110"/>
    <d v="2016-10-31T00:00:00"/>
    <x v="3"/>
    <x v="0"/>
    <s v="10828"/>
    <s v="GLNANDA"/>
    <n v="-554253.68000000005"/>
    <n v="-6003646"/>
    <s v="MACSS UNBILLED REVENUE"/>
    <s v="GMM"/>
    <s v="NONBU"/>
    <s v="G0000110"/>
    <s v="N"/>
    <s v="MACSS UNBILLED REVENUE"/>
    <s v="GLMCM001"/>
    <x v="6"/>
    <s v="CAD3880591"/>
    <s v="S"/>
    <s v="KY"/>
    <s v="REV"/>
    <s v="974"/>
    <s v="GLBATCH"/>
    <n v="10"/>
    <n v="2016"/>
  </r>
  <r>
    <s v="110"/>
    <d v="2016-10-31T00:00:00"/>
    <x v="7"/>
    <x v="0"/>
    <s v="10828"/>
    <s v="GLNANDA"/>
    <n v="-575435.87"/>
    <n v="-4902107"/>
    <s v="MACSS UNBILLED REVENUE"/>
    <s v="GMM"/>
    <s v="NONBU"/>
    <s v="G0000110"/>
    <s v="N"/>
    <s v="MACSS UNBILLED REVENUE"/>
    <s v="GLMCM001"/>
    <x v="6"/>
    <s v="CAD3880591"/>
    <s v="S"/>
    <s v="KY"/>
    <s v="REV"/>
    <s v="974"/>
    <s v="GLBATCH"/>
    <n v="10"/>
    <n v="2016"/>
  </r>
  <r>
    <s v="110"/>
    <d v="2016-10-31T00:00:00"/>
    <x v="0"/>
    <x v="0"/>
    <s v="10828"/>
    <s v="GLNANDA"/>
    <n v="-1194176.75"/>
    <n v="-15933098"/>
    <s v="MACSS UNBILLED REVENUE"/>
    <s v="GMM"/>
    <s v="NONBU"/>
    <s v="G0000110"/>
    <s v="N"/>
    <s v="MACSS UNBILLED REVENUE"/>
    <s v="GLMCM001"/>
    <x v="6"/>
    <s v="CAD3880591"/>
    <s v="S"/>
    <s v="KY"/>
    <s v="REV"/>
    <s v="974"/>
    <s v="GLBATCH"/>
    <n v="10"/>
    <n v="2016"/>
  </r>
  <r>
    <s v="110"/>
    <d v="2016-10-31T00:00:00"/>
    <x v="4"/>
    <x v="0"/>
    <s v="10828"/>
    <s v="GLNANDA"/>
    <n v="-3753672.79"/>
    <n v="-30257535"/>
    <s v="MACSS UNBILLED REVENUE"/>
    <s v="GMM"/>
    <s v="NONBU"/>
    <s v="G0000110"/>
    <s v="N"/>
    <s v="MACSS UNBILLED REVENUE"/>
    <s v="GLMCM001"/>
    <x v="6"/>
    <s v="CAD3880591"/>
    <s v="S"/>
    <s v="KY"/>
    <s v="REV"/>
    <s v="974"/>
    <s v="GLBATCH"/>
    <n v="10"/>
    <n v="2016"/>
  </r>
  <r>
    <s v="110"/>
    <d v="2016-04-30T00:00:00"/>
    <x v="5"/>
    <x v="0"/>
    <s v="10828"/>
    <s v="GLNANDA"/>
    <n v="-509831.79"/>
    <n v="-4378493"/>
    <s v="MACSS UNBILLED REVENUE"/>
    <s v="GMM"/>
    <s v="NONBU"/>
    <s v="G0000110"/>
    <s v="N"/>
    <s v="MACSS UNBILLED REVENUE"/>
    <s v="GLMCM001"/>
    <x v="6"/>
    <s v="CAD3885494"/>
    <s v="S"/>
    <s v="KY"/>
    <s v="REV"/>
    <s v="974"/>
    <s v="GLBATCH"/>
    <n v="4"/>
    <n v="2016"/>
  </r>
  <r>
    <s v="110"/>
    <d v="2016-04-30T00:00:00"/>
    <x v="6"/>
    <x v="0"/>
    <s v="10828"/>
    <s v="GLNANDA"/>
    <n v="-9374.73"/>
    <n v="-56693"/>
    <s v="MACSS UNBILLED REVENUE"/>
    <s v="GMM"/>
    <s v="NONBU"/>
    <s v="G0000110"/>
    <s v="N"/>
    <s v="MACSS UNBILLED REVENUE"/>
    <s v="GLMCM001"/>
    <x v="6"/>
    <s v="CAD3885494"/>
    <s v="S"/>
    <s v="KY"/>
    <s v="REV"/>
    <s v="974"/>
    <s v="GLBATCH"/>
    <n v="4"/>
    <n v="2016"/>
  </r>
  <r>
    <s v="110"/>
    <d v="2016-04-30T00:00:00"/>
    <x v="0"/>
    <x v="0"/>
    <s v="10828"/>
    <s v="GLNANDA"/>
    <n v="-1092580.8700000001"/>
    <n v="-15150799"/>
    <s v="MACSS UNBILLED REVENUE"/>
    <s v="GMM"/>
    <s v="NONBU"/>
    <s v="G0000110"/>
    <s v="N"/>
    <s v="MACSS UNBILLED REVENUE"/>
    <s v="GLMCM001"/>
    <x v="6"/>
    <s v="CAD3885494"/>
    <s v="S"/>
    <s v="KY"/>
    <s v="REV"/>
    <s v="974"/>
    <s v="GLBATCH"/>
    <n v="4"/>
    <n v="2016"/>
  </r>
  <r>
    <s v="110"/>
    <d v="2016-04-30T00:00:00"/>
    <x v="7"/>
    <x v="0"/>
    <s v="10828"/>
    <s v="GLNANDA"/>
    <n v="-456793.1"/>
    <n v="-3883654"/>
    <s v="MACSS UNBILLED REVENUE"/>
    <s v="GMM"/>
    <s v="NONBU"/>
    <s v="G0000110"/>
    <s v="N"/>
    <s v="MACSS UNBILLED REVENUE"/>
    <s v="GLMCM001"/>
    <x v="6"/>
    <s v="CAD3885494"/>
    <s v="S"/>
    <s v="KY"/>
    <s v="REV"/>
    <s v="974"/>
    <s v="GLBATCH"/>
    <n v="4"/>
    <n v="2016"/>
  </r>
  <r>
    <s v="110"/>
    <d v="2016-04-30T00:00:00"/>
    <x v="1"/>
    <x v="0"/>
    <s v="10828"/>
    <s v="GLNANDA"/>
    <n v="-1620696.97"/>
    <n v="-13372920"/>
    <s v="MACSS UNBILLED REVENUE"/>
    <s v="GMM"/>
    <s v="NONBU"/>
    <s v="G0000110"/>
    <s v="N"/>
    <s v="MACSS UNBILLED REVENUE"/>
    <s v="GLMCM001"/>
    <x v="6"/>
    <s v="CAD3885494"/>
    <s v="S"/>
    <s v="KY"/>
    <s v="REV"/>
    <s v="974"/>
    <s v="GLBATCH"/>
    <n v="4"/>
    <n v="2016"/>
  </r>
  <r>
    <s v="110"/>
    <d v="2016-04-30T00:00:00"/>
    <x v="2"/>
    <x v="0"/>
    <s v="10828"/>
    <s v="GLNANDA"/>
    <n v="-2588327.63"/>
    <n v="-20909389"/>
    <s v="MACSS UNBILLED REVENUE"/>
    <s v="GMM"/>
    <s v="NONBU"/>
    <s v="G0000110"/>
    <s v="N"/>
    <s v="MACSS UNBILLED REVENUE"/>
    <s v="GLMCM001"/>
    <x v="6"/>
    <s v="CAD3885494"/>
    <s v="S"/>
    <s v="KY"/>
    <s v="REV"/>
    <s v="974"/>
    <s v="GLBATCH"/>
    <n v="4"/>
    <n v="2016"/>
  </r>
  <r>
    <s v="110"/>
    <d v="2016-04-30T00:00:00"/>
    <x v="3"/>
    <x v="0"/>
    <s v="10828"/>
    <s v="GLNANDA"/>
    <n v="-580524.46"/>
    <n v="-6358016"/>
    <s v="MACSS UNBILLED REVENUE"/>
    <s v="GMM"/>
    <s v="NONBU"/>
    <s v="G0000110"/>
    <s v="N"/>
    <s v="MACSS UNBILLED REVENUE"/>
    <s v="GLMCM001"/>
    <x v="6"/>
    <s v="CAD3885494"/>
    <s v="S"/>
    <s v="KY"/>
    <s v="REV"/>
    <s v="974"/>
    <s v="GLBATCH"/>
    <n v="4"/>
    <n v="2016"/>
  </r>
  <r>
    <s v="110"/>
    <d v="2016-04-30T00:00:00"/>
    <x v="4"/>
    <x v="0"/>
    <s v="10828"/>
    <s v="GLNANDA"/>
    <n v="-3643070.2"/>
    <n v="-31541188"/>
    <s v="MACSS UNBILLED REVENUE"/>
    <s v="GMM"/>
    <s v="NONBU"/>
    <s v="G0000110"/>
    <s v="N"/>
    <s v="MACSS UNBILLED REVENUE"/>
    <s v="GLMCM001"/>
    <x v="6"/>
    <s v="CAD3885494"/>
    <s v="S"/>
    <s v="KY"/>
    <s v="REV"/>
    <s v="974"/>
    <s v="GLBATCH"/>
    <n v="4"/>
    <n v="2016"/>
  </r>
  <r>
    <s v="110"/>
    <d v="2016-11-30T00:00:00"/>
    <x v="1"/>
    <x v="0"/>
    <s v="10828"/>
    <s v="GLNANDA"/>
    <n v="-3061113.8"/>
    <n v="-22786584"/>
    <s v="MACSS UNBILLED REVENUE"/>
    <s v="GMM"/>
    <s v="NONBU"/>
    <s v="G0000110"/>
    <s v="N"/>
    <s v="MACSS UNBILLED REVENUE"/>
    <s v="GLMCM001"/>
    <x v="6"/>
    <s v="CAD3895278"/>
    <s v="S"/>
    <s v="KY"/>
    <s v="REV"/>
    <s v="974"/>
    <s v="GLBATCH"/>
    <n v="11"/>
    <n v="2016"/>
  </r>
  <r>
    <s v="110"/>
    <d v="2016-11-30T00:00:00"/>
    <x v="4"/>
    <x v="0"/>
    <s v="10828"/>
    <s v="GLNANDA"/>
    <n v="-6255236.54"/>
    <n v="-48415877"/>
    <s v="MACSS UNBILLED REVENUE"/>
    <s v="GMM"/>
    <s v="NONBU"/>
    <s v="G0000110"/>
    <s v="N"/>
    <s v="MACSS UNBILLED REVENUE"/>
    <s v="GLMCM001"/>
    <x v="6"/>
    <s v="CAD3895278"/>
    <s v="S"/>
    <s v="KY"/>
    <s v="REV"/>
    <s v="974"/>
    <s v="GLBATCH"/>
    <n v="11"/>
    <n v="2016"/>
  </r>
  <r>
    <s v="110"/>
    <d v="2016-11-30T00:00:00"/>
    <x v="0"/>
    <x v="0"/>
    <s v="10828"/>
    <s v="GLNANDA"/>
    <n v="-2144425.73"/>
    <n v="-26836894"/>
    <s v="MACSS UNBILLED REVENUE"/>
    <s v="GMM"/>
    <s v="NONBU"/>
    <s v="G0000110"/>
    <s v="N"/>
    <s v="MACSS UNBILLED REVENUE"/>
    <s v="GLMCM001"/>
    <x v="6"/>
    <s v="CAD3895278"/>
    <s v="S"/>
    <s v="KY"/>
    <s v="REV"/>
    <s v="974"/>
    <s v="GLBATCH"/>
    <n v="11"/>
    <n v="2016"/>
  </r>
  <r>
    <s v="110"/>
    <d v="2016-11-30T00:00:00"/>
    <x v="7"/>
    <x v="0"/>
    <s v="10828"/>
    <s v="GLNANDA"/>
    <n v="-921140.36"/>
    <n v="-7256384"/>
    <s v="MACSS UNBILLED REVENUE"/>
    <s v="GMM"/>
    <s v="NONBU"/>
    <s v="G0000110"/>
    <s v="N"/>
    <s v="MACSS UNBILLED REVENUE"/>
    <s v="GLMCM001"/>
    <x v="6"/>
    <s v="CAD3895278"/>
    <s v="S"/>
    <s v="KY"/>
    <s v="REV"/>
    <s v="974"/>
    <s v="GLBATCH"/>
    <n v="11"/>
    <n v="2016"/>
  </r>
  <r>
    <s v="110"/>
    <d v="2016-11-30T00:00:00"/>
    <x v="3"/>
    <x v="0"/>
    <s v="10828"/>
    <s v="GLNANDA"/>
    <n v="-1167677.18"/>
    <n v="-12338244"/>
    <s v="MACSS UNBILLED REVENUE"/>
    <s v="GMM"/>
    <s v="NONBU"/>
    <s v="G0000110"/>
    <s v="N"/>
    <s v="MACSS UNBILLED REVENUE"/>
    <s v="GLMCM001"/>
    <x v="6"/>
    <s v="CAD3895278"/>
    <s v="S"/>
    <s v="KY"/>
    <s v="REV"/>
    <s v="974"/>
    <s v="GLBATCH"/>
    <n v="11"/>
    <n v="2016"/>
  </r>
  <r>
    <s v="110"/>
    <d v="2016-11-30T00:00:00"/>
    <x v="6"/>
    <x v="0"/>
    <s v="10828"/>
    <s v="GLNANDA"/>
    <n v="-18978.7"/>
    <n v="-113349"/>
    <s v="MACSS UNBILLED REVENUE"/>
    <s v="GMM"/>
    <s v="NONBU"/>
    <s v="G0000110"/>
    <s v="N"/>
    <s v="MACSS UNBILLED REVENUE"/>
    <s v="GLMCM001"/>
    <x v="6"/>
    <s v="CAD3895278"/>
    <s v="S"/>
    <s v="KY"/>
    <s v="REV"/>
    <s v="974"/>
    <s v="GLBATCH"/>
    <n v="11"/>
    <n v="2016"/>
  </r>
  <r>
    <s v="110"/>
    <d v="2016-11-30T00:00:00"/>
    <x v="5"/>
    <x v="0"/>
    <s v="10828"/>
    <s v="GLNANDA"/>
    <n v="-1006296.28"/>
    <n v="-8117367"/>
    <s v="MACSS UNBILLED REVENUE"/>
    <s v="GMM"/>
    <s v="NONBU"/>
    <s v="G0000110"/>
    <s v="N"/>
    <s v="MACSS UNBILLED REVENUE"/>
    <s v="GLMCM001"/>
    <x v="6"/>
    <s v="CAD3895278"/>
    <s v="S"/>
    <s v="KY"/>
    <s v="REV"/>
    <s v="974"/>
    <s v="GLBATCH"/>
    <n v="11"/>
    <n v="2016"/>
  </r>
  <r>
    <s v="110"/>
    <d v="2016-11-30T00:00:00"/>
    <x v="2"/>
    <x v="0"/>
    <s v="10828"/>
    <s v="GLNANDA"/>
    <n v="-5185798.91"/>
    <n v="-39770794"/>
    <s v="MACSS UNBILLED REVENUE"/>
    <s v="GMM"/>
    <s v="NONBU"/>
    <s v="G0000110"/>
    <s v="N"/>
    <s v="MACSS UNBILLED REVENUE"/>
    <s v="GLMCM001"/>
    <x v="6"/>
    <s v="CAD3895278"/>
    <s v="S"/>
    <s v="KY"/>
    <s v="REV"/>
    <s v="974"/>
    <s v="GLBATCH"/>
    <n v="11"/>
    <n v="2016"/>
  </r>
  <r>
    <s v="110"/>
    <d v="2016-11-01T00:00:00"/>
    <x v="3"/>
    <x v="0"/>
    <s v="10828"/>
    <s v="GLNANDA"/>
    <n v="554253.68000000005"/>
    <n v="6003646"/>
    <s v="MACSS UNBILLD REVENUE REVERSAL"/>
    <s v="GMM"/>
    <s v="NONBU"/>
    <s v="G0000110"/>
    <s v="N"/>
    <s v="MACSS UNBILLD REVENUE REVERSAL"/>
    <s v="GLMCM001"/>
    <x v="7"/>
    <s v="CAD38R0598"/>
    <s v="S"/>
    <s v="KY"/>
    <s v="REV"/>
    <s v="974"/>
    <s v="GLBATCH"/>
    <n v="11"/>
    <n v="2016"/>
  </r>
  <r>
    <s v="110"/>
    <d v="2016-11-01T00:00:00"/>
    <x v="5"/>
    <x v="0"/>
    <s v="10828"/>
    <s v="GLNANDA"/>
    <n v="597986.81999999995"/>
    <n v="5184698"/>
    <s v="MACSS UNBILLD REVENUE REVERSAL"/>
    <s v="GMM"/>
    <s v="NONBU"/>
    <s v="G0000110"/>
    <s v="N"/>
    <s v="MACSS UNBILLD REVENUE REVERSAL"/>
    <s v="GLMCM001"/>
    <x v="7"/>
    <s v="CAD38R0598"/>
    <s v="S"/>
    <s v="KY"/>
    <s v="REV"/>
    <s v="974"/>
    <s v="GLBATCH"/>
    <n v="11"/>
    <n v="2016"/>
  </r>
  <r>
    <s v="110"/>
    <d v="2016-11-01T00:00:00"/>
    <x v="2"/>
    <x v="0"/>
    <s v="10828"/>
    <s v="GLNANDA"/>
    <n v="3189116.7"/>
    <n v="26333369"/>
    <s v="MACSS UNBILLD REVENUE REVERSAL"/>
    <s v="GMM"/>
    <s v="NONBU"/>
    <s v="G0000110"/>
    <s v="N"/>
    <s v="MACSS UNBILLD REVENUE REVERSAL"/>
    <s v="GLMCM001"/>
    <x v="7"/>
    <s v="CAD38R0598"/>
    <s v="S"/>
    <s v="KY"/>
    <s v="REV"/>
    <s v="974"/>
    <s v="GLBATCH"/>
    <n v="11"/>
    <n v="2016"/>
  </r>
  <r>
    <s v="110"/>
    <d v="2016-11-01T00:00:00"/>
    <x v="1"/>
    <x v="0"/>
    <s v="10828"/>
    <s v="GLNANDA"/>
    <n v="2129929.5699999998"/>
    <n v="16934693"/>
    <s v="MACSS UNBILLD REVENUE REVERSAL"/>
    <s v="GMM"/>
    <s v="NONBU"/>
    <s v="G0000110"/>
    <s v="N"/>
    <s v="MACSS UNBILLD REVENUE REVERSAL"/>
    <s v="GLMCM001"/>
    <x v="7"/>
    <s v="CAD38R0598"/>
    <s v="S"/>
    <s v="KY"/>
    <s v="REV"/>
    <s v="974"/>
    <s v="GLBATCH"/>
    <n v="11"/>
    <n v="2016"/>
  </r>
  <r>
    <s v="110"/>
    <d v="2016-11-01T00:00:00"/>
    <x v="4"/>
    <x v="0"/>
    <s v="10828"/>
    <s v="GLNANDA"/>
    <n v="3753672.79"/>
    <n v="30257535"/>
    <s v="MACSS UNBILLD REVENUE REVERSAL"/>
    <s v="GMM"/>
    <s v="NONBU"/>
    <s v="G0000110"/>
    <s v="N"/>
    <s v="MACSS UNBILLD REVENUE REVERSAL"/>
    <s v="GLMCM001"/>
    <x v="7"/>
    <s v="CAD38R0598"/>
    <s v="S"/>
    <s v="KY"/>
    <s v="REV"/>
    <s v="974"/>
    <s v="GLBATCH"/>
    <n v="11"/>
    <n v="2016"/>
  </r>
  <r>
    <s v="110"/>
    <d v="2016-11-01T00:00:00"/>
    <x v="6"/>
    <x v="0"/>
    <s v="10828"/>
    <s v="GLNANDA"/>
    <n v="9678.2199999999993"/>
    <n v="59764"/>
    <s v="MACSS UNBILLD REVENUE REVERSAL"/>
    <s v="GMM"/>
    <s v="NONBU"/>
    <s v="G0000110"/>
    <s v="N"/>
    <s v="MACSS UNBILLD REVENUE REVERSAL"/>
    <s v="GLMCM001"/>
    <x v="7"/>
    <s v="CAD38R0598"/>
    <s v="S"/>
    <s v="KY"/>
    <s v="REV"/>
    <s v="974"/>
    <s v="GLBATCH"/>
    <n v="11"/>
    <n v="2016"/>
  </r>
  <r>
    <s v="110"/>
    <d v="2016-11-01T00:00:00"/>
    <x v="0"/>
    <x v="0"/>
    <s v="10828"/>
    <s v="GLNANDA"/>
    <n v="1194176.75"/>
    <n v="15933098"/>
    <s v="MACSS UNBILLD REVENUE REVERSAL"/>
    <s v="GMM"/>
    <s v="NONBU"/>
    <s v="G0000110"/>
    <s v="N"/>
    <s v="MACSS UNBILLD REVENUE REVERSAL"/>
    <s v="GLMCM001"/>
    <x v="7"/>
    <s v="CAD38R0598"/>
    <s v="S"/>
    <s v="KY"/>
    <s v="REV"/>
    <s v="974"/>
    <s v="GLBATCH"/>
    <n v="11"/>
    <n v="2016"/>
  </r>
  <r>
    <s v="110"/>
    <d v="2016-11-01T00:00:00"/>
    <x v="7"/>
    <x v="0"/>
    <s v="10828"/>
    <s v="GLNANDA"/>
    <n v="575435.87"/>
    <n v="4902107"/>
    <s v="MACSS UNBILLD REVENUE REVERSAL"/>
    <s v="GMM"/>
    <s v="NONBU"/>
    <s v="G0000110"/>
    <s v="N"/>
    <s v="MACSS UNBILLD REVENUE REVERSAL"/>
    <s v="GLMCM001"/>
    <x v="7"/>
    <s v="CAD38R0598"/>
    <s v="S"/>
    <s v="KY"/>
    <s v="REV"/>
    <s v="974"/>
    <s v="GLBATCH"/>
    <n v="11"/>
    <n v="2016"/>
  </r>
  <r>
    <s v="110"/>
    <d v="2017-01-01T00:00:00"/>
    <x v="3"/>
    <x v="0"/>
    <s v="10828"/>
    <s v="GLNANDA"/>
    <n v="920639.24"/>
    <n v="10511935"/>
    <s v="MACSS UNBILLD REVENUE REVERSAL"/>
    <s v="GMM"/>
    <s v="NONBU"/>
    <s v="G0000110"/>
    <s v="N"/>
    <s v="MACSS UNBILLD REVENUE REVERSAL"/>
    <s v="GLMCM001"/>
    <x v="7"/>
    <s v="CAD38R0847"/>
    <s v="S"/>
    <s v="KY"/>
    <s v="REV"/>
    <s v="974"/>
    <s v="GLBATCH"/>
    <n v="1"/>
    <n v="2017"/>
  </r>
  <r>
    <s v="110"/>
    <d v="2017-01-01T00:00:00"/>
    <x v="4"/>
    <x v="0"/>
    <s v="10828"/>
    <s v="GLNANDA"/>
    <n v="8138661.3300000001"/>
    <n v="67348982"/>
    <s v="MACSS UNBILLD REVENUE REVERSAL"/>
    <s v="GMM"/>
    <s v="NONBU"/>
    <s v="G0000110"/>
    <s v="N"/>
    <s v="MACSS UNBILLD REVENUE REVERSAL"/>
    <s v="GLMCM001"/>
    <x v="7"/>
    <s v="CAD38R0847"/>
    <s v="S"/>
    <s v="KY"/>
    <s v="REV"/>
    <s v="974"/>
    <s v="GLBATCH"/>
    <n v="1"/>
    <n v="2017"/>
  </r>
  <r>
    <s v="110"/>
    <d v="2017-01-01T00:00:00"/>
    <x v="2"/>
    <x v="0"/>
    <s v="10828"/>
    <s v="GLNANDA"/>
    <n v="4555053.8499999996"/>
    <n v="36301016"/>
    <s v="MACSS UNBILLD REVENUE REVERSAL"/>
    <s v="GMM"/>
    <s v="NONBU"/>
    <s v="G0000110"/>
    <s v="N"/>
    <s v="MACSS UNBILLD REVENUE REVERSAL"/>
    <s v="GLMCM001"/>
    <x v="7"/>
    <s v="CAD38R0847"/>
    <s v="S"/>
    <s v="KY"/>
    <s v="REV"/>
    <s v="974"/>
    <s v="GLBATCH"/>
    <n v="1"/>
    <n v="2017"/>
  </r>
  <r>
    <s v="110"/>
    <d v="2017-01-01T00:00:00"/>
    <x v="1"/>
    <x v="0"/>
    <s v="10828"/>
    <s v="GLNANDA"/>
    <n v="3277807.42"/>
    <n v="26064564"/>
    <s v="MACSS UNBILLD REVENUE REVERSAL"/>
    <s v="GMM"/>
    <s v="NONBU"/>
    <s v="G0000110"/>
    <s v="N"/>
    <s v="MACSS UNBILLD REVENUE REVERSAL"/>
    <s v="GLMCM001"/>
    <x v="7"/>
    <s v="CAD38R0847"/>
    <s v="S"/>
    <s v="KY"/>
    <s v="REV"/>
    <s v="974"/>
    <s v="GLBATCH"/>
    <n v="1"/>
    <n v="2017"/>
  </r>
  <r>
    <s v="110"/>
    <d v="2017-01-01T00:00:00"/>
    <x v="5"/>
    <x v="0"/>
    <s v="10828"/>
    <s v="GLNANDA"/>
    <n v="878543.86"/>
    <n v="7340379"/>
    <s v="MACSS UNBILLD REVENUE REVERSAL"/>
    <s v="GMM"/>
    <s v="NONBU"/>
    <s v="G0000110"/>
    <s v="N"/>
    <s v="MACSS UNBILLD REVENUE REVERSAL"/>
    <s v="GLMCM001"/>
    <x v="7"/>
    <s v="CAD38R0847"/>
    <s v="S"/>
    <s v="KY"/>
    <s v="REV"/>
    <s v="974"/>
    <s v="GLBATCH"/>
    <n v="1"/>
    <n v="2017"/>
  </r>
  <r>
    <s v="110"/>
    <d v="2017-01-01T00:00:00"/>
    <x v="6"/>
    <x v="0"/>
    <s v="10828"/>
    <s v="GLNANDA"/>
    <n v="17201.78"/>
    <n v="110186"/>
    <s v="MACSS UNBILLD REVENUE REVERSAL"/>
    <s v="GMM"/>
    <s v="NONBU"/>
    <s v="G0000110"/>
    <s v="N"/>
    <s v="MACSS UNBILLD REVENUE REVERSAL"/>
    <s v="GLMCM001"/>
    <x v="7"/>
    <s v="CAD38R0847"/>
    <s v="S"/>
    <s v="KY"/>
    <s v="REV"/>
    <s v="974"/>
    <s v="GLBATCH"/>
    <n v="1"/>
    <n v="2017"/>
  </r>
  <r>
    <s v="110"/>
    <d v="2017-01-01T00:00:00"/>
    <x v="0"/>
    <x v="0"/>
    <s v="10828"/>
    <s v="GLNANDA"/>
    <n v="1684265.98"/>
    <n v="22832190"/>
    <s v="MACSS UNBILLD REVENUE REVERSAL"/>
    <s v="GMM"/>
    <s v="NONBU"/>
    <s v="G0000110"/>
    <s v="N"/>
    <s v="MACSS UNBILLD REVENUE REVERSAL"/>
    <s v="GLMCM001"/>
    <x v="7"/>
    <s v="CAD38R0847"/>
    <s v="S"/>
    <s v="KY"/>
    <s v="REV"/>
    <s v="974"/>
    <s v="GLBATCH"/>
    <n v="1"/>
    <n v="2017"/>
  </r>
  <r>
    <s v="110"/>
    <d v="2017-01-01T00:00:00"/>
    <x v="7"/>
    <x v="0"/>
    <s v="10828"/>
    <s v="GLNANDA"/>
    <n v="801318.36"/>
    <n v="6548168"/>
    <s v="MACSS UNBILLD REVENUE REVERSAL"/>
    <s v="GMM"/>
    <s v="NONBU"/>
    <s v="G0000110"/>
    <s v="N"/>
    <s v="MACSS UNBILLD REVENUE REVERSAL"/>
    <s v="GLMCM001"/>
    <x v="7"/>
    <s v="CAD38R0847"/>
    <s v="S"/>
    <s v="KY"/>
    <s v="REV"/>
    <s v="974"/>
    <s v="GLBATCH"/>
    <n v="1"/>
    <n v="2017"/>
  </r>
  <r>
    <s v="110"/>
    <d v="2016-06-01T00:00:00"/>
    <x v="5"/>
    <x v="0"/>
    <s v="10828"/>
    <s v="GLNANDA"/>
    <n v="752434.33"/>
    <n v="6443434"/>
    <s v="MACSS UNBILLD REVENUE REVERSAL"/>
    <s v="GMM"/>
    <s v="NONBU"/>
    <s v="G0000110"/>
    <s v="N"/>
    <s v="MACSS UNBILLD REVENUE REVERSAL"/>
    <s v="GLMCM001"/>
    <x v="7"/>
    <s v="CAD38R1060"/>
    <s v="S"/>
    <s v="KY"/>
    <s v="REV"/>
    <s v="974"/>
    <s v="GLBATCH"/>
    <n v="6"/>
    <n v="2016"/>
  </r>
  <r>
    <s v="110"/>
    <d v="2016-06-01T00:00:00"/>
    <x v="7"/>
    <x v="0"/>
    <s v="10828"/>
    <s v="GLNANDA"/>
    <n v="658611.32999999996"/>
    <n v="5580295"/>
    <s v="MACSS UNBILLD REVENUE REVERSAL"/>
    <s v="GMM"/>
    <s v="NONBU"/>
    <s v="G0000110"/>
    <s v="N"/>
    <s v="MACSS UNBILLD REVENUE REVERSAL"/>
    <s v="GLMCM001"/>
    <x v="7"/>
    <s v="CAD38R1060"/>
    <s v="S"/>
    <s v="KY"/>
    <s v="REV"/>
    <s v="974"/>
    <s v="GLBATCH"/>
    <n v="6"/>
    <n v="2016"/>
  </r>
  <r>
    <s v="110"/>
    <d v="2016-06-01T00:00:00"/>
    <x v="1"/>
    <x v="0"/>
    <s v="10828"/>
    <s v="GLNANDA"/>
    <n v="2221329.25"/>
    <n v="17761074"/>
    <s v="MACSS UNBILLD REVENUE REVERSAL"/>
    <s v="GMM"/>
    <s v="NONBU"/>
    <s v="G0000110"/>
    <s v="N"/>
    <s v="MACSS UNBILLD REVENUE REVERSAL"/>
    <s v="GLMCM001"/>
    <x v="7"/>
    <s v="CAD38R1060"/>
    <s v="S"/>
    <s v="KY"/>
    <s v="REV"/>
    <s v="974"/>
    <s v="GLBATCH"/>
    <n v="6"/>
    <n v="2016"/>
  </r>
  <r>
    <s v="110"/>
    <d v="2016-06-01T00:00:00"/>
    <x v="2"/>
    <x v="0"/>
    <s v="10828"/>
    <s v="GLNANDA"/>
    <n v="3825500.91"/>
    <n v="31241105"/>
    <s v="MACSS UNBILLD REVENUE REVERSAL"/>
    <s v="GMM"/>
    <s v="NONBU"/>
    <s v="G0000110"/>
    <s v="N"/>
    <s v="MACSS UNBILLD REVENUE REVERSAL"/>
    <s v="GLMCM001"/>
    <x v="7"/>
    <s v="CAD38R1060"/>
    <s v="S"/>
    <s v="KY"/>
    <s v="REV"/>
    <s v="974"/>
    <s v="GLBATCH"/>
    <n v="6"/>
    <n v="2016"/>
  </r>
  <r>
    <s v="110"/>
    <d v="2016-06-01T00:00:00"/>
    <x v="3"/>
    <x v="0"/>
    <s v="10828"/>
    <s v="GLNANDA"/>
    <n v="835451.01"/>
    <n v="8968355"/>
    <s v="MACSS UNBILLD REVENUE REVERSAL"/>
    <s v="GMM"/>
    <s v="NONBU"/>
    <s v="G0000110"/>
    <s v="N"/>
    <s v="MACSS UNBILLD REVENUE REVERSAL"/>
    <s v="GLMCM001"/>
    <x v="7"/>
    <s v="CAD38R1060"/>
    <s v="S"/>
    <s v="KY"/>
    <s v="REV"/>
    <s v="974"/>
    <s v="GLBATCH"/>
    <n v="6"/>
    <n v="2016"/>
  </r>
  <r>
    <s v="110"/>
    <d v="2016-06-01T00:00:00"/>
    <x v="6"/>
    <x v="0"/>
    <s v="10828"/>
    <s v="GLNANDA"/>
    <n v="12444.78"/>
    <n v="71099"/>
    <s v="MACSS UNBILLD REVENUE REVERSAL"/>
    <s v="GMM"/>
    <s v="NONBU"/>
    <s v="G0000110"/>
    <s v="N"/>
    <s v="MACSS UNBILLD REVENUE REVERSAL"/>
    <s v="GLMCM001"/>
    <x v="7"/>
    <s v="CAD38R1060"/>
    <s v="S"/>
    <s v="KY"/>
    <s v="REV"/>
    <s v="974"/>
    <s v="GLBATCH"/>
    <n v="6"/>
    <n v="2016"/>
  </r>
  <r>
    <s v="110"/>
    <d v="2016-06-01T00:00:00"/>
    <x v="4"/>
    <x v="0"/>
    <s v="10828"/>
    <s v="GLNANDA"/>
    <n v="4505728.3499999996"/>
    <n v="37542396"/>
    <s v="MACSS UNBILLD REVENUE REVERSAL"/>
    <s v="GMM"/>
    <s v="NONBU"/>
    <s v="G0000110"/>
    <s v="N"/>
    <s v="MACSS UNBILLD REVENUE REVERSAL"/>
    <s v="GLMCM001"/>
    <x v="7"/>
    <s v="CAD38R1060"/>
    <s v="S"/>
    <s v="KY"/>
    <s v="REV"/>
    <s v="974"/>
    <s v="GLBATCH"/>
    <n v="6"/>
    <n v="2016"/>
  </r>
  <r>
    <s v="110"/>
    <d v="2016-06-01T00:00:00"/>
    <x v="0"/>
    <x v="0"/>
    <s v="10828"/>
    <s v="GLNANDA"/>
    <n v="1565274.21"/>
    <n v="21235248"/>
    <s v="MACSS UNBILLD REVENUE REVERSAL"/>
    <s v="GMM"/>
    <s v="NONBU"/>
    <s v="G0000110"/>
    <s v="N"/>
    <s v="MACSS UNBILLD REVENUE REVERSAL"/>
    <s v="GLMCM001"/>
    <x v="7"/>
    <s v="CAD38R1060"/>
    <s v="S"/>
    <s v="KY"/>
    <s v="REV"/>
    <s v="974"/>
    <s v="GLBATCH"/>
    <n v="6"/>
    <n v="2016"/>
  </r>
  <r>
    <s v="110"/>
    <d v="2016-03-01T00:00:00"/>
    <x v="2"/>
    <x v="0"/>
    <s v="10828"/>
    <s v="GLNANDA"/>
    <n v="3391874.26"/>
    <n v="28798000"/>
    <s v="MACSS UNBILLD REVENUE REVERSAL"/>
    <s v="GMM"/>
    <s v="NONBU"/>
    <s v="G0000110"/>
    <s v="N"/>
    <s v="MACSS UNBILLD REVENUE REVERSAL"/>
    <s v="GLMCM001"/>
    <x v="7"/>
    <s v="CAD38R2256"/>
    <s v="S"/>
    <s v="KY"/>
    <s v="REV"/>
    <s v="974"/>
    <s v="GLBATCH"/>
    <n v="3"/>
    <n v="2016"/>
  </r>
  <r>
    <s v="110"/>
    <d v="2016-03-01T00:00:00"/>
    <x v="1"/>
    <x v="0"/>
    <s v="10828"/>
    <s v="GLNANDA"/>
    <n v="2681460.44"/>
    <n v="23199141"/>
    <s v="MACSS UNBILLD REVENUE REVERSAL"/>
    <s v="GMM"/>
    <s v="NONBU"/>
    <s v="G0000110"/>
    <s v="N"/>
    <s v="MACSS UNBILLD REVENUE REVERSAL"/>
    <s v="GLMCM001"/>
    <x v="7"/>
    <s v="CAD38R2256"/>
    <s v="S"/>
    <s v="KY"/>
    <s v="REV"/>
    <s v="974"/>
    <s v="GLBATCH"/>
    <n v="3"/>
    <n v="2016"/>
  </r>
  <r>
    <s v="110"/>
    <d v="2016-03-01T00:00:00"/>
    <x v="0"/>
    <x v="0"/>
    <s v="10828"/>
    <s v="GLNANDA"/>
    <n v="1048795.97"/>
    <n v="13527332"/>
    <s v="MACSS UNBILLD REVENUE REVERSAL"/>
    <s v="GMM"/>
    <s v="NONBU"/>
    <s v="G0000110"/>
    <s v="N"/>
    <s v="MACSS UNBILLD REVENUE REVERSAL"/>
    <s v="GLMCM001"/>
    <x v="7"/>
    <s v="CAD38R2256"/>
    <s v="S"/>
    <s v="KY"/>
    <s v="REV"/>
    <s v="974"/>
    <s v="GLBATCH"/>
    <n v="3"/>
    <n v="2016"/>
  </r>
  <r>
    <s v="110"/>
    <d v="2016-03-01T00:00:00"/>
    <x v="4"/>
    <x v="0"/>
    <s v="10828"/>
    <s v="GLNANDA"/>
    <n v="7376174.54"/>
    <n v="66638006"/>
    <s v="MACSS UNBILLD REVENUE REVERSAL"/>
    <s v="GMM"/>
    <s v="NONBU"/>
    <s v="G0000110"/>
    <s v="N"/>
    <s v="MACSS UNBILLD REVENUE REVERSAL"/>
    <s v="GLMCM001"/>
    <x v="7"/>
    <s v="CAD38R2256"/>
    <s v="S"/>
    <s v="KY"/>
    <s v="REV"/>
    <s v="974"/>
    <s v="GLBATCH"/>
    <n v="3"/>
    <n v="2016"/>
  </r>
  <r>
    <s v="110"/>
    <d v="2016-03-01T00:00:00"/>
    <x v="7"/>
    <x v="0"/>
    <s v="10828"/>
    <s v="GLNANDA"/>
    <n v="624778.16"/>
    <n v="5568054"/>
    <s v="MACSS UNBILLD REVENUE REVERSAL"/>
    <s v="GMM"/>
    <s v="NONBU"/>
    <s v="G0000110"/>
    <s v="N"/>
    <s v="MACSS UNBILLD REVENUE REVERSAL"/>
    <s v="GLMCM001"/>
    <x v="7"/>
    <s v="CAD38R2256"/>
    <s v="S"/>
    <s v="KY"/>
    <s v="REV"/>
    <s v="974"/>
    <s v="GLBATCH"/>
    <n v="3"/>
    <n v="2016"/>
  </r>
  <r>
    <s v="110"/>
    <d v="2016-03-01T00:00:00"/>
    <x v="6"/>
    <x v="0"/>
    <s v="10828"/>
    <s v="GLNANDA"/>
    <n v="10088.27"/>
    <n v="66786"/>
    <s v="MACSS UNBILLD REVENUE REVERSAL"/>
    <s v="GMM"/>
    <s v="NONBU"/>
    <s v="G0000110"/>
    <s v="N"/>
    <s v="MACSS UNBILLD REVENUE REVERSAL"/>
    <s v="GLMCM001"/>
    <x v="7"/>
    <s v="CAD38R2256"/>
    <s v="S"/>
    <s v="KY"/>
    <s v="REV"/>
    <s v="974"/>
    <s v="GLBATCH"/>
    <n v="3"/>
    <n v="2016"/>
  </r>
  <r>
    <s v="110"/>
    <d v="2016-03-01T00:00:00"/>
    <x v="5"/>
    <x v="0"/>
    <s v="10828"/>
    <s v="GLNANDA"/>
    <n v="619296.81999999995"/>
    <n v="5509340"/>
    <s v="MACSS UNBILLD REVENUE REVERSAL"/>
    <s v="GMM"/>
    <s v="NONBU"/>
    <s v="G0000110"/>
    <s v="N"/>
    <s v="MACSS UNBILLD REVENUE REVERSAL"/>
    <s v="GLMCM001"/>
    <x v="7"/>
    <s v="CAD38R2256"/>
    <s v="S"/>
    <s v="KY"/>
    <s v="REV"/>
    <s v="974"/>
    <s v="GLBATCH"/>
    <n v="3"/>
    <n v="2016"/>
  </r>
  <r>
    <s v="110"/>
    <d v="2016-03-01T00:00:00"/>
    <x v="3"/>
    <x v="0"/>
    <s v="10828"/>
    <s v="GLNANDA"/>
    <n v="755904.81"/>
    <n v="8386054"/>
    <s v="MACSS UNBILLD REVENUE REVERSAL"/>
    <s v="GMM"/>
    <s v="NONBU"/>
    <s v="G0000110"/>
    <s v="N"/>
    <s v="MACSS UNBILLD REVENUE REVERSAL"/>
    <s v="GLMCM001"/>
    <x v="7"/>
    <s v="CAD38R2256"/>
    <s v="S"/>
    <s v="KY"/>
    <s v="REV"/>
    <s v="974"/>
    <s v="GLBATCH"/>
    <n v="3"/>
    <n v="2016"/>
  </r>
  <r>
    <s v="110"/>
    <d v="2016-08-01T00:00:00"/>
    <x v="2"/>
    <x v="0"/>
    <s v="10828"/>
    <s v="GLNANDA"/>
    <n v="4394070.6500000004"/>
    <n v="35777059"/>
    <s v="MACSS UNBILLD REVENUE REVERSAL"/>
    <s v="GMM"/>
    <s v="NONBU"/>
    <s v="G0000110"/>
    <s v="N"/>
    <s v="MACSS UNBILLD REVENUE REVERSAL"/>
    <s v="GLMCM001"/>
    <x v="7"/>
    <s v="CAD38R3405"/>
    <s v="S"/>
    <s v="KY"/>
    <s v="REV"/>
    <s v="974"/>
    <s v="GLBATCH"/>
    <n v="8"/>
    <n v="2016"/>
  </r>
  <r>
    <s v="110"/>
    <d v="2016-08-01T00:00:00"/>
    <x v="4"/>
    <x v="0"/>
    <s v="10828"/>
    <s v="GLNANDA"/>
    <n v="5782970.0999999996"/>
    <n v="46039790"/>
    <s v="MACSS UNBILLD REVENUE REVERSAL"/>
    <s v="GMM"/>
    <s v="NONBU"/>
    <s v="G0000110"/>
    <s v="N"/>
    <s v="MACSS UNBILLD REVENUE REVERSAL"/>
    <s v="GLMCM001"/>
    <x v="7"/>
    <s v="CAD38R3405"/>
    <s v="S"/>
    <s v="KY"/>
    <s v="REV"/>
    <s v="974"/>
    <s v="GLBATCH"/>
    <n v="8"/>
    <n v="2016"/>
  </r>
  <r>
    <s v="110"/>
    <d v="2016-08-01T00:00:00"/>
    <x v="1"/>
    <x v="0"/>
    <s v="10828"/>
    <s v="GLNANDA"/>
    <n v="3319823.27"/>
    <n v="26154893"/>
    <s v="MACSS UNBILLD REVENUE REVERSAL"/>
    <s v="GMM"/>
    <s v="NONBU"/>
    <s v="G0000110"/>
    <s v="N"/>
    <s v="MACSS UNBILLD REVENUE REVERSAL"/>
    <s v="GLMCM001"/>
    <x v="7"/>
    <s v="CAD38R3405"/>
    <s v="S"/>
    <s v="KY"/>
    <s v="REV"/>
    <s v="974"/>
    <s v="GLBATCH"/>
    <n v="8"/>
    <n v="2016"/>
  </r>
  <r>
    <s v="110"/>
    <d v="2016-08-01T00:00:00"/>
    <x v="5"/>
    <x v="0"/>
    <s v="10828"/>
    <s v="GLNANDA"/>
    <n v="832647.23"/>
    <n v="7085718"/>
    <s v="MACSS UNBILLD REVENUE REVERSAL"/>
    <s v="GMM"/>
    <s v="NONBU"/>
    <s v="G0000110"/>
    <s v="N"/>
    <s v="MACSS UNBILLD REVENUE REVERSAL"/>
    <s v="GLMCM001"/>
    <x v="7"/>
    <s v="CAD38R3405"/>
    <s v="S"/>
    <s v="KY"/>
    <s v="REV"/>
    <s v="974"/>
    <s v="GLBATCH"/>
    <n v="8"/>
    <n v="2016"/>
  </r>
  <r>
    <s v="110"/>
    <d v="2016-08-01T00:00:00"/>
    <x v="6"/>
    <x v="0"/>
    <s v="10828"/>
    <s v="GLNANDA"/>
    <n v="12362.68"/>
    <n v="64259"/>
    <s v="MACSS UNBILLD REVENUE REVERSAL"/>
    <s v="GMM"/>
    <s v="NONBU"/>
    <s v="G0000110"/>
    <s v="N"/>
    <s v="MACSS UNBILLD REVENUE REVERSAL"/>
    <s v="GLMCM001"/>
    <x v="7"/>
    <s v="CAD38R3405"/>
    <s v="S"/>
    <s v="KY"/>
    <s v="REV"/>
    <s v="974"/>
    <s v="GLBATCH"/>
    <n v="8"/>
    <n v="2016"/>
  </r>
  <r>
    <s v="110"/>
    <d v="2016-08-01T00:00:00"/>
    <x v="3"/>
    <x v="0"/>
    <s v="10828"/>
    <s v="GLNANDA"/>
    <n v="681055.11"/>
    <n v="6638048"/>
    <s v="MACSS UNBILLD REVENUE REVERSAL"/>
    <s v="GMM"/>
    <s v="NONBU"/>
    <s v="G0000110"/>
    <s v="N"/>
    <s v="MACSS UNBILLD REVENUE REVERSAL"/>
    <s v="GLMCM001"/>
    <x v="7"/>
    <s v="CAD38R3405"/>
    <s v="S"/>
    <s v="KY"/>
    <s v="REV"/>
    <s v="974"/>
    <s v="GLBATCH"/>
    <n v="8"/>
    <n v="2016"/>
  </r>
  <r>
    <s v="110"/>
    <d v="2016-08-01T00:00:00"/>
    <x v="7"/>
    <x v="0"/>
    <s v="10828"/>
    <s v="GLNANDA"/>
    <n v="597864.43999999994"/>
    <n v="4950279"/>
    <s v="MACSS UNBILLD REVENUE REVERSAL"/>
    <s v="GMM"/>
    <s v="NONBU"/>
    <s v="G0000110"/>
    <s v="N"/>
    <s v="MACSS UNBILLD REVENUE REVERSAL"/>
    <s v="GLMCM001"/>
    <x v="7"/>
    <s v="CAD38R3405"/>
    <s v="S"/>
    <s v="KY"/>
    <s v="REV"/>
    <s v="974"/>
    <s v="GLBATCH"/>
    <n v="8"/>
    <n v="2016"/>
  </r>
  <r>
    <s v="110"/>
    <d v="2016-08-01T00:00:00"/>
    <x v="0"/>
    <x v="0"/>
    <s v="10828"/>
    <s v="GLNANDA"/>
    <n v="1469937.84"/>
    <n v="18337991"/>
    <s v="MACSS UNBILLD REVENUE REVERSAL"/>
    <s v="GMM"/>
    <s v="NONBU"/>
    <s v="G0000110"/>
    <s v="N"/>
    <s v="MACSS UNBILLD REVENUE REVERSAL"/>
    <s v="GLMCM001"/>
    <x v="7"/>
    <s v="CAD38R3405"/>
    <s v="S"/>
    <s v="KY"/>
    <s v="REV"/>
    <s v="974"/>
    <s v="GLBATCH"/>
    <n v="8"/>
    <n v="2016"/>
  </r>
  <r>
    <s v="110"/>
    <d v="2016-10-01T00:00:00"/>
    <x v="0"/>
    <x v="0"/>
    <s v="10828"/>
    <s v="GLNANDA"/>
    <n v="1012018.72"/>
    <n v="13557306"/>
    <s v="MACSS UNBILLD REVENUE REVERSAL"/>
    <s v="GMM"/>
    <s v="NONBU"/>
    <s v="G0000110"/>
    <s v="N"/>
    <s v="MACSS UNBILLD REVENUE REVERSAL"/>
    <s v="GLMCM001"/>
    <x v="7"/>
    <s v="CAD38R4096"/>
    <s v="S"/>
    <s v="KY"/>
    <s v="REV"/>
    <s v="974"/>
    <s v="GLBATCH"/>
    <n v="10"/>
    <n v="2016"/>
  </r>
  <r>
    <s v="110"/>
    <d v="2016-10-01T00:00:00"/>
    <x v="3"/>
    <x v="0"/>
    <s v="10828"/>
    <s v="GLNANDA"/>
    <n v="449799.54"/>
    <n v="4969814"/>
    <s v="MACSS UNBILLD REVENUE REVERSAL"/>
    <s v="GMM"/>
    <s v="NONBU"/>
    <s v="G0000110"/>
    <s v="N"/>
    <s v="MACSS UNBILLD REVENUE REVERSAL"/>
    <s v="GLMCM001"/>
    <x v="7"/>
    <s v="CAD38R4096"/>
    <s v="S"/>
    <s v="KY"/>
    <s v="REV"/>
    <s v="974"/>
    <s v="GLBATCH"/>
    <n v="10"/>
    <n v="2016"/>
  </r>
  <r>
    <s v="110"/>
    <d v="2016-10-01T00:00:00"/>
    <x v="6"/>
    <x v="0"/>
    <s v="10828"/>
    <s v="GLNANDA"/>
    <n v="7660.82"/>
    <n v="46638"/>
    <s v="MACSS UNBILLD REVENUE REVERSAL"/>
    <s v="GMM"/>
    <s v="NONBU"/>
    <s v="G0000110"/>
    <s v="N"/>
    <s v="MACSS UNBILLD REVENUE REVERSAL"/>
    <s v="GLMCM001"/>
    <x v="7"/>
    <s v="CAD38R4096"/>
    <s v="S"/>
    <s v="KY"/>
    <s v="REV"/>
    <s v="974"/>
    <s v="GLBATCH"/>
    <n v="10"/>
    <n v="2016"/>
  </r>
  <r>
    <s v="110"/>
    <d v="2016-10-01T00:00:00"/>
    <x v="4"/>
    <x v="0"/>
    <s v="10828"/>
    <s v="GLNANDA"/>
    <n v="3889965.71"/>
    <n v="32704121"/>
    <s v="MACSS UNBILLD REVENUE REVERSAL"/>
    <s v="GMM"/>
    <s v="NONBU"/>
    <s v="G0000110"/>
    <s v="N"/>
    <s v="MACSS UNBILLD REVENUE REVERSAL"/>
    <s v="GLMCM001"/>
    <x v="7"/>
    <s v="CAD38R4096"/>
    <s v="S"/>
    <s v="KY"/>
    <s v="REV"/>
    <s v="974"/>
    <s v="GLBATCH"/>
    <n v="10"/>
    <n v="2016"/>
  </r>
  <r>
    <s v="110"/>
    <d v="2016-10-01T00:00:00"/>
    <x v="5"/>
    <x v="0"/>
    <s v="10828"/>
    <s v="GLNANDA"/>
    <n v="552028.37"/>
    <n v="4970772"/>
    <s v="MACSS UNBILLD REVENUE REVERSAL"/>
    <s v="GMM"/>
    <s v="NONBU"/>
    <s v="G0000110"/>
    <s v="N"/>
    <s v="MACSS UNBILLD REVENUE REVERSAL"/>
    <s v="GLMCM001"/>
    <x v="7"/>
    <s v="CAD38R4096"/>
    <s v="S"/>
    <s v="KY"/>
    <s v="REV"/>
    <s v="974"/>
    <s v="GLBATCH"/>
    <n v="10"/>
    <n v="2016"/>
  </r>
  <r>
    <s v="110"/>
    <d v="2016-10-01T00:00:00"/>
    <x v="1"/>
    <x v="0"/>
    <s v="10828"/>
    <s v="GLNANDA"/>
    <n v="2327885.33"/>
    <n v="19447191"/>
    <s v="MACSS UNBILLD REVENUE REVERSAL"/>
    <s v="GMM"/>
    <s v="NONBU"/>
    <s v="G0000110"/>
    <s v="N"/>
    <s v="MACSS UNBILLD REVENUE REVERSAL"/>
    <s v="GLMCM001"/>
    <x v="7"/>
    <s v="CAD38R4096"/>
    <s v="S"/>
    <s v="KY"/>
    <s v="REV"/>
    <s v="974"/>
    <s v="GLBATCH"/>
    <n v="10"/>
    <n v="2016"/>
  </r>
  <r>
    <s v="110"/>
    <d v="2016-10-01T00:00:00"/>
    <x v="2"/>
    <x v="0"/>
    <s v="10828"/>
    <s v="GLNANDA"/>
    <n v="2920712.51"/>
    <n v="24989760"/>
    <s v="MACSS UNBILLD REVENUE REVERSAL"/>
    <s v="GMM"/>
    <s v="NONBU"/>
    <s v="G0000110"/>
    <s v="N"/>
    <s v="MACSS UNBILLD REVENUE REVERSAL"/>
    <s v="GLMCM001"/>
    <x v="7"/>
    <s v="CAD38R4096"/>
    <s v="S"/>
    <s v="KY"/>
    <s v="REV"/>
    <s v="974"/>
    <s v="GLBATCH"/>
    <n v="10"/>
    <n v="2016"/>
  </r>
  <r>
    <s v="110"/>
    <d v="2016-10-01T00:00:00"/>
    <x v="7"/>
    <x v="0"/>
    <s v="10828"/>
    <s v="GLNANDA"/>
    <n v="538049.02"/>
    <n v="4769583"/>
    <s v="MACSS UNBILLD REVENUE REVERSAL"/>
    <s v="GMM"/>
    <s v="NONBU"/>
    <s v="G0000110"/>
    <s v="N"/>
    <s v="MACSS UNBILLD REVENUE REVERSAL"/>
    <s v="GLMCM001"/>
    <x v="7"/>
    <s v="CAD38R4096"/>
    <s v="S"/>
    <s v="KY"/>
    <s v="REV"/>
    <s v="974"/>
    <s v="GLBATCH"/>
    <n v="10"/>
    <n v="2016"/>
  </r>
  <r>
    <s v="110"/>
    <d v="2016-12-01T00:00:00"/>
    <x v="4"/>
    <x v="0"/>
    <s v="10828"/>
    <s v="GLNANDA"/>
    <n v="6255236.54"/>
    <n v="48415877"/>
    <s v="MACSS UNBILLD REVENUE REVERSAL"/>
    <s v="GMM"/>
    <s v="NONBU"/>
    <s v="G0000110"/>
    <s v="N"/>
    <s v="MACSS UNBILLD REVENUE REVERSAL"/>
    <s v="GLMCM001"/>
    <x v="7"/>
    <s v="CAD38R5281"/>
    <s v="S"/>
    <s v="KY"/>
    <s v="REV"/>
    <s v="974"/>
    <s v="GLBATCH"/>
    <n v="12"/>
    <n v="2016"/>
  </r>
  <r>
    <s v="110"/>
    <d v="2016-12-01T00:00:00"/>
    <x v="0"/>
    <x v="0"/>
    <s v="10828"/>
    <s v="GLNANDA"/>
    <n v="2144425.73"/>
    <n v="26836894"/>
    <s v="MACSS UNBILLD REVENUE REVERSAL"/>
    <s v="GMM"/>
    <s v="NONBU"/>
    <s v="G0000110"/>
    <s v="N"/>
    <s v="MACSS UNBILLD REVENUE REVERSAL"/>
    <s v="GLMCM001"/>
    <x v="7"/>
    <s v="CAD38R5281"/>
    <s v="S"/>
    <s v="KY"/>
    <s v="REV"/>
    <s v="974"/>
    <s v="GLBATCH"/>
    <n v="12"/>
    <n v="2016"/>
  </r>
  <r>
    <s v="110"/>
    <d v="2016-12-01T00:00:00"/>
    <x v="6"/>
    <x v="0"/>
    <s v="10828"/>
    <s v="GLNANDA"/>
    <n v="18978.7"/>
    <n v="113349"/>
    <s v="MACSS UNBILLD REVENUE REVERSAL"/>
    <s v="GMM"/>
    <s v="NONBU"/>
    <s v="G0000110"/>
    <s v="N"/>
    <s v="MACSS UNBILLD REVENUE REVERSAL"/>
    <s v="GLMCM001"/>
    <x v="7"/>
    <s v="CAD38R5281"/>
    <s v="S"/>
    <s v="KY"/>
    <s v="REV"/>
    <s v="974"/>
    <s v="GLBATCH"/>
    <n v="12"/>
    <n v="2016"/>
  </r>
  <r>
    <s v="110"/>
    <d v="2016-12-01T00:00:00"/>
    <x v="3"/>
    <x v="0"/>
    <s v="10828"/>
    <s v="GLNANDA"/>
    <n v="1167677.18"/>
    <n v="12338244"/>
    <s v="MACSS UNBILLD REVENUE REVERSAL"/>
    <s v="GMM"/>
    <s v="NONBU"/>
    <s v="G0000110"/>
    <s v="N"/>
    <s v="MACSS UNBILLD REVENUE REVERSAL"/>
    <s v="GLMCM001"/>
    <x v="7"/>
    <s v="CAD38R5281"/>
    <s v="S"/>
    <s v="KY"/>
    <s v="REV"/>
    <s v="974"/>
    <s v="GLBATCH"/>
    <n v="12"/>
    <n v="2016"/>
  </r>
  <r>
    <s v="110"/>
    <d v="2016-12-01T00:00:00"/>
    <x v="5"/>
    <x v="0"/>
    <s v="10828"/>
    <s v="GLNANDA"/>
    <n v="1006296.28"/>
    <n v="8117367"/>
    <s v="MACSS UNBILLD REVENUE REVERSAL"/>
    <s v="GMM"/>
    <s v="NONBU"/>
    <s v="G0000110"/>
    <s v="N"/>
    <s v="MACSS UNBILLD REVENUE REVERSAL"/>
    <s v="GLMCM001"/>
    <x v="7"/>
    <s v="CAD38R5281"/>
    <s v="S"/>
    <s v="KY"/>
    <s v="REV"/>
    <s v="974"/>
    <s v="GLBATCH"/>
    <n v="12"/>
    <n v="2016"/>
  </r>
  <r>
    <s v="110"/>
    <d v="2016-12-01T00:00:00"/>
    <x v="7"/>
    <x v="0"/>
    <s v="10828"/>
    <s v="GLNANDA"/>
    <n v="921140.36"/>
    <n v="7256384"/>
    <s v="MACSS UNBILLD REVENUE REVERSAL"/>
    <s v="GMM"/>
    <s v="NONBU"/>
    <s v="G0000110"/>
    <s v="N"/>
    <s v="MACSS UNBILLD REVENUE REVERSAL"/>
    <s v="GLMCM001"/>
    <x v="7"/>
    <s v="CAD38R5281"/>
    <s v="S"/>
    <s v="KY"/>
    <s v="REV"/>
    <s v="974"/>
    <s v="GLBATCH"/>
    <n v="12"/>
    <n v="2016"/>
  </r>
  <r>
    <s v="110"/>
    <d v="2016-12-01T00:00:00"/>
    <x v="2"/>
    <x v="0"/>
    <s v="10828"/>
    <s v="GLNANDA"/>
    <n v="5185798.91"/>
    <n v="39770794"/>
    <s v="MACSS UNBILLD REVENUE REVERSAL"/>
    <s v="GMM"/>
    <s v="NONBU"/>
    <s v="G0000110"/>
    <s v="N"/>
    <s v="MACSS UNBILLD REVENUE REVERSAL"/>
    <s v="GLMCM001"/>
    <x v="7"/>
    <s v="CAD38R5281"/>
    <s v="S"/>
    <s v="KY"/>
    <s v="REV"/>
    <s v="974"/>
    <s v="GLBATCH"/>
    <n v="12"/>
    <n v="2016"/>
  </r>
  <r>
    <s v="110"/>
    <d v="2016-12-01T00:00:00"/>
    <x v="1"/>
    <x v="0"/>
    <s v="10828"/>
    <s v="GLNANDA"/>
    <n v="3061113.8"/>
    <n v="22786584"/>
    <s v="MACSS UNBILLD REVENUE REVERSAL"/>
    <s v="GMM"/>
    <s v="NONBU"/>
    <s v="G0000110"/>
    <s v="N"/>
    <s v="MACSS UNBILLD REVENUE REVERSAL"/>
    <s v="GLMCM001"/>
    <x v="7"/>
    <s v="CAD38R5281"/>
    <s v="S"/>
    <s v="KY"/>
    <s v="REV"/>
    <s v="974"/>
    <s v="GLBATCH"/>
    <n v="12"/>
    <n v="2016"/>
  </r>
  <r>
    <s v="110"/>
    <d v="2016-05-01T00:00:00"/>
    <x v="3"/>
    <x v="0"/>
    <s v="10828"/>
    <s v="GLNANDA"/>
    <n v="580524.46"/>
    <n v="6358016"/>
    <s v="MACSS UNBILLD REVENUE REVERSAL"/>
    <s v="GMM"/>
    <s v="NONBU"/>
    <s v="G0000110"/>
    <s v="N"/>
    <s v="MACSS UNBILLD REVENUE REVERSAL"/>
    <s v="GLMCM001"/>
    <x v="7"/>
    <s v="CAD38R5503"/>
    <s v="S"/>
    <s v="KY"/>
    <s v="REV"/>
    <s v="974"/>
    <s v="GLBATCH"/>
    <n v="5"/>
    <n v="2016"/>
  </r>
  <r>
    <s v="110"/>
    <d v="2016-05-01T00:00:00"/>
    <x v="6"/>
    <x v="0"/>
    <s v="10828"/>
    <s v="GLNANDA"/>
    <n v="9374.73"/>
    <n v="56693"/>
    <s v="MACSS UNBILLD REVENUE REVERSAL"/>
    <s v="GMM"/>
    <s v="NONBU"/>
    <s v="G0000110"/>
    <s v="N"/>
    <s v="MACSS UNBILLD REVENUE REVERSAL"/>
    <s v="GLMCM001"/>
    <x v="7"/>
    <s v="CAD38R5503"/>
    <s v="S"/>
    <s v="KY"/>
    <s v="REV"/>
    <s v="974"/>
    <s v="GLBATCH"/>
    <n v="5"/>
    <n v="2016"/>
  </r>
  <r>
    <s v="110"/>
    <d v="2016-05-01T00:00:00"/>
    <x v="5"/>
    <x v="0"/>
    <s v="10828"/>
    <s v="GLNANDA"/>
    <n v="509831.79"/>
    <n v="4378493"/>
    <s v="MACSS UNBILLD REVENUE REVERSAL"/>
    <s v="GMM"/>
    <s v="NONBU"/>
    <s v="G0000110"/>
    <s v="N"/>
    <s v="MACSS UNBILLD REVENUE REVERSAL"/>
    <s v="GLMCM001"/>
    <x v="7"/>
    <s v="CAD38R5503"/>
    <s v="S"/>
    <s v="KY"/>
    <s v="REV"/>
    <s v="974"/>
    <s v="GLBATCH"/>
    <n v="5"/>
    <n v="2016"/>
  </r>
  <r>
    <s v="110"/>
    <d v="2016-05-01T00:00:00"/>
    <x v="4"/>
    <x v="0"/>
    <s v="10828"/>
    <s v="GLNANDA"/>
    <n v="3643070.2"/>
    <n v="31541188"/>
    <s v="MACSS UNBILLD REVENUE REVERSAL"/>
    <s v="GMM"/>
    <s v="NONBU"/>
    <s v="G0000110"/>
    <s v="N"/>
    <s v="MACSS UNBILLD REVENUE REVERSAL"/>
    <s v="GLMCM001"/>
    <x v="7"/>
    <s v="CAD38R5503"/>
    <s v="S"/>
    <s v="KY"/>
    <s v="REV"/>
    <s v="974"/>
    <s v="GLBATCH"/>
    <n v="5"/>
    <n v="2016"/>
  </r>
  <r>
    <s v="110"/>
    <d v="2016-05-01T00:00:00"/>
    <x v="2"/>
    <x v="0"/>
    <s v="10828"/>
    <s v="GLNANDA"/>
    <n v="2588327.63"/>
    <n v="20909389"/>
    <s v="MACSS UNBILLD REVENUE REVERSAL"/>
    <s v="GMM"/>
    <s v="NONBU"/>
    <s v="G0000110"/>
    <s v="N"/>
    <s v="MACSS UNBILLD REVENUE REVERSAL"/>
    <s v="GLMCM001"/>
    <x v="7"/>
    <s v="CAD38R5503"/>
    <s v="S"/>
    <s v="KY"/>
    <s v="REV"/>
    <s v="974"/>
    <s v="GLBATCH"/>
    <n v="5"/>
    <n v="2016"/>
  </r>
  <r>
    <s v="110"/>
    <d v="2016-05-01T00:00:00"/>
    <x v="1"/>
    <x v="0"/>
    <s v="10828"/>
    <s v="GLNANDA"/>
    <n v="1620696.97"/>
    <n v="13372920"/>
    <s v="MACSS UNBILLD REVENUE REVERSAL"/>
    <s v="GMM"/>
    <s v="NONBU"/>
    <s v="G0000110"/>
    <s v="N"/>
    <s v="MACSS UNBILLD REVENUE REVERSAL"/>
    <s v="GLMCM001"/>
    <x v="7"/>
    <s v="CAD38R5503"/>
    <s v="S"/>
    <s v="KY"/>
    <s v="REV"/>
    <s v="974"/>
    <s v="GLBATCH"/>
    <n v="5"/>
    <n v="2016"/>
  </r>
  <r>
    <s v="110"/>
    <d v="2016-05-01T00:00:00"/>
    <x v="0"/>
    <x v="0"/>
    <s v="10828"/>
    <s v="GLNANDA"/>
    <n v="1092580.8700000001"/>
    <n v="15150799"/>
    <s v="MACSS UNBILLD REVENUE REVERSAL"/>
    <s v="GMM"/>
    <s v="NONBU"/>
    <s v="G0000110"/>
    <s v="N"/>
    <s v="MACSS UNBILLD REVENUE REVERSAL"/>
    <s v="GLMCM001"/>
    <x v="7"/>
    <s v="CAD38R5503"/>
    <s v="S"/>
    <s v="KY"/>
    <s v="REV"/>
    <s v="974"/>
    <s v="GLBATCH"/>
    <n v="5"/>
    <n v="2016"/>
  </r>
  <r>
    <s v="110"/>
    <d v="2016-05-01T00:00:00"/>
    <x v="7"/>
    <x v="0"/>
    <s v="10828"/>
    <s v="GLNANDA"/>
    <n v="456793.1"/>
    <n v="3883654"/>
    <s v="MACSS UNBILLD REVENUE REVERSAL"/>
    <s v="GMM"/>
    <s v="NONBU"/>
    <s v="G0000110"/>
    <s v="N"/>
    <s v="MACSS UNBILLD REVENUE REVERSAL"/>
    <s v="GLMCM001"/>
    <x v="7"/>
    <s v="CAD38R5503"/>
    <s v="S"/>
    <s v="KY"/>
    <s v="REV"/>
    <s v="974"/>
    <s v="GLBATCH"/>
    <n v="5"/>
    <n v="2016"/>
  </r>
  <r>
    <s v="110"/>
    <d v="2016-07-01T00:00:00"/>
    <x v="1"/>
    <x v="0"/>
    <s v="10828"/>
    <s v="GLNANDA"/>
    <n v="2546668.5699999998"/>
    <n v="20020569"/>
    <s v="MACSS UNBILLD REVENUE REVERSAL"/>
    <s v="GMM"/>
    <s v="NONBU"/>
    <s v="G0000110"/>
    <s v="N"/>
    <s v="MACSS UNBILLD REVENUE REVERSAL"/>
    <s v="GLMCM001"/>
    <x v="7"/>
    <s v="CAD38R6550"/>
    <s v="S"/>
    <s v="KY"/>
    <s v="REV"/>
    <s v="974"/>
    <s v="GLBATCH"/>
    <n v="7"/>
    <n v="2016"/>
  </r>
  <r>
    <s v="110"/>
    <d v="2016-07-01T00:00:00"/>
    <x v="4"/>
    <x v="0"/>
    <s v="10828"/>
    <s v="GLNANDA"/>
    <n v="4763860.2300000004"/>
    <n v="38245752"/>
    <s v="MACSS UNBILLD REVENUE REVERSAL"/>
    <s v="GMM"/>
    <s v="NONBU"/>
    <s v="G0000110"/>
    <s v="N"/>
    <s v="MACSS UNBILLD REVENUE REVERSAL"/>
    <s v="GLMCM001"/>
    <x v="7"/>
    <s v="CAD38R6550"/>
    <s v="S"/>
    <s v="KY"/>
    <s v="REV"/>
    <s v="974"/>
    <s v="GLBATCH"/>
    <n v="7"/>
    <n v="2016"/>
  </r>
  <r>
    <s v="110"/>
    <d v="2016-07-01T00:00:00"/>
    <x v="7"/>
    <x v="0"/>
    <s v="10828"/>
    <s v="GLNANDA"/>
    <n v="631100.67000000004"/>
    <n v="5112778"/>
    <s v="MACSS UNBILLD REVENUE REVERSAL"/>
    <s v="GMM"/>
    <s v="NONBU"/>
    <s v="G0000110"/>
    <s v="N"/>
    <s v="MACSS UNBILLD REVENUE REVERSAL"/>
    <s v="GLMCM001"/>
    <x v="7"/>
    <s v="CAD38R6550"/>
    <s v="S"/>
    <s v="KY"/>
    <s v="REV"/>
    <s v="974"/>
    <s v="GLBATCH"/>
    <n v="7"/>
    <n v="2016"/>
  </r>
  <r>
    <s v="110"/>
    <d v="2016-07-01T00:00:00"/>
    <x v="6"/>
    <x v="0"/>
    <s v="10828"/>
    <s v="GLNANDA"/>
    <n v="11879.91"/>
    <n v="62722"/>
    <s v="MACSS UNBILLD REVENUE REVERSAL"/>
    <s v="GMM"/>
    <s v="NONBU"/>
    <s v="G0000110"/>
    <s v="N"/>
    <s v="MACSS UNBILLD REVENUE REVERSAL"/>
    <s v="GLMCM001"/>
    <x v="7"/>
    <s v="CAD38R6550"/>
    <s v="S"/>
    <s v="KY"/>
    <s v="REV"/>
    <s v="974"/>
    <s v="GLBATCH"/>
    <n v="7"/>
    <n v="2016"/>
  </r>
  <r>
    <s v="110"/>
    <d v="2016-07-01T00:00:00"/>
    <x v="0"/>
    <x v="0"/>
    <s v="10828"/>
    <s v="GLNANDA"/>
    <n v="1468112.97"/>
    <n v="19650157"/>
    <s v="MACSS UNBILLD REVENUE REVERSAL"/>
    <s v="GMM"/>
    <s v="NONBU"/>
    <s v="G0000110"/>
    <s v="N"/>
    <s v="MACSS UNBILLD REVENUE REVERSAL"/>
    <s v="GLMCM001"/>
    <x v="7"/>
    <s v="CAD38R6550"/>
    <s v="S"/>
    <s v="KY"/>
    <s v="REV"/>
    <s v="974"/>
    <s v="GLBATCH"/>
    <n v="7"/>
    <n v="2016"/>
  </r>
  <r>
    <s v="110"/>
    <d v="2016-07-01T00:00:00"/>
    <x v="3"/>
    <x v="0"/>
    <s v="10828"/>
    <s v="GLNANDA"/>
    <n v="723758.33"/>
    <n v="7377857"/>
    <s v="MACSS UNBILLD REVENUE REVERSAL"/>
    <s v="GMM"/>
    <s v="NONBU"/>
    <s v="G0000110"/>
    <s v="N"/>
    <s v="MACSS UNBILLD REVENUE REVERSAL"/>
    <s v="GLMCM001"/>
    <x v="7"/>
    <s v="CAD38R6550"/>
    <s v="S"/>
    <s v="KY"/>
    <s v="REV"/>
    <s v="974"/>
    <s v="GLBATCH"/>
    <n v="7"/>
    <n v="2016"/>
  </r>
  <r>
    <s v="110"/>
    <d v="2016-07-01T00:00:00"/>
    <x v="2"/>
    <x v="0"/>
    <s v="10828"/>
    <s v="GLNANDA"/>
    <n v="3997008.9"/>
    <n v="31588775"/>
    <s v="MACSS UNBILLD REVENUE REVERSAL"/>
    <s v="GMM"/>
    <s v="NONBU"/>
    <s v="G0000110"/>
    <s v="N"/>
    <s v="MACSS UNBILLD REVENUE REVERSAL"/>
    <s v="GLMCM001"/>
    <x v="7"/>
    <s v="CAD38R6550"/>
    <s v="S"/>
    <s v="KY"/>
    <s v="REV"/>
    <s v="974"/>
    <s v="GLBATCH"/>
    <n v="7"/>
    <n v="2016"/>
  </r>
  <r>
    <s v="110"/>
    <d v="2016-07-01T00:00:00"/>
    <x v="5"/>
    <x v="0"/>
    <s v="10828"/>
    <s v="GLNANDA"/>
    <n v="794201.46"/>
    <n v="6576380"/>
    <s v="MACSS UNBILLD REVENUE REVERSAL"/>
    <s v="GMM"/>
    <s v="NONBU"/>
    <s v="G0000110"/>
    <s v="N"/>
    <s v="MACSS UNBILLD REVENUE REVERSAL"/>
    <s v="GLMCM001"/>
    <x v="7"/>
    <s v="CAD38R6550"/>
    <s v="S"/>
    <s v="KY"/>
    <s v="REV"/>
    <s v="974"/>
    <s v="GLBATCH"/>
    <n v="7"/>
    <n v="2016"/>
  </r>
  <r>
    <s v="110"/>
    <d v="2017-02-01T00:00:00"/>
    <x v="5"/>
    <x v="0"/>
    <s v="10828"/>
    <s v="GLNANDA"/>
    <n v="535338.22"/>
    <n v="4608821"/>
    <s v="MACSS UNBILLD REVENUE REVERSAL"/>
    <s v="GMM"/>
    <s v="NONBU"/>
    <s v="G0000110"/>
    <s v="N"/>
    <s v="MACSS UNBILLD REVENUE REVERSAL"/>
    <s v="GLMCM001"/>
    <x v="7"/>
    <s v="CAD38R7473"/>
    <s v="S"/>
    <s v="KY"/>
    <s v="REV"/>
    <s v="974"/>
    <s v="GLBATCH"/>
    <n v="2"/>
    <n v="2017"/>
  </r>
  <r>
    <s v="110"/>
    <d v="2017-02-01T00:00:00"/>
    <x v="3"/>
    <x v="0"/>
    <s v="10828"/>
    <s v="GLNANDA"/>
    <n v="575107.02"/>
    <n v="6766127"/>
    <s v="MACSS UNBILLD REVENUE REVERSAL"/>
    <s v="GMM"/>
    <s v="NONBU"/>
    <s v="G0000110"/>
    <s v="N"/>
    <s v="MACSS UNBILLD REVENUE REVERSAL"/>
    <s v="GLMCM001"/>
    <x v="7"/>
    <s v="CAD38R7473"/>
    <s v="S"/>
    <s v="KY"/>
    <s v="REV"/>
    <s v="974"/>
    <s v="GLBATCH"/>
    <n v="2"/>
    <n v="2017"/>
  </r>
  <r>
    <s v="110"/>
    <d v="2017-02-01T00:00:00"/>
    <x v="6"/>
    <x v="0"/>
    <s v="10828"/>
    <s v="GLNANDA"/>
    <n v="9412.7199999999993"/>
    <n v="62146"/>
    <s v="MACSS UNBILLD REVENUE REVERSAL"/>
    <s v="GMM"/>
    <s v="NONBU"/>
    <s v="G0000110"/>
    <s v="N"/>
    <s v="MACSS UNBILLD REVENUE REVERSAL"/>
    <s v="GLMCM001"/>
    <x v="7"/>
    <s v="CAD38R7473"/>
    <s v="S"/>
    <s v="KY"/>
    <s v="REV"/>
    <s v="974"/>
    <s v="GLBATCH"/>
    <n v="2"/>
    <n v="2017"/>
  </r>
  <r>
    <s v="110"/>
    <d v="2017-02-01T00:00:00"/>
    <x v="7"/>
    <x v="0"/>
    <s v="10828"/>
    <s v="GLNANDA"/>
    <n v="479674.12"/>
    <n v="4028745"/>
    <s v="MACSS UNBILLD REVENUE REVERSAL"/>
    <s v="GMM"/>
    <s v="NONBU"/>
    <s v="G0000110"/>
    <s v="N"/>
    <s v="MACSS UNBILLD REVENUE REVERSAL"/>
    <s v="GLMCM001"/>
    <x v="7"/>
    <s v="CAD38R7473"/>
    <s v="S"/>
    <s v="KY"/>
    <s v="REV"/>
    <s v="974"/>
    <s v="GLBATCH"/>
    <n v="2"/>
    <n v="2017"/>
  </r>
  <r>
    <s v="110"/>
    <d v="2017-02-01T00:00:00"/>
    <x v="0"/>
    <x v="0"/>
    <s v="10828"/>
    <s v="GLNANDA"/>
    <n v="925432.04"/>
    <n v="12918493"/>
    <s v="MACSS UNBILLD REVENUE REVERSAL"/>
    <s v="GMM"/>
    <s v="NONBU"/>
    <s v="G0000110"/>
    <s v="N"/>
    <s v="MACSS UNBILLD REVENUE REVERSAL"/>
    <s v="GLMCM001"/>
    <x v="7"/>
    <s v="CAD38R7473"/>
    <s v="S"/>
    <s v="KY"/>
    <s v="REV"/>
    <s v="974"/>
    <s v="GLBATCH"/>
    <n v="2"/>
    <n v="2017"/>
  </r>
  <r>
    <s v="110"/>
    <d v="2017-02-01T00:00:00"/>
    <x v="2"/>
    <x v="0"/>
    <s v="10828"/>
    <s v="GLNANDA"/>
    <n v="2847574.86"/>
    <n v="23233097"/>
    <s v="MACSS UNBILLD REVENUE REVERSAL"/>
    <s v="GMM"/>
    <s v="NONBU"/>
    <s v="G0000110"/>
    <s v="N"/>
    <s v="MACSS UNBILLD REVENUE REVERSAL"/>
    <s v="GLMCM001"/>
    <x v="7"/>
    <s v="CAD38R7473"/>
    <s v="S"/>
    <s v="KY"/>
    <s v="REV"/>
    <s v="974"/>
    <s v="GLBATCH"/>
    <n v="2"/>
    <n v="2017"/>
  </r>
  <r>
    <s v="110"/>
    <d v="2017-02-01T00:00:00"/>
    <x v="4"/>
    <x v="0"/>
    <s v="10828"/>
    <s v="GLNANDA"/>
    <n v="5660393.5800000001"/>
    <n v="48172577"/>
    <s v="MACSS UNBILLD REVENUE REVERSAL"/>
    <s v="GMM"/>
    <s v="NONBU"/>
    <s v="G0000110"/>
    <s v="N"/>
    <s v="MACSS UNBILLD REVENUE REVERSAL"/>
    <s v="GLMCM001"/>
    <x v="7"/>
    <s v="CAD38R7473"/>
    <s v="S"/>
    <s v="KY"/>
    <s v="REV"/>
    <s v="974"/>
    <s v="GLBATCH"/>
    <n v="2"/>
    <n v="2017"/>
  </r>
  <r>
    <s v="110"/>
    <d v="2017-02-01T00:00:00"/>
    <x v="1"/>
    <x v="0"/>
    <s v="10828"/>
    <s v="GLNANDA"/>
    <n v="2151055.13"/>
    <n v="17627175"/>
    <s v="MACSS UNBILLD REVENUE REVERSAL"/>
    <s v="GMM"/>
    <s v="NONBU"/>
    <s v="G0000110"/>
    <s v="N"/>
    <s v="MACSS UNBILLD REVENUE REVERSAL"/>
    <s v="GLMCM001"/>
    <x v="7"/>
    <s v="CAD38R7473"/>
    <s v="S"/>
    <s v="KY"/>
    <s v="REV"/>
    <s v="974"/>
    <s v="GLBATCH"/>
    <n v="2"/>
    <n v="2017"/>
  </r>
  <r>
    <s v="110"/>
    <d v="2016-04-01T00:00:00"/>
    <x v="0"/>
    <x v="0"/>
    <s v="10828"/>
    <s v="GLNANDA"/>
    <n v="783165.22"/>
    <n v="10945449"/>
    <s v="MACSS UNBILLD REVENUE REVERSAL"/>
    <s v="GMM"/>
    <s v="NONBU"/>
    <s v="G0000110"/>
    <s v="N"/>
    <s v="MACSS UNBILLD REVENUE REVERSAL"/>
    <s v="GLMCM001"/>
    <x v="7"/>
    <s v="CAD38R8275"/>
    <s v="S"/>
    <s v="KY"/>
    <s v="REV"/>
    <s v="974"/>
    <s v="GLBATCH"/>
    <n v="4"/>
    <n v="2016"/>
  </r>
  <r>
    <s v="110"/>
    <d v="2016-04-01T00:00:00"/>
    <x v="4"/>
    <x v="0"/>
    <s v="10828"/>
    <s v="GLNANDA"/>
    <n v="4003599.05"/>
    <n v="36410814"/>
    <s v="MACSS UNBILLD REVENUE REVERSAL"/>
    <s v="GMM"/>
    <s v="NONBU"/>
    <s v="G0000110"/>
    <s v="N"/>
    <s v="MACSS UNBILLD REVENUE REVERSAL"/>
    <s v="GLMCM001"/>
    <x v="7"/>
    <s v="CAD38R8275"/>
    <s v="S"/>
    <s v="KY"/>
    <s v="REV"/>
    <s v="974"/>
    <s v="GLBATCH"/>
    <n v="4"/>
    <n v="2016"/>
  </r>
  <r>
    <s v="110"/>
    <d v="2016-04-01T00:00:00"/>
    <x v="6"/>
    <x v="0"/>
    <s v="10828"/>
    <s v="GLNANDA"/>
    <n v="6673.11"/>
    <n v="43621"/>
    <s v="MACSS UNBILLD REVENUE REVERSAL"/>
    <s v="GMM"/>
    <s v="NONBU"/>
    <s v="G0000110"/>
    <s v="N"/>
    <s v="MACSS UNBILLD REVENUE REVERSAL"/>
    <s v="GLMCM001"/>
    <x v="7"/>
    <s v="CAD38R8275"/>
    <s v="S"/>
    <s v="KY"/>
    <s v="REV"/>
    <s v="974"/>
    <s v="GLBATCH"/>
    <n v="4"/>
    <n v="2016"/>
  </r>
  <r>
    <s v="110"/>
    <d v="2016-04-01T00:00:00"/>
    <x v="1"/>
    <x v="0"/>
    <s v="10828"/>
    <s v="GLNANDA"/>
    <n v="1549562.75"/>
    <n v="13429843"/>
    <s v="MACSS UNBILLD REVENUE REVERSAL"/>
    <s v="GMM"/>
    <s v="NONBU"/>
    <s v="G0000110"/>
    <s v="N"/>
    <s v="MACSS UNBILLD REVENUE REVERSAL"/>
    <s v="GLMCM001"/>
    <x v="7"/>
    <s v="CAD38R8275"/>
    <s v="S"/>
    <s v="KY"/>
    <s v="REV"/>
    <s v="974"/>
    <s v="GLBATCH"/>
    <n v="4"/>
    <n v="2016"/>
  </r>
  <r>
    <s v="110"/>
    <d v="2016-04-01T00:00:00"/>
    <x v="2"/>
    <x v="0"/>
    <s v="10828"/>
    <s v="GLNANDA"/>
    <n v="2178481.94"/>
    <n v="18358232"/>
    <s v="MACSS UNBILLD REVENUE REVERSAL"/>
    <s v="GMM"/>
    <s v="NONBU"/>
    <s v="G0000110"/>
    <s v="N"/>
    <s v="MACSS UNBILLD REVENUE REVERSAL"/>
    <s v="GLMCM001"/>
    <x v="7"/>
    <s v="CAD38R8275"/>
    <s v="S"/>
    <s v="KY"/>
    <s v="REV"/>
    <s v="974"/>
    <s v="GLBATCH"/>
    <n v="4"/>
    <n v="2016"/>
  </r>
  <r>
    <s v="110"/>
    <d v="2016-04-01T00:00:00"/>
    <x v="7"/>
    <x v="0"/>
    <s v="10828"/>
    <s v="GLNANDA"/>
    <n v="386046.75"/>
    <n v="3402653"/>
    <s v="MACSS UNBILLD REVENUE REVERSAL"/>
    <s v="GMM"/>
    <s v="NONBU"/>
    <s v="G0000110"/>
    <s v="N"/>
    <s v="MACSS UNBILLD REVENUE REVERSAL"/>
    <s v="GLMCM001"/>
    <x v="7"/>
    <s v="CAD38R8275"/>
    <s v="S"/>
    <s v="KY"/>
    <s v="REV"/>
    <s v="974"/>
    <s v="GLBATCH"/>
    <n v="4"/>
    <n v="2016"/>
  </r>
  <r>
    <s v="110"/>
    <d v="2016-04-01T00:00:00"/>
    <x v="5"/>
    <x v="0"/>
    <s v="10828"/>
    <s v="GLNANDA"/>
    <n v="414953.8"/>
    <n v="3662298"/>
    <s v="MACSS UNBILLD REVENUE REVERSAL"/>
    <s v="GMM"/>
    <s v="NONBU"/>
    <s v="G0000110"/>
    <s v="N"/>
    <s v="MACSS UNBILLD REVENUE REVERSAL"/>
    <s v="GLMCM001"/>
    <x v="7"/>
    <s v="CAD38R8275"/>
    <s v="S"/>
    <s v="KY"/>
    <s v="REV"/>
    <s v="974"/>
    <s v="GLBATCH"/>
    <n v="4"/>
    <n v="2016"/>
  </r>
  <r>
    <s v="110"/>
    <d v="2016-04-01T00:00:00"/>
    <x v="3"/>
    <x v="0"/>
    <s v="10828"/>
    <s v="GLNANDA"/>
    <n v="488279.38"/>
    <n v="5829792"/>
    <s v="MACSS UNBILLD REVENUE REVERSAL"/>
    <s v="GMM"/>
    <s v="NONBU"/>
    <s v="G0000110"/>
    <s v="N"/>
    <s v="MACSS UNBILLD REVENUE REVERSAL"/>
    <s v="GLMCM001"/>
    <x v="7"/>
    <s v="CAD38R8275"/>
    <s v="S"/>
    <s v="KY"/>
    <s v="REV"/>
    <s v="974"/>
    <s v="GLBATCH"/>
    <n v="4"/>
    <n v="2016"/>
  </r>
  <r>
    <s v="110"/>
    <d v="2016-09-01T00:00:00"/>
    <x v="1"/>
    <x v="0"/>
    <s v="10828"/>
    <s v="GLNANDA"/>
    <n v="3975484.2"/>
    <n v="32706176"/>
    <s v="MACSS UNBILLD REVENUE REVERSAL"/>
    <s v="GMM"/>
    <s v="NONBU"/>
    <s v="G0000110"/>
    <s v="N"/>
    <s v="MACSS UNBILLD REVENUE REVERSAL"/>
    <s v="GLMCM001"/>
    <x v="7"/>
    <s v="CAD38R9407"/>
    <s v="S"/>
    <s v="KY"/>
    <s v="REV"/>
    <s v="974"/>
    <s v="GLBATCH"/>
    <n v="9"/>
    <n v="2016"/>
  </r>
  <r>
    <s v="110"/>
    <d v="2016-09-01T00:00:00"/>
    <x v="5"/>
    <x v="0"/>
    <s v="10828"/>
    <s v="GLNANDA"/>
    <n v="929395.28"/>
    <n v="8194626"/>
    <s v="MACSS UNBILLD REVENUE REVERSAL"/>
    <s v="GMM"/>
    <s v="NONBU"/>
    <s v="G0000110"/>
    <s v="N"/>
    <s v="MACSS UNBILLD REVENUE REVERSAL"/>
    <s v="GLMCM001"/>
    <x v="7"/>
    <s v="CAD38R9407"/>
    <s v="S"/>
    <s v="KY"/>
    <s v="REV"/>
    <s v="974"/>
    <s v="GLBATCH"/>
    <n v="9"/>
    <n v="2016"/>
  </r>
  <r>
    <s v="110"/>
    <d v="2016-09-01T00:00:00"/>
    <x v="4"/>
    <x v="0"/>
    <s v="10828"/>
    <s v="GLNANDA"/>
    <n v="6767191.1600000001"/>
    <n v="56033276"/>
    <s v="MACSS UNBILLD REVENUE REVERSAL"/>
    <s v="GMM"/>
    <s v="NONBU"/>
    <s v="G0000110"/>
    <s v="N"/>
    <s v="MACSS UNBILLD REVENUE REVERSAL"/>
    <s v="GLMCM001"/>
    <x v="7"/>
    <s v="CAD38R9407"/>
    <s v="S"/>
    <s v="KY"/>
    <s v="REV"/>
    <s v="974"/>
    <s v="GLBATCH"/>
    <n v="9"/>
    <n v="2016"/>
  </r>
  <r>
    <s v="110"/>
    <d v="2016-09-01T00:00:00"/>
    <x v="3"/>
    <x v="0"/>
    <s v="10828"/>
    <s v="GLNANDA"/>
    <n v="757780.7"/>
    <n v="7836739"/>
    <s v="MACSS UNBILLD REVENUE REVERSAL"/>
    <s v="GMM"/>
    <s v="NONBU"/>
    <s v="G0000110"/>
    <s v="N"/>
    <s v="MACSS UNBILLD REVENUE REVERSAL"/>
    <s v="GLMCM001"/>
    <x v="7"/>
    <s v="CAD38R9407"/>
    <s v="S"/>
    <s v="KY"/>
    <s v="REV"/>
    <s v="974"/>
    <s v="GLBATCH"/>
    <n v="9"/>
    <n v="2016"/>
  </r>
  <r>
    <s v="110"/>
    <d v="2016-09-01T00:00:00"/>
    <x v="6"/>
    <x v="0"/>
    <s v="10828"/>
    <s v="GLNANDA"/>
    <n v="12321.13"/>
    <n v="69341"/>
    <s v="MACSS UNBILLD REVENUE REVERSAL"/>
    <s v="GMM"/>
    <s v="NONBU"/>
    <s v="G0000110"/>
    <s v="N"/>
    <s v="MACSS UNBILLD REVENUE REVERSAL"/>
    <s v="GLMCM001"/>
    <x v="7"/>
    <s v="CAD38R9407"/>
    <s v="S"/>
    <s v="KY"/>
    <s v="REV"/>
    <s v="974"/>
    <s v="GLBATCH"/>
    <n v="9"/>
    <n v="2016"/>
  </r>
  <r>
    <s v="110"/>
    <d v="2016-09-01T00:00:00"/>
    <x v="0"/>
    <x v="0"/>
    <s v="10828"/>
    <s v="GLNANDA"/>
    <n v="1600657.23"/>
    <n v="21222898"/>
    <s v="MACSS UNBILLD REVENUE REVERSAL"/>
    <s v="GMM"/>
    <s v="NONBU"/>
    <s v="G0000110"/>
    <s v="N"/>
    <s v="MACSS UNBILLD REVENUE REVERSAL"/>
    <s v="GLMCM001"/>
    <x v="7"/>
    <s v="CAD38R9407"/>
    <s v="S"/>
    <s v="KY"/>
    <s v="REV"/>
    <s v="974"/>
    <s v="GLBATCH"/>
    <n v="9"/>
    <n v="2016"/>
  </r>
  <r>
    <s v="110"/>
    <d v="2016-09-01T00:00:00"/>
    <x v="7"/>
    <x v="0"/>
    <s v="10828"/>
    <s v="GLNANDA"/>
    <n v="731472.98"/>
    <n v="6288651"/>
    <s v="MACSS UNBILLD REVENUE REVERSAL"/>
    <s v="GMM"/>
    <s v="NONBU"/>
    <s v="G0000110"/>
    <s v="N"/>
    <s v="MACSS UNBILLD REVENUE REVERSAL"/>
    <s v="GLMCM001"/>
    <x v="7"/>
    <s v="CAD38R9407"/>
    <s v="S"/>
    <s v="KY"/>
    <s v="REV"/>
    <s v="974"/>
    <s v="GLBATCH"/>
    <n v="9"/>
    <n v="2016"/>
  </r>
  <r>
    <s v="110"/>
    <d v="2016-09-01T00:00:00"/>
    <x v="2"/>
    <x v="0"/>
    <s v="10828"/>
    <s v="GLNANDA"/>
    <n v="4916071.83"/>
    <n v="41614969"/>
    <s v="MACSS UNBILLD REVENUE REVERSAL"/>
    <s v="GMM"/>
    <s v="NONBU"/>
    <s v="G0000110"/>
    <s v="N"/>
    <s v="MACSS UNBILLD REVENUE REVERSAL"/>
    <s v="GLMCM001"/>
    <x v="7"/>
    <s v="CAD38R9407"/>
    <s v="S"/>
    <s v="KY"/>
    <s v="REV"/>
    <s v="974"/>
    <s v="GLBATCH"/>
    <n v="9"/>
    <n v="2016"/>
  </r>
  <r>
    <s v="110"/>
    <d v="2017-01-02T00:00:00"/>
    <x v="2"/>
    <x v="1"/>
    <s v="10828"/>
    <s v=""/>
    <n v="-340749.44"/>
    <n v="-2975978"/>
    <s v="Commercial Sales"/>
    <s v="SCP"/>
    <s v=""/>
    <s v=""/>
    <s v="N"/>
    <s v="Unbilled Revenue - Post Close"/>
    <s v=""/>
    <x v="8"/>
    <s v="CAD_SAB108"/>
    <s v="S"/>
    <s v=""/>
    <s v=""/>
    <s v=""/>
    <s v="S173443"/>
    <n v="1"/>
    <n v="2017"/>
  </r>
  <r>
    <s v="110"/>
    <d v="2017-01-01T00:00:00"/>
    <x v="2"/>
    <x v="1"/>
    <s v=""/>
    <s v=""/>
    <n v="58435"/>
    <n v="0"/>
    <s v="Commercial Sales"/>
    <s v="NVS"/>
    <s v=""/>
    <s v=""/>
    <s v="N"/>
    <s v="To adjust Estimated Revenues f"/>
    <s v=""/>
    <x v="9"/>
    <s v="CAD_SAB108"/>
    <s v="S"/>
    <s v=""/>
    <s v=""/>
    <s v=""/>
    <s v="C658029"/>
    <n v="1"/>
    <n v="2017"/>
  </r>
  <r>
    <s v="110"/>
    <d v="2017-01-01T00:00:00"/>
    <x v="4"/>
    <x v="1"/>
    <s v=""/>
    <s v=""/>
    <n v="-5018"/>
    <n v="0"/>
    <s v="RESIDENTIAL SALES-W/SPACE HTG"/>
    <s v="NVS"/>
    <s v=""/>
    <s v=""/>
    <s v="N"/>
    <s v="To adjust Estimated Revenues f"/>
    <s v=""/>
    <x v="9"/>
    <s v="CAD_SAB108"/>
    <s v="S"/>
    <s v=""/>
    <s v=""/>
    <s v=""/>
    <s v="C658029"/>
    <n v="1"/>
    <n v="2017"/>
  </r>
  <r>
    <s v="110"/>
    <d v="2016-12-31T00:00:00"/>
    <x v="4"/>
    <x v="1"/>
    <s v=""/>
    <s v=""/>
    <n v="5018"/>
    <n v="0"/>
    <s v="RESIDENTIAL SALES-W/SPACE HTG"/>
    <s v="NVS"/>
    <s v=""/>
    <s v=""/>
    <s v="N"/>
    <s v="To adjust Estimated Revenues f"/>
    <s v=""/>
    <x v="9"/>
    <s v="CAD_SAB108"/>
    <s v="S"/>
    <s v=""/>
    <s v=""/>
    <s v=""/>
    <s v="S132940"/>
    <n v="12"/>
    <n v="2016"/>
  </r>
  <r>
    <s v="110"/>
    <d v="2016-12-31T00:00:00"/>
    <x v="2"/>
    <x v="1"/>
    <s v=""/>
    <s v=""/>
    <n v="-58435"/>
    <n v="0"/>
    <s v="Commercial Sales"/>
    <s v="NVS"/>
    <s v=""/>
    <s v=""/>
    <s v="N"/>
    <s v="To adjust Estimated Revenues f"/>
    <s v=""/>
    <x v="9"/>
    <s v="CAD_SAB108"/>
    <s v="S"/>
    <s v=""/>
    <s v=""/>
    <s v=""/>
    <s v="S132940"/>
    <n v="12"/>
    <n v="2016"/>
  </r>
  <r>
    <s v="110"/>
    <d v="2016-12-30T00:00:00"/>
    <x v="2"/>
    <x v="1"/>
    <s v="10828"/>
    <s v=""/>
    <n v="340749.44"/>
    <n v="2975978"/>
    <s v="Commercial Sales"/>
    <s v="SCP"/>
    <s v=""/>
    <s v=""/>
    <s v="N"/>
    <s v="Unbilled Revenue - Post Close"/>
    <s v=""/>
    <x v="8"/>
    <s v="CAD_SAB108"/>
    <s v="S"/>
    <s v=""/>
    <s v=""/>
    <s v=""/>
    <s v="O558826"/>
    <n v="12"/>
    <n v="2016"/>
  </r>
  <r>
    <s v="110"/>
    <d v="2016-10-01T00:00:00"/>
    <x v="2"/>
    <x v="1"/>
    <s v=""/>
    <s v=""/>
    <n v="-3552"/>
    <n v="0"/>
    <s v="Commercial Sales"/>
    <s v="NVS"/>
    <s v=""/>
    <s v=""/>
    <s v="N"/>
    <s v="To adjust Estimated Revenues f"/>
    <s v=""/>
    <x v="10"/>
    <s v="CAD_SAB108"/>
    <s v="S"/>
    <s v=""/>
    <s v=""/>
    <s v=""/>
    <s v="S173443"/>
    <n v="10"/>
    <n v="2016"/>
  </r>
  <r>
    <s v="110"/>
    <d v="2016-10-01T00:00:00"/>
    <x v="4"/>
    <x v="1"/>
    <s v=""/>
    <s v=""/>
    <n v="8593"/>
    <n v="0"/>
    <s v="RESIDENTIAL SALES-W/SPACE HTG"/>
    <s v="NVS"/>
    <s v=""/>
    <s v=""/>
    <s v="N"/>
    <s v="To adjust Estimated Revenues f"/>
    <s v=""/>
    <x v="10"/>
    <s v="CAD_SAB108"/>
    <s v="S"/>
    <s v=""/>
    <s v=""/>
    <s v=""/>
    <s v="S173443"/>
    <n v="10"/>
    <n v="2016"/>
  </r>
  <r>
    <s v="110"/>
    <d v="2016-09-30T00:00:00"/>
    <x v="2"/>
    <x v="1"/>
    <s v=""/>
    <s v=""/>
    <n v="3552"/>
    <n v="0"/>
    <s v="Commercial Sales"/>
    <s v="NVS"/>
    <s v=""/>
    <s v=""/>
    <s v="N"/>
    <s v="To adjust Estimated Revenues f"/>
    <s v=""/>
    <x v="10"/>
    <s v="CAD_SAB108"/>
    <s v="S"/>
    <s v=""/>
    <s v=""/>
    <s v=""/>
    <s v="O558826"/>
    <n v="9"/>
    <n v="2016"/>
  </r>
  <r>
    <s v="110"/>
    <d v="2016-09-30T00:00:00"/>
    <x v="4"/>
    <x v="1"/>
    <s v=""/>
    <s v=""/>
    <n v="-8593"/>
    <n v="0"/>
    <s v="RESIDENTIAL SALES-W/SPACE HTG"/>
    <s v="NVS"/>
    <s v=""/>
    <s v=""/>
    <s v="N"/>
    <s v="To adjust Estimated Revenues f"/>
    <s v=""/>
    <x v="10"/>
    <s v="CAD_SAB108"/>
    <s v="S"/>
    <s v=""/>
    <s v=""/>
    <s v=""/>
    <s v="O558826"/>
    <n v="9"/>
    <n v="2016"/>
  </r>
  <r>
    <s v="110"/>
    <d v="2016-07-01T00:00:00"/>
    <x v="4"/>
    <x v="1"/>
    <s v=""/>
    <s v=""/>
    <n v="-69384"/>
    <n v="0"/>
    <s v="RESIDENTIAL SALES-W/SPACE HTG"/>
    <s v="NVS"/>
    <s v=""/>
    <s v=""/>
    <s v="N"/>
    <s v="To adjust Estimated Revenues f"/>
    <s v=""/>
    <x v="9"/>
    <s v="CAD_SAB108"/>
    <s v="S"/>
    <s v=""/>
    <s v=""/>
    <s v=""/>
    <s v="S173443"/>
    <n v="7"/>
    <n v="2016"/>
  </r>
  <r>
    <s v="110"/>
    <d v="2016-07-01T00:00:00"/>
    <x v="2"/>
    <x v="1"/>
    <s v=""/>
    <s v=""/>
    <n v="18213"/>
    <n v="0"/>
    <s v="Commercial Sales"/>
    <s v="NVS"/>
    <s v=""/>
    <s v=""/>
    <s v="N"/>
    <s v="To adjust Estimated Revenues f"/>
    <s v=""/>
    <x v="9"/>
    <s v="CAD_SAB108"/>
    <s v="S"/>
    <s v=""/>
    <s v=""/>
    <s v=""/>
    <s v="S173443"/>
    <n v="7"/>
    <n v="2016"/>
  </r>
  <r>
    <s v="110"/>
    <d v="2016-06-30T00:00:00"/>
    <x v="2"/>
    <x v="1"/>
    <s v=""/>
    <s v=""/>
    <n v="-18213"/>
    <n v="0"/>
    <s v="Commercial Sales"/>
    <s v="NVS"/>
    <s v=""/>
    <s v=""/>
    <s v="N"/>
    <s v="To adjust Estimated Revenues f"/>
    <s v=""/>
    <x v="9"/>
    <s v="CAD_SAB108"/>
    <s v="S"/>
    <s v=""/>
    <s v=""/>
    <s v=""/>
    <s v="S132940"/>
    <n v="6"/>
    <n v="2016"/>
  </r>
  <r>
    <s v="110"/>
    <d v="2016-06-30T00:00:00"/>
    <x v="4"/>
    <x v="1"/>
    <s v=""/>
    <s v=""/>
    <n v="69384"/>
    <n v="0"/>
    <s v="RESIDENTIAL SALES-W/SPACE HTG"/>
    <s v="NVS"/>
    <s v=""/>
    <s v=""/>
    <s v="N"/>
    <s v="To adjust Estimated Revenues f"/>
    <s v=""/>
    <x v="9"/>
    <s v="CAD_SAB108"/>
    <s v="S"/>
    <s v=""/>
    <s v=""/>
    <s v=""/>
    <s v="S132940"/>
    <n v="6"/>
    <n v="2016"/>
  </r>
  <r>
    <s v="110"/>
    <d v="2016-04-01T00:00:00"/>
    <x v="2"/>
    <x v="1"/>
    <s v=""/>
    <s v=""/>
    <n v="4042"/>
    <n v="0"/>
    <s v="Commercial Sales"/>
    <s v="NVS"/>
    <s v=""/>
    <s v=""/>
    <s v="N"/>
    <s v="To adjust Estimated Revenues f"/>
    <s v=""/>
    <x v="9"/>
    <s v="CAD_SAB108"/>
    <s v="S"/>
    <s v=""/>
    <s v=""/>
    <s v=""/>
    <s v="S173443"/>
    <n v="4"/>
    <n v="2016"/>
  </r>
  <r>
    <s v="110"/>
    <d v="2016-04-01T00:00:00"/>
    <x v="4"/>
    <x v="1"/>
    <s v=""/>
    <s v=""/>
    <n v="-26050"/>
    <n v="0"/>
    <s v="RESIDENTIAL SALES-W/SPACE HTG"/>
    <s v="NVS"/>
    <s v=""/>
    <s v=""/>
    <s v="N"/>
    <s v="To adjust Estimated Revenues f"/>
    <s v=""/>
    <x v="9"/>
    <s v="CAD_SAB108"/>
    <s v="S"/>
    <s v=""/>
    <s v=""/>
    <s v=""/>
    <s v="S173443"/>
    <n v="4"/>
    <n v="2016"/>
  </r>
  <r>
    <s v="110"/>
    <d v="2016-03-31T00:00:00"/>
    <x v="4"/>
    <x v="1"/>
    <s v=""/>
    <s v=""/>
    <n v="26050"/>
    <n v="0"/>
    <s v="RESIDENTIAL SALES-W/SPACE HTG"/>
    <s v="NVS"/>
    <s v=""/>
    <s v=""/>
    <s v="N"/>
    <s v="To adjust Estimated Revenues f"/>
    <s v=""/>
    <x v="9"/>
    <s v="CAD_SAB108"/>
    <s v="S"/>
    <s v=""/>
    <s v=""/>
    <s v=""/>
    <s v="S132940"/>
    <n v="3"/>
    <n v="2016"/>
  </r>
  <r>
    <s v="110"/>
    <d v="2016-03-31T00:00:00"/>
    <x v="2"/>
    <x v="1"/>
    <s v=""/>
    <s v=""/>
    <n v="-4042"/>
    <n v="0"/>
    <s v="Commercial Sales"/>
    <s v="NVS"/>
    <s v=""/>
    <s v=""/>
    <s v="N"/>
    <s v="To adjust Estimated Revenues f"/>
    <s v=""/>
    <x v="9"/>
    <s v="CAD_SAB108"/>
    <s v="S"/>
    <s v=""/>
    <s v=""/>
    <s v=""/>
    <s v="S132940"/>
    <n v="3"/>
    <n v="2016"/>
  </r>
  <r>
    <s v="110"/>
    <d v="2016-12-01T00:00:00"/>
    <x v="11"/>
    <x v="1"/>
    <s v="10828"/>
    <s v="GLNANDA"/>
    <n v="-585.86599999999999"/>
    <n v="0"/>
    <s v="Industrial Fuel Rev"/>
    <s v="SCP"/>
    <s v="NONBU"/>
    <s v="G0000110"/>
    <s v="N"/>
    <s v="Reverse of JE: 110_FA0324A _11"/>
    <s v=""/>
    <x v="11"/>
    <s v="FA0324A"/>
    <s v="S"/>
    <s v="KY"/>
    <s v="REV"/>
    <s v="974"/>
    <s v="S209377"/>
    <n v="12"/>
    <n v="2016"/>
  </r>
  <r>
    <s v="110"/>
    <d v="2016-12-01T00:00:00"/>
    <x v="13"/>
    <x v="1"/>
    <s v="10828"/>
    <s v="GLNANDA"/>
    <n v="-2.3730000000000002"/>
    <n v="0"/>
    <s v="Public St &amp; Hwy Light Fuel Rev"/>
    <s v="SCP"/>
    <s v="NONBU"/>
    <s v="G0000110"/>
    <s v="N"/>
    <s v="Reverse of JE: 110_FA0324A _11"/>
    <s v=""/>
    <x v="11"/>
    <s v="FA0324A"/>
    <s v="S"/>
    <s v="KY"/>
    <s v="REV"/>
    <s v="974"/>
    <s v="S209377"/>
    <n v="12"/>
    <n v="2016"/>
  </r>
  <r>
    <s v="110"/>
    <d v="2016-12-01T00:00:00"/>
    <x v="8"/>
    <x v="1"/>
    <s v="10828"/>
    <s v="GLNANDA"/>
    <n v="-326.76499999999999"/>
    <n v="0"/>
    <s v="Commercial Fuel Rev"/>
    <s v="SCP"/>
    <s v="NONBU"/>
    <s v="G0000110"/>
    <s v="N"/>
    <s v="Reverse of JE: 110_FA0324A _11"/>
    <s v=""/>
    <x v="11"/>
    <s v="FA0324A"/>
    <s v="S"/>
    <s v="KY"/>
    <s v="REV"/>
    <s v="974"/>
    <s v="S209377"/>
    <n v="12"/>
    <n v="2016"/>
  </r>
  <r>
    <s v="110"/>
    <d v="2016-12-01T00:00:00"/>
    <x v="10"/>
    <x v="1"/>
    <s v="10828"/>
    <s v="GLNANDA"/>
    <n v="0"/>
    <n v="0"/>
    <s v="Oth Sales Public Auth Fuel Rev"/>
    <s v="SCP"/>
    <s v="NONBU"/>
    <s v="G0000110"/>
    <s v="N"/>
    <s v="Reverse of JE: 110_FA0324A _11"/>
    <s v=""/>
    <x v="11"/>
    <s v="FA0324A"/>
    <s v="S"/>
    <s v="KY"/>
    <s v="REV"/>
    <s v="974"/>
    <s v="S209377"/>
    <n v="12"/>
    <n v="2016"/>
  </r>
  <r>
    <s v="110"/>
    <d v="2016-12-01T00:00:00"/>
    <x v="14"/>
    <x v="1"/>
    <s v="10828"/>
    <s v="GLNANDA"/>
    <n v="-532.40599999999995"/>
    <n v="0"/>
    <s v="Residential Fuel Rev"/>
    <s v="SCP"/>
    <s v="NONBU"/>
    <s v="G0000110"/>
    <s v="N"/>
    <s v="Reverse of JE: 110_FA0324A _11"/>
    <s v=""/>
    <x v="11"/>
    <s v="FA0324A"/>
    <s v="S"/>
    <s v="KY"/>
    <s v="REV"/>
    <s v="974"/>
    <s v="S209377"/>
    <n v="12"/>
    <n v="2016"/>
  </r>
  <r>
    <s v="110"/>
    <d v="2016-11-20T00:00:00"/>
    <x v="10"/>
    <x v="1"/>
    <s v="10828"/>
    <s v="GLNANDA"/>
    <n v="0"/>
    <n v="0"/>
    <s v="Oth Sales Public Auth Fuel Rev"/>
    <s v="NVS"/>
    <s v="NONBU"/>
    <s v="G0000110"/>
    <s v="N"/>
    <s v="True-up for year 2015 due to e"/>
    <s v=""/>
    <x v="12"/>
    <s v="FA0324A"/>
    <s v="S"/>
    <s v="KY"/>
    <s v="REV"/>
    <s v="974"/>
    <s v="S250359"/>
    <n v="11"/>
    <n v="2016"/>
  </r>
  <r>
    <s v="110"/>
    <d v="2016-11-20T00:00:00"/>
    <x v="13"/>
    <x v="1"/>
    <s v="10828"/>
    <s v="GLNANDA"/>
    <n v="-30.66"/>
    <n v="0"/>
    <s v="Public St &amp; Hwy Light Fuel Rev"/>
    <s v="NVS"/>
    <s v="NONBU"/>
    <s v="G0000110"/>
    <s v="N"/>
    <s v="True-up for year 2015 due to e"/>
    <s v=""/>
    <x v="12"/>
    <s v="FA0324A"/>
    <s v="S"/>
    <s v="KY"/>
    <s v="REV"/>
    <s v="974"/>
    <s v="S250359"/>
    <n v="11"/>
    <n v="2016"/>
  </r>
  <r>
    <s v="110"/>
    <d v="2016-11-20T00:00:00"/>
    <x v="8"/>
    <x v="1"/>
    <s v="10828"/>
    <s v="GLNANDA"/>
    <n v="-4221.6530000000002"/>
    <n v="0"/>
    <s v="Commercial Fuel Rev"/>
    <s v="NVS"/>
    <s v="NONBU"/>
    <s v="G0000110"/>
    <s v="N"/>
    <s v="True-up for year 2015 due to e"/>
    <s v=""/>
    <x v="12"/>
    <s v="FA0324A"/>
    <s v="S"/>
    <s v="KY"/>
    <s v="REV"/>
    <s v="974"/>
    <s v="S250359"/>
    <n v="11"/>
    <n v="2016"/>
  </r>
  <r>
    <s v="110"/>
    <d v="2016-11-20T00:00:00"/>
    <x v="14"/>
    <x v="1"/>
    <s v="10828"/>
    <s v="GLNANDA"/>
    <n v="-6878.4449999999997"/>
    <n v="0"/>
    <s v="Residential Fuel Rev"/>
    <s v="NVS"/>
    <s v="NONBU"/>
    <s v="G0000110"/>
    <s v="N"/>
    <s v="True-up for year 2015 due to e"/>
    <s v=""/>
    <x v="12"/>
    <s v="FA0324A"/>
    <s v="S"/>
    <s v="KY"/>
    <s v="REV"/>
    <s v="974"/>
    <s v="S250359"/>
    <n v="11"/>
    <n v="2016"/>
  </r>
  <r>
    <s v="110"/>
    <d v="2016-11-20T00:00:00"/>
    <x v="11"/>
    <x v="1"/>
    <s v="10828"/>
    <s v="GLNANDA"/>
    <n v="-7569.1319999999996"/>
    <n v="0"/>
    <s v="Industrial Fuel Rev"/>
    <s v="NVS"/>
    <s v="NONBU"/>
    <s v="G0000110"/>
    <s v="N"/>
    <s v="True-up for year 2015 due to e"/>
    <s v=""/>
    <x v="12"/>
    <s v="FA0324A"/>
    <s v="S"/>
    <s v="KY"/>
    <s v="REV"/>
    <s v="974"/>
    <s v="S250359"/>
    <n v="11"/>
    <n v="2016"/>
  </r>
  <r>
    <s v="110"/>
    <d v="2016-11-16T00:00:00"/>
    <x v="11"/>
    <x v="1"/>
    <s v="10828"/>
    <s v="GLNANDA"/>
    <n v="7569.1319999999996"/>
    <n v="0"/>
    <s v="Industrial Fuel Rev"/>
    <s v="NVS"/>
    <s v="NONBU"/>
    <s v="G0000110"/>
    <s v="N"/>
    <s v="True-up for year 2015 due to e"/>
    <s v=""/>
    <x v="12"/>
    <s v="FA0324A"/>
    <s v="S"/>
    <s v="KY"/>
    <s v="REV"/>
    <s v="974"/>
    <s v="S209377"/>
    <n v="11"/>
    <n v="2016"/>
  </r>
  <r>
    <s v="110"/>
    <d v="2016-11-16T00:00:00"/>
    <x v="8"/>
    <x v="1"/>
    <s v="10828"/>
    <s v="GLNANDA"/>
    <n v="4221.6530000000002"/>
    <n v="0"/>
    <s v="Commercial Fuel Rev"/>
    <s v="NVS"/>
    <s v="NONBU"/>
    <s v="G0000110"/>
    <s v="N"/>
    <s v="True-up for year 2015 due to e"/>
    <s v=""/>
    <x v="12"/>
    <s v="FA0324A"/>
    <s v="S"/>
    <s v="KY"/>
    <s v="REV"/>
    <s v="974"/>
    <s v="S209377"/>
    <n v="11"/>
    <n v="2016"/>
  </r>
  <r>
    <s v="110"/>
    <d v="2016-11-16T00:00:00"/>
    <x v="14"/>
    <x v="1"/>
    <s v="10828"/>
    <s v="GLNANDA"/>
    <n v="6878.4449999999997"/>
    <n v="0"/>
    <s v="Residential Fuel Rev"/>
    <s v="NVS"/>
    <s v="NONBU"/>
    <s v="G0000110"/>
    <s v="N"/>
    <s v="True-up for year 2015 due to e"/>
    <s v=""/>
    <x v="12"/>
    <s v="FA0324A"/>
    <s v="S"/>
    <s v="KY"/>
    <s v="REV"/>
    <s v="974"/>
    <s v="S209377"/>
    <n v="11"/>
    <n v="2016"/>
  </r>
  <r>
    <s v="110"/>
    <d v="2016-11-16T00:00:00"/>
    <x v="10"/>
    <x v="1"/>
    <s v="10828"/>
    <s v="GLNANDA"/>
    <n v="0"/>
    <n v="0"/>
    <s v="Oth Sales Public Auth Fuel Rev"/>
    <s v="NVS"/>
    <s v="NONBU"/>
    <s v="G0000110"/>
    <s v="N"/>
    <s v="True-up for year 2015 due to e"/>
    <s v=""/>
    <x v="12"/>
    <s v="FA0324A"/>
    <s v="S"/>
    <s v="KY"/>
    <s v="REV"/>
    <s v="974"/>
    <s v="S209377"/>
    <n v="11"/>
    <n v="2016"/>
  </r>
  <r>
    <s v="110"/>
    <d v="2016-11-16T00:00:00"/>
    <x v="13"/>
    <x v="1"/>
    <s v="10828"/>
    <s v="GLNANDA"/>
    <n v="30.66"/>
    <n v="0"/>
    <s v="Public St &amp; Hwy Light Fuel Rev"/>
    <s v="NVS"/>
    <s v="NONBU"/>
    <s v="G0000110"/>
    <s v="N"/>
    <s v="True-up for year 2015 due to e"/>
    <s v=""/>
    <x v="12"/>
    <s v="FA0324A"/>
    <s v="S"/>
    <s v="KY"/>
    <s v="REV"/>
    <s v="974"/>
    <s v="S209377"/>
    <n v="11"/>
    <n v="2016"/>
  </r>
  <r>
    <s v="110"/>
    <d v="2016-11-15T00:00:00"/>
    <x v="8"/>
    <x v="1"/>
    <s v="10828"/>
    <s v="GLNANDA"/>
    <n v="326.76499999999999"/>
    <n v="0"/>
    <s v="Commercial Fuel Rev"/>
    <s v="NVS"/>
    <s v="NONBU"/>
    <s v="G0000110"/>
    <s v="N"/>
    <s v="True-up for year 2015 due to e"/>
    <s v=""/>
    <x v="12"/>
    <s v="FA0324A"/>
    <s v="S"/>
    <s v="KY"/>
    <s v="REV"/>
    <s v="974"/>
    <s v="S209377"/>
    <n v="11"/>
    <n v="2016"/>
  </r>
  <r>
    <s v="110"/>
    <d v="2016-11-15T00:00:00"/>
    <x v="10"/>
    <x v="1"/>
    <s v="10828"/>
    <s v="GLNANDA"/>
    <n v="0"/>
    <n v="0"/>
    <s v="Oth Sales Public Auth Fuel Rev"/>
    <s v="NVS"/>
    <s v="NONBU"/>
    <s v="G0000110"/>
    <s v="N"/>
    <s v="True-up for year 2015 due to e"/>
    <s v=""/>
    <x v="12"/>
    <s v="FA0324A"/>
    <s v="S"/>
    <s v="KY"/>
    <s v="REV"/>
    <s v="974"/>
    <s v="S209377"/>
    <n v="11"/>
    <n v="2016"/>
  </r>
  <r>
    <s v="110"/>
    <d v="2016-11-15T00:00:00"/>
    <x v="11"/>
    <x v="1"/>
    <s v="10828"/>
    <s v="GLNANDA"/>
    <n v="585.86599999999999"/>
    <n v="0"/>
    <s v="Industrial Fuel Rev"/>
    <s v="NVS"/>
    <s v="NONBU"/>
    <s v="G0000110"/>
    <s v="N"/>
    <s v="True-up for year 2015 due to e"/>
    <s v=""/>
    <x v="12"/>
    <s v="FA0324A"/>
    <s v="S"/>
    <s v="KY"/>
    <s v="REV"/>
    <s v="974"/>
    <s v="S209377"/>
    <n v="11"/>
    <n v="2016"/>
  </r>
  <r>
    <s v="110"/>
    <d v="2016-11-15T00:00:00"/>
    <x v="14"/>
    <x v="1"/>
    <s v="10828"/>
    <s v="GLNANDA"/>
    <n v="532.40599999999995"/>
    <n v="0"/>
    <s v="Residential Fuel Rev"/>
    <s v="NVS"/>
    <s v="NONBU"/>
    <s v="G0000110"/>
    <s v="N"/>
    <s v="True-up for year 2015 due to e"/>
    <s v=""/>
    <x v="12"/>
    <s v="FA0324A"/>
    <s v="S"/>
    <s v="KY"/>
    <s v="REV"/>
    <s v="974"/>
    <s v="S209377"/>
    <n v="11"/>
    <n v="2016"/>
  </r>
  <r>
    <s v="110"/>
    <d v="2016-11-15T00:00:00"/>
    <x v="13"/>
    <x v="1"/>
    <s v="10828"/>
    <s v="GLNANDA"/>
    <n v="2.3730000000000002"/>
    <n v="0"/>
    <s v="Public St &amp; Hwy Light Fuel Rev"/>
    <s v="NVS"/>
    <s v="NONBU"/>
    <s v="G0000110"/>
    <s v="N"/>
    <s v="True-up for year 2015 due to e"/>
    <s v=""/>
    <x v="12"/>
    <s v="FA0324A"/>
    <s v="S"/>
    <s v="KY"/>
    <s v="REV"/>
    <s v="974"/>
    <s v="S209377"/>
    <n v="11"/>
    <n v="2016"/>
  </r>
  <r>
    <s v="110"/>
    <d v="2017-02-28T00:00:00"/>
    <x v="7"/>
    <x v="0"/>
    <s v="99990"/>
    <s v="FANANDA"/>
    <n v="2622.89"/>
    <n v="0"/>
    <s v="Sales to Pub Auth - Schools"/>
    <s v="SCP"/>
    <s v="FINAN"/>
    <s v="G0000110"/>
    <s v="N"/>
    <s v="To record a reg. asset for the"/>
    <s v=""/>
    <x v="13"/>
    <s v="TARIFF_CC"/>
    <s v="S"/>
    <s v="KY"/>
    <s v="999"/>
    <s v="974"/>
    <s v="S998569"/>
    <n v="2"/>
    <n v="2017"/>
  </r>
  <r>
    <s v="110"/>
    <d v="2017-02-28T00:00:00"/>
    <x v="2"/>
    <x v="0"/>
    <s v="99990"/>
    <s v="FANANDA"/>
    <n v="5858.33"/>
    <n v="0"/>
    <s v="Commercial Sales"/>
    <s v="SCP"/>
    <s v="FINAN"/>
    <s v="G0000110"/>
    <s v="N"/>
    <s v="To record a reg. asset for the"/>
    <s v=""/>
    <x v="13"/>
    <s v="TARIFF_CC"/>
    <s v="S"/>
    <s v="KY"/>
    <s v="999"/>
    <s v="974"/>
    <s v="S998569"/>
    <n v="2"/>
    <n v="2017"/>
  </r>
  <r>
    <s v="110"/>
    <d v="2017-02-28T00:00:00"/>
    <x v="1"/>
    <x v="0"/>
    <s v="99990"/>
    <s v="FANANDA"/>
    <n v="8245.27"/>
    <n v="0"/>
    <s v="Residential Sales-W/O Space Ht"/>
    <s v="SCP"/>
    <s v="FINAN"/>
    <s v="G0000110"/>
    <s v="N"/>
    <s v="To record a reg. asset for the"/>
    <s v=""/>
    <x v="13"/>
    <s v="TARIFF_CC"/>
    <s v="S"/>
    <s v="KY"/>
    <s v="999"/>
    <s v="974"/>
    <s v="S998569"/>
    <n v="2"/>
    <n v="2017"/>
  </r>
  <r>
    <s v="110"/>
    <d v="2017-02-28T00:00:00"/>
    <x v="0"/>
    <x v="0"/>
    <s v="99990"/>
    <s v="FANANDA"/>
    <n v="22821.66"/>
    <n v="0"/>
    <s v="Industrial Sales (Excl Mines)"/>
    <s v="SCP"/>
    <s v="FINAN"/>
    <s v="G0000110"/>
    <s v="N"/>
    <s v="To record a reg. asset for the"/>
    <s v=""/>
    <x v="13"/>
    <s v="TARIFF_CC"/>
    <s v="S"/>
    <s v="KY"/>
    <s v="999"/>
    <s v="974"/>
    <s v="S998569"/>
    <n v="2"/>
    <n v="2017"/>
  </r>
  <r>
    <s v="110"/>
    <d v="2017-02-28T00:00:00"/>
    <x v="3"/>
    <x v="0"/>
    <s v="99990"/>
    <s v="FANANDA"/>
    <n v="-10412.26"/>
    <n v="0"/>
    <s v="Ind Sales-NonAffil(Incl Mines)"/>
    <s v="SCP"/>
    <s v="FINAN"/>
    <s v="G0000110"/>
    <s v="N"/>
    <s v="To record a reg. asset for the"/>
    <s v=""/>
    <x v="13"/>
    <s v="TARIFF_CC"/>
    <s v="S"/>
    <s v="KY"/>
    <s v="999"/>
    <s v="974"/>
    <s v="S998569"/>
    <n v="2"/>
    <n v="2017"/>
  </r>
  <r>
    <s v="110"/>
    <d v="2017-02-28T00:00:00"/>
    <x v="4"/>
    <x v="0"/>
    <s v="99990"/>
    <s v="FANANDA"/>
    <n v="55508.34"/>
    <n v="0"/>
    <s v="RESIDENTIAL SALES-W/SPACE HTG"/>
    <s v="SCP"/>
    <s v="FINAN"/>
    <s v="G0000110"/>
    <s v="N"/>
    <s v="To record a reg. asset for the"/>
    <s v=""/>
    <x v="13"/>
    <s v="TARIFF_CC"/>
    <s v="S"/>
    <s v="KY"/>
    <s v="999"/>
    <s v="974"/>
    <s v="S998569"/>
    <n v="2"/>
    <n v="2017"/>
  </r>
  <r>
    <s v="110"/>
    <d v="2017-02-28T00:00:00"/>
    <x v="6"/>
    <x v="0"/>
    <s v="99990"/>
    <s v="FANANDA"/>
    <n v="-221.19"/>
    <n v="0"/>
    <s v="Public Street/Highway Lighting"/>
    <s v="SCP"/>
    <s v="FINAN"/>
    <s v="G0000110"/>
    <s v="N"/>
    <s v="To record a reg. asset for the"/>
    <s v=""/>
    <x v="13"/>
    <s v="TARIFF_CC"/>
    <s v="S"/>
    <s v="KY"/>
    <s v="999"/>
    <s v="974"/>
    <s v="S998569"/>
    <n v="2"/>
    <n v="2017"/>
  </r>
  <r>
    <s v="110"/>
    <d v="2017-02-28T00:00:00"/>
    <x v="5"/>
    <x v="0"/>
    <s v="99990"/>
    <s v="FANANDA"/>
    <n v="2198.8200000000002"/>
    <n v="0"/>
    <s v="Sales to Pub Auth - Ex Schools"/>
    <s v="SCP"/>
    <s v="FINAN"/>
    <s v="G0000110"/>
    <s v="N"/>
    <s v="To record a reg. asset for the"/>
    <s v=""/>
    <x v="13"/>
    <s v="TARIFF_CC"/>
    <s v="S"/>
    <s v="KY"/>
    <s v="999"/>
    <s v="974"/>
    <s v="S998569"/>
    <n v="2"/>
    <n v="2017"/>
  </r>
  <r>
    <s v="110"/>
    <d v="2017-01-31T00:00:00"/>
    <x v="7"/>
    <x v="0"/>
    <s v="99990"/>
    <s v="FANANDA"/>
    <n v="4649.42"/>
    <n v="0"/>
    <s v="Sales to Pub Auth - Schools"/>
    <s v="SCP"/>
    <s v="FINAN"/>
    <s v="G0000110"/>
    <s v="N"/>
    <s v="To record a reg. asset for the"/>
    <s v=""/>
    <x v="13"/>
    <s v="TARIFF_CC"/>
    <s v="S"/>
    <s v="KY"/>
    <s v="999"/>
    <s v="974"/>
    <s v="S998569"/>
    <n v="1"/>
    <n v="2017"/>
  </r>
  <r>
    <s v="110"/>
    <d v="2017-01-31T00:00:00"/>
    <x v="3"/>
    <x v="0"/>
    <s v="99990"/>
    <s v="FANANDA"/>
    <n v="-10119.129999999999"/>
    <n v="0"/>
    <s v="Ind Sales-NonAffil(Incl Mines)"/>
    <s v="SCP"/>
    <s v="FINAN"/>
    <s v="G0000110"/>
    <s v="N"/>
    <s v="To record a reg. asset for the"/>
    <s v=""/>
    <x v="13"/>
    <s v="TARIFF_CC"/>
    <s v="S"/>
    <s v="KY"/>
    <s v="999"/>
    <s v="974"/>
    <s v="S998569"/>
    <n v="1"/>
    <n v="2017"/>
  </r>
  <r>
    <s v="110"/>
    <d v="2017-01-31T00:00:00"/>
    <x v="0"/>
    <x v="0"/>
    <s v="99990"/>
    <s v="FANANDA"/>
    <n v="9036.5"/>
    <n v="0"/>
    <s v="Industrial Sales (Excl Mines)"/>
    <s v="SCP"/>
    <s v="FINAN"/>
    <s v="G0000110"/>
    <s v="N"/>
    <s v="To record a reg. asset for the"/>
    <s v=""/>
    <x v="13"/>
    <s v="TARIFF_CC"/>
    <s v="S"/>
    <s v="KY"/>
    <s v="999"/>
    <s v="974"/>
    <s v="S998569"/>
    <n v="1"/>
    <n v="2017"/>
  </r>
  <r>
    <s v="110"/>
    <d v="2017-01-31T00:00:00"/>
    <x v="2"/>
    <x v="0"/>
    <s v="99990"/>
    <s v="FANANDA"/>
    <n v="18877.189999999999"/>
    <n v="0"/>
    <s v="Commercial Sales"/>
    <s v="SCP"/>
    <s v="FINAN"/>
    <s v="G0000110"/>
    <s v="N"/>
    <s v="To record a reg. asset for the"/>
    <s v=""/>
    <x v="13"/>
    <s v="TARIFF_CC"/>
    <s v="S"/>
    <s v="KY"/>
    <s v="999"/>
    <s v="974"/>
    <s v="S998569"/>
    <n v="1"/>
    <n v="2017"/>
  </r>
  <r>
    <s v="110"/>
    <d v="2017-01-31T00:00:00"/>
    <x v="1"/>
    <x v="0"/>
    <s v="99990"/>
    <s v="FANANDA"/>
    <n v="27829.3"/>
    <n v="0"/>
    <s v="Residential Sales-W/O Space Ht"/>
    <s v="SCP"/>
    <s v="FINAN"/>
    <s v="G0000110"/>
    <s v="N"/>
    <s v="To record a reg. asset for the"/>
    <s v=""/>
    <x v="13"/>
    <s v="TARIFF_CC"/>
    <s v="S"/>
    <s v="KY"/>
    <s v="999"/>
    <s v="974"/>
    <s v="S998569"/>
    <n v="1"/>
    <n v="2017"/>
  </r>
  <r>
    <s v="110"/>
    <d v="2017-01-31T00:00:00"/>
    <x v="4"/>
    <x v="0"/>
    <s v="99990"/>
    <s v="FANANDA"/>
    <n v="110552.96000000001"/>
    <n v="0"/>
    <s v="RESIDENTIAL SALES-W/SPACE HTG"/>
    <s v="SCP"/>
    <s v="FINAN"/>
    <s v="G0000110"/>
    <s v="N"/>
    <s v="To record a reg. asset for the"/>
    <s v=""/>
    <x v="13"/>
    <s v="TARIFF_CC"/>
    <s v="S"/>
    <s v="KY"/>
    <s v="999"/>
    <s v="974"/>
    <s v="S998569"/>
    <n v="1"/>
    <n v="2017"/>
  </r>
  <r>
    <s v="110"/>
    <d v="2017-01-31T00:00:00"/>
    <x v="6"/>
    <x v="0"/>
    <s v="99990"/>
    <s v="FANANDA"/>
    <n v="34.89"/>
    <n v="0"/>
    <s v="Public Street/Highway Lighting"/>
    <s v="SCP"/>
    <s v="FINAN"/>
    <s v="G0000110"/>
    <s v="N"/>
    <s v="To record a reg. asset for the"/>
    <s v=""/>
    <x v="13"/>
    <s v="TARIFF_CC"/>
    <s v="S"/>
    <s v="KY"/>
    <s v="999"/>
    <s v="974"/>
    <s v="S998569"/>
    <n v="1"/>
    <n v="2017"/>
  </r>
  <r>
    <s v="110"/>
    <d v="2017-01-31T00:00:00"/>
    <x v="5"/>
    <x v="0"/>
    <s v="99990"/>
    <s v="FANANDA"/>
    <n v="5631.06"/>
    <n v="0"/>
    <s v="Sales to Pub Auth - Ex Schools"/>
    <s v="SCP"/>
    <s v="FINAN"/>
    <s v="G0000110"/>
    <s v="N"/>
    <s v="To record a reg. asset for the"/>
    <s v=""/>
    <x v="13"/>
    <s v="TARIFF_CC"/>
    <s v="S"/>
    <s v="KY"/>
    <s v="999"/>
    <s v="974"/>
    <s v="S998569"/>
    <n v="1"/>
    <n v="2017"/>
  </r>
  <r>
    <s v="110"/>
    <d v="2016-12-31T00:00:00"/>
    <x v="6"/>
    <x v="0"/>
    <s v="99990"/>
    <s v="FANANDA"/>
    <n v="35.18"/>
    <n v="0"/>
    <s v="Public Street/Highway Lighting"/>
    <s v="SCP"/>
    <s v="FINAN"/>
    <s v="G0000110"/>
    <s v="N"/>
    <s v="To record a reg. asset for the"/>
    <s v=""/>
    <x v="13"/>
    <s v="TARIFF_CC"/>
    <s v="S"/>
    <s v="KY"/>
    <s v="999"/>
    <s v="974"/>
    <s v="S998569"/>
    <n v="12"/>
    <n v="2016"/>
  </r>
  <r>
    <s v="110"/>
    <d v="2016-12-31T00:00:00"/>
    <x v="5"/>
    <x v="0"/>
    <s v="99990"/>
    <s v="FANANDA"/>
    <n v="3078.33"/>
    <n v="0"/>
    <s v="Sales to Pub Auth - Ex Schools"/>
    <s v="SCP"/>
    <s v="FINAN"/>
    <s v="G0000110"/>
    <s v="N"/>
    <s v="To record a reg. asset for the"/>
    <s v=""/>
    <x v="13"/>
    <s v="TARIFF_CC"/>
    <s v="S"/>
    <s v="KY"/>
    <s v="999"/>
    <s v="974"/>
    <s v="S998569"/>
    <n v="12"/>
    <n v="2016"/>
  </r>
  <r>
    <s v="110"/>
    <d v="2016-12-31T00:00:00"/>
    <x v="7"/>
    <x v="0"/>
    <s v="99990"/>
    <s v="FANANDA"/>
    <n v="3103.64"/>
    <n v="0"/>
    <s v="Sales to Pub Auth - Schools"/>
    <s v="SCP"/>
    <s v="FINAN"/>
    <s v="G0000110"/>
    <s v="N"/>
    <s v="To record a reg. asset for the"/>
    <s v=""/>
    <x v="13"/>
    <s v="TARIFF_CC"/>
    <s v="S"/>
    <s v="KY"/>
    <s v="999"/>
    <s v="974"/>
    <s v="S998569"/>
    <n v="12"/>
    <n v="2016"/>
  </r>
  <r>
    <s v="110"/>
    <d v="2016-12-31T00:00:00"/>
    <x v="2"/>
    <x v="0"/>
    <s v="99990"/>
    <s v="FANANDA"/>
    <n v="10703.35"/>
    <n v="0"/>
    <s v="Commercial Sales"/>
    <s v="SCP"/>
    <s v="FINAN"/>
    <s v="G0000110"/>
    <s v="N"/>
    <s v="To record a reg. asset for the"/>
    <s v=""/>
    <x v="13"/>
    <s v="TARIFF_CC"/>
    <s v="S"/>
    <s v="KY"/>
    <s v="999"/>
    <s v="974"/>
    <s v="S998569"/>
    <n v="12"/>
    <n v="2016"/>
  </r>
  <r>
    <s v="110"/>
    <d v="2016-12-31T00:00:00"/>
    <x v="3"/>
    <x v="0"/>
    <s v="99990"/>
    <s v="FANANDA"/>
    <n v="-10620.26"/>
    <n v="0"/>
    <s v="Ind Sales-NonAffil(Incl Mines)"/>
    <s v="SCP"/>
    <s v="FINAN"/>
    <s v="G0000110"/>
    <s v="N"/>
    <s v="To record a reg. asset for the"/>
    <s v=""/>
    <x v="13"/>
    <s v="TARIFF_CC"/>
    <s v="S"/>
    <s v="KY"/>
    <s v="999"/>
    <s v="974"/>
    <s v="S998569"/>
    <n v="12"/>
    <n v="2016"/>
  </r>
  <r>
    <s v="110"/>
    <d v="2016-12-31T00:00:00"/>
    <x v="0"/>
    <x v="0"/>
    <s v="99990"/>
    <s v="FANANDA"/>
    <n v="10966.56"/>
    <n v="0"/>
    <s v="Industrial Sales (Excl Mines)"/>
    <s v="SCP"/>
    <s v="FINAN"/>
    <s v="G0000110"/>
    <s v="N"/>
    <s v="To record a reg. asset for the"/>
    <s v=""/>
    <x v="13"/>
    <s v="TARIFF_CC"/>
    <s v="S"/>
    <s v="KY"/>
    <s v="999"/>
    <s v="974"/>
    <s v="S998569"/>
    <n v="12"/>
    <n v="2016"/>
  </r>
  <r>
    <s v="110"/>
    <d v="2016-12-31T00:00:00"/>
    <x v="1"/>
    <x v="0"/>
    <s v="99990"/>
    <s v="FANANDA"/>
    <n v="14987.22"/>
    <n v="0"/>
    <s v="Residential Sales-W/O Space Ht"/>
    <s v="SCP"/>
    <s v="FINAN"/>
    <s v="G0000110"/>
    <s v="N"/>
    <s v="To record a reg. asset for the"/>
    <s v=""/>
    <x v="13"/>
    <s v="TARIFF_CC"/>
    <s v="S"/>
    <s v="KY"/>
    <s v="999"/>
    <s v="974"/>
    <s v="S998569"/>
    <n v="12"/>
    <n v="2016"/>
  </r>
  <r>
    <s v="110"/>
    <d v="2016-12-31T00:00:00"/>
    <x v="4"/>
    <x v="0"/>
    <s v="99990"/>
    <s v="FANANDA"/>
    <n v="66041.98"/>
    <n v="0"/>
    <s v="RESIDENTIAL SALES-W/SPACE HTG"/>
    <s v="SCP"/>
    <s v="FINAN"/>
    <s v="G0000110"/>
    <s v="N"/>
    <s v="To record a reg. asset for the"/>
    <s v=""/>
    <x v="13"/>
    <s v="TARIFF_CC"/>
    <s v="S"/>
    <s v="KY"/>
    <s v="999"/>
    <s v="974"/>
    <s v="S998569"/>
    <n v="12"/>
    <n v="2016"/>
  </r>
  <r>
    <s v="110"/>
    <d v="2016-11-30T00:00:00"/>
    <x v="6"/>
    <x v="0"/>
    <s v="99990"/>
    <s v="FANANDA"/>
    <n v="-105.98"/>
    <n v="0"/>
    <s v="Public Street/Highway Lighting"/>
    <s v="SCP"/>
    <s v="FINAN"/>
    <s v="G0000110"/>
    <s v="N"/>
    <s v="To record a reg. asset for the"/>
    <s v=""/>
    <x v="13"/>
    <s v="TARIFF_CC"/>
    <s v="S"/>
    <s v="KY"/>
    <s v="999"/>
    <s v="974"/>
    <s v="S998569"/>
    <n v="11"/>
    <n v="2016"/>
  </r>
  <r>
    <s v="110"/>
    <d v="2016-11-30T00:00:00"/>
    <x v="5"/>
    <x v="0"/>
    <s v="99990"/>
    <s v="FANANDA"/>
    <n v="-256.27"/>
    <n v="0"/>
    <s v="Sales to Pub Auth - Ex Schools"/>
    <s v="SCP"/>
    <s v="FINAN"/>
    <s v="G0000110"/>
    <s v="N"/>
    <s v="To record a reg. asset for the"/>
    <s v=""/>
    <x v="13"/>
    <s v="TARIFF_CC"/>
    <s v="S"/>
    <s v="KY"/>
    <s v="999"/>
    <s v="974"/>
    <s v="S998569"/>
    <n v="11"/>
    <n v="2016"/>
  </r>
  <r>
    <s v="110"/>
    <d v="2016-11-30T00:00:00"/>
    <x v="7"/>
    <x v="0"/>
    <s v="99990"/>
    <s v="FANANDA"/>
    <n v="-304.33"/>
    <n v="0"/>
    <s v="Sales to Pub Auth - Schools"/>
    <s v="SCP"/>
    <s v="FINAN"/>
    <s v="G0000110"/>
    <s v="N"/>
    <s v="To record a reg. asset for the"/>
    <s v=""/>
    <x v="13"/>
    <s v="TARIFF_CC"/>
    <s v="S"/>
    <s v="KY"/>
    <s v="999"/>
    <s v="974"/>
    <s v="S998569"/>
    <n v="11"/>
    <n v="2016"/>
  </r>
  <r>
    <s v="110"/>
    <d v="2016-11-30T00:00:00"/>
    <x v="1"/>
    <x v="0"/>
    <s v="99990"/>
    <s v="FANANDA"/>
    <n v="-14516.5"/>
    <n v="0"/>
    <s v="Residential Sales-W/O Space Ht"/>
    <s v="SCP"/>
    <s v="FINAN"/>
    <s v="G0000110"/>
    <s v="N"/>
    <s v="To record a reg. asset for the"/>
    <s v=""/>
    <x v="13"/>
    <s v="TARIFF_CC"/>
    <s v="S"/>
    <s v="KY"/>
    <s v="999"/>
    <s v="974"/>
    <s v="S998569"/>
    <n v="11"/>
    <n v="2016"/>
  </r>
  <r>
    <s v="110"/>
    <d v="2016-11-30T00:00:00"/>
    <x v="4"/>
    <x v="0"/>
    <s v="99990"/>
    <s v="FANANDA"/>
    <n v="-33341.300000000003"/>
    <n v="0"/>
    <s v="RESIDENTIAL SALES-W/SPACE HTG"/>
    <s v="SCP"/>
    <s v="FINAN"/>
    <s v="G0000110"/>
    <s v="N"/>
    <s v="To record a reg. asset for the"/>
    <s v=""/>
    <x v="13"/>
    <s v="TARIFF_CC"/>
    <s v="S"/>
    <s v="KY"/>
    <s v="999"/>
    <s v="974"/>
    <s v="S998569"/>
    <n v="11"/>
    <n v="2016"/>
  </r>
  <r>
    <s v="110"/>
    <d v="2016-11-30T00:00:00"/>
    <x v="3"/>
    <x v="0"/>
    <s v="99990"/>
    <s v="FANANDA"/>
    <n v="-16038.83"/>
    <n v="0"/>
    <s v="Ind Sales-NonAffil(Incl Mines)"/>
    <s v="SCP"/>
    <s v="FINAN"/>
    <s v="G0000110"/>
    <s v="N"/>
    <s v="To record a reg. asset for the"/>
    <s v=""/>
    <x v="13"/>
    <s v="TARIFF_CC"/>
    <s v="S"/>
    <s v="KY"/>
    <s v="999"/>
    <s v="974"/>
    <s v="S998569"/>
    <n v="11"/>
    <n v="2016"/>
  </r>
  <r>
    <s v="110"/>
    <d v="2016-11-30T00:00:00"/>
    <x v="0"/>
    <x v="0"/>
    <s v="99990"/>
    <s v="FANANDA"/>
    <n v="10468.26"/>
    <n v="0"/>
    <s v="Industrial Sales (Excl Mines)"/>
    <s v="SCP"/>
    <s v="FINAN"/>
    <s v="G0000110"/>
    <s v="N"/>
    <s v="To record a reg. asset for the"/>
    <s v=""/>
    <x v="13"/>
    <s v="TARIFF_CC"/>
    <s v="S"/>
    <s v="KY"/>
    <s v="999"/>
    <s v="974"/>
    <s v="S998569"/>
    <n v="11"/>
    <n v="2016"/>
  </r>
  <r>
    <s v="110"/>
    <d v="2016-11-30T00:00:00"/>
    <x v="2"/>
    <x v="0"/>
    <s v="99990"/>
    <s v="FANANDA"/>
    <n v="-8077.81"/>
    <n v="0"/>
    <s v="Commercial Sales"/>
    <s v="SCP"/>
    <s v="FINAN"/>
    <s v="G0000110"/>
    <s v="N"/>
    <s v="To record a reg. asset for the"/>
    <s v=""/>
    <x v="13"/>
    <s v="TARIFF_CC"/>
    <s v="S"/>
    <s v="KY"/>
    <s v="999"/>
    <s v="974"/>
    <s v="S998569"/>
    <n v="11"/>
    <n v="2016"/>
  </r>
  <r>
    <s v="110"/>
    <d v="2016-10-31T00:00:00"/>
    <x v="5"/>
    <x v="0"/>
    <s v="99990"/>
    <s v="FANANDA"/>
    <n v="1711.94"/>
    <n v="0"/>
    <s v="Sales to Pub Auth - Ex Schools"/>
    <s v="SCP"/>
    <s v="FINAN"/>
    <s v="G0000110"/>
    <s v="N"/>
    <s v="To record a reg. asset for the"/>
    <s v=""/>
    <x v="13"/>
    <s v="TARIFF_CC"/>
    <s v="S"/>
    <s v="KY"/>
    <s v="999"/>
    <s v="974"/>
    <s v="S998569"/>
    <n v="10"/>
    <n v="2016"/>
  </r>
  <r>
    <s v="110"/>
    <d v="2016-10-31T00:00:00"/>
    <x v="0"/>
    <x v="0"/>
    <s v="99990"/>
    <s v="FANANDA"/>
    <n v="16332.2"/>
    <n v="0"/>
    <s v="Industrial Sales (Excl Mines)"/>
    <s v="SCP"/>
    <s v="FINAN"/>
    <s v="G0000110"/>
    <s v="N"/>
    <s v="To record a reg. asset for the"/>
    <s v=""/>
    <x v="13"/>
    <s v="TARIFF_CC"/>
    <s v="S"/>
    <s v="KY"/>
    <s v="999"/>
    <s v="974"/>
    <s v="S998569"/>
    <n v="10"/>
    <n v="2016"/>
  </r>
  <r>
    <s v="110"/>
    <d v="2016-10-31T00:00:00"/>
    <x v="4"/>
    <x v="0"/>
    <s v="99990"/>
    <s v="FANANDA"/>
    <n v="-30469.16"/>
    <n v="0"/>
    <s v="RESIDENTIAL SALES-W/SPACE HTG"/>
    <s v="SCP"/>
    <s v="FINAN"/>
    <s v="G0000110"/>
    <s v="N"/>
    <s v="To record a reg. asset for the"/>
    <s v=""/>
    <x v="13"/>
    <s v="TARIFF_CC"/>
    <s v="S"/>
    <s v="KY"/>
    <s v="999"/>
    <s v="974"/>
    <s v="S998569"/>
    <n v="10"/>
    <n v="2016"/>
  </r>
  <r>
    <s v="110"/>
    <d v="2016-10-31T00:00:00"/>
    <x v="2"/>
    <x v="0"/>
    <s v="99990"/>
    <s v="FANANDA"/>
    <n v="4418.9399999999996"/>
    <n v="0"/>
    <s v="Commercial Sales"/>
    <s v="SCP"/>
    <s v="FINAN"/>
    <s v="G0000110"/>
    <s v="N"/>
    <s v="To record a reg. asset for the"/>
    <s v=""/>
    <x v="13"/>
    <s v="TARIFF_CC"/>
    <s v="S"/>
    <s v="KY"/>
    <s v="999"/>
    <s v="974"/>
    <s v="S998569"/>
    <n v="10"/>
    <n v="2016"/>
  </r>
  <r>
    <s v="110"/>
    <d v="2016-10-31T00:00:00"/>
    <x v="6"/>
    <x v="0"/>
    <s v="99990"/>
    <s v="FANANDA"/>
    <n v="-197.31"/>
    <n v="0"/>
    <s v="Public Street/Highway Lighting"/>
    <s v="SCP"/>
    <s v="FINAN"/>
    <s v="G0000110"/>
    <s v="N"/>
    <s v="To record a reg. asset for the"/>
    <s v=""/>
    <x v="13"/>
    <s v="TARIFF_CC"/>
    <s v="S"/>
    <s v="KY"/>
    <s v="999"/>
    <s v="974"/>
    <s v="S998569"/>
    <n v="10"/>
    <n v="2016"/>
  </r>
  <r>
    <s v="110"/>
    <d v="2016-10-31T00:00:00"/>
    <x v="3"/>
    <x v="0"/>
    <s v="99990"/>
    <s v="FANANDA"/>
    <n v="-18862.080000000002"/>
    <n v="0"/>
    <s v="Ind Sales-NonAffil(Incl Mines)"/>
    <s v="SCP"/>
    <s v="FINAN"/>
    <s v="G0000110"/>
    <s v="N"/>
    <s v="To record a reg. asset for the"/>
    <s v=""/>
    <x v="13"/>
    <s v="TARIFF_CC"/>
    <s v="S"/>
    <s v="KY"/>
    <s v="999"/>
    <s v="974"/>
    <s v="S998569"/>
    <n v="10"/>
    <n v="2016"/>
  </r>
  <r>
    <s v="110"/>
    <d v="2016-10-31T00:00:00"/>
    <x v="7"/>
    <x v="0"/>
    <s v="99990"/>
    <s v="FANANDA"/>
    <n v="2238.16"/>
    <n v="0"/>
    <s v="Sales to Pub Auth - Schools"/>
    <s v="SCP"/>
    <s v="FINAN"/>
    <s v="G0000110"/>
    <s v="N"/>
    <s v="To record a reg. asset for the"/>
    <s v=""/>
    <x v="13"/>
    <s v="TARIFF_CC"/>
    <s v="S"/>
    <s v="KY"/>
    <s v="999"/>
    <s v="974"/>
    <s v="S998569"/>
    <n v="10"/>
    <n v="2016"/>
  </r>
  <r>
    <s v="110"/>
    <d v="2016-10-31T00:00:00"/>
    <x v="1"/>
    <x v="0"/>
    <s v="99990"/>
    <s v="FANANDA"/>
    <n v="-1799.21"/>
    <n v="0"/>
    <s v="Residential Sales-W/O Space Ht"/>
    <s v="SCP"/>
    <s v="FINAN"/>
    <s v="G0000110"/>
    <s v="N"/>
    <s v="To record a reg. asset for the"/>
    <s v=""/>
    <x v="13"/>
    <s v="TARIFF_CC"/>
    <s v="S"/>
    <s v="KY"/>
    <s v="999"/>
    <s v="974"/>
    <s v="S998569"/>
    <n v="10"/>
    <n v="2016"/>
  </r>
  <r>
    <s v="110"/>
    <d v="2016-09-30T00:00:00"/>
    <x v="3"/>
    <x v="0"/>
    <s v="99990"/>
    <s v="FANANDA"/>
    <n v="-19530.45"/>
    <n v="0"/>
    <s v="Ind Sales-NonAffil(Incl Mines)"/>
    <s v="SCP"/>
    <s v="FINAN"/>
    <s v="G0000110"/>
    <s v="N"/>
    <s v="To record a reg. asset for the"/>
    <s v=""/>
    <x v="13"/>
    <s v="TARIFF_CC"/>
    <s v="S"/>
    <s v="KY"/>
    <s v="999"/>
    <s v="974"/>
    <s v="S998569"/>
    <n v="9"/>
    <n v="2016"/>
  </r>
  <r>
    <s v="110"/>
    <d v="2016-09-30T00:00:00"/>
    <x v="7"/>
    <x v="0"/>
    <s v="99990"/>
    <s v="FANANDA"/>
    <n v="7141.32"/>
    <n v="0"/>
    <s v="Sales to Pub Auth - Schools"/>
    <s v="SCP"/>
    <s v="FINAN"/>
    <s v="G0000110"/>
    <s v="N"/>
    <s v="To record a reg. asset for the"/>
    <s v=""/>
    <x v="13"/>
    <s v="TARIFF_CC"/>
    <s v="S"/>
    <s v="KY"/>
    <s v="999"/>
    <s v="974"/>
    <s v="S998569"/>
    <n v="9"/>
    <n v="2016"/>
  </r>
  <r>
    <s v="110"/>
    <d v="2016-09-30T00:00:00"/>
    <x v="5"/>
    <x v="0"/>
    <s v="99990"/>
    <s v="FANANDA"/>
    <n v="4832.18"/>
    <n v="0"/>
    <s v="Sales to Pub Auth - Ex Schools"/>
    <s v="SCP"/>
    <s v="FINAN"/>
    <s v="G0000110"/>
    <s v="N"/>
    <s v="To record a reg. asset for the"/>
    <s v=""/>
    <x v="13"/>
    <s v="TARIFF_CC"/>
    <s v="S"/>
    <s v="KY"/>
    <s v="999"/>
    <s v="974"/>
    <s v="S998569"/>
    <n v="9"/>
    <n v="2016"/>
  </r>
  <r>
    <s v="110"/>
    <d v="2016-09-30T00:00:00"/>
    <x v="6"/>
    <x v="0"/>
    <s v="99990"/>
    <s v="FANANDA"/>
    <n v="-361.78"/>
    <n v="0"/>
    <s v="Public Street/Highway Lighting"/>
    <s v="SCP"/>
    <s v="FINAN"/>
    <s v="G0000110"/>
    <s v="N"/>
    <s v="To record a reg. asset for the"/>
    <s v=""/>
    <x v="13"/>
    <s v="TARIFF_CC"/>
    <s v="S"/>
    <s v="KY"/>
    <s v="999"/>
    <s v="974"/>
    <s v="S998569"/>
    <n v="9"/>
    <n v="2016"/>
  </r>
  <r>
    <s v="110"/>
    <d v="2016-09-30T00:00:00"/>
    <x v="4"/>
    <x v="0"/>
    <s v="99990"/>
    <s v="FANANDA"/>
    <n v="10661.74"/>
    <n v="0"/>
    <s v="RESIDENTIAL SALES-W/SPACE HTG"/>
    <s v="SCP"/>
    <s v="FINAN"/>
    <s v="G0000110"/>
    <s v="N"/>
    <s v="To record a reg. asset for the"/>
    <s v=""/>
    <x v="13"/>
    <s v="TARIFF_CC"/>
    <s v="S"/>
    <s v="KY"/>
    <s v="999"/>
    <s v="974"/>
    <s v="S998569"/>
    <n v="9"/>
    <n v="2016"/>
  </r>
  <r>
    <s v="110"/>
    <d v="2016-09-30T00:00:00"/>
    <x v="1"/>
    <x v="0"/>
    <s v="99990"/>
    <s v="FANANDA"/>
    <n v="25321.27"/>
    <n v="0"/>
    <s v="Residential Sales-W/O Space Ht"/>
    <s v="SCP"/>
    <s v="FINAN"/>
    <s v="G0000110"/>
    <s v="N"/>
    <s v="To record a reg. asset for the"/>
    <s v=""/>
    <x v="13"/>
    <s v="TARIFF_CC"/>
    <s v="S"/>
    <s v="KY"/>
    <s v="999"/>
    <s v="974"/>
    <s v="S998569"/>
    <n v="9"/>
    <n v="2016"/>
  </r>
  <r>
    <s v="110"/>
    <d v="2016-09-30T00:00:00"/>
    <x v="2"/>
    <x v="0"/>
    <s v="99990"/>
    <s v="FANANDA"/>
    <n v="21728.03"/>
    <n v="0"/>
    <s v="Commercial Sales"/>
    <s v="SCP"/>
    <s v="FINAN"/>
    <s v="G0000110"/>
    <s v="N"/>
    <s v="To record a reg. asset for the"/>
    <s v=""/>
    <x v="13"/>
    <s v="TARIFF_CC"/>
    <s v="S"/>
    <s v="KY"/>
    <s v="999"/>
    <s v="974"/>
    <s v="S998569"/>
    <n v="9"/>
    <n v="2016"/>
  </r>
  <r>
    <s v="110"/>
    <d v="2016-09-30T00:00:00"/>
    <x v="0"/>
    <x v="0"/>
    <s v="99990"/>
    <s v="FANANDA"/>
    <n v="21173.52"/>
    <n v="0"/>
    <s v="Industrial Sales (Excl Mines)"/>
    <s v="SCP"/>
    <s v="FINAN"/>
    <s v="G0000110"/>
    <s v="N"/>
    <s v="To record a reg. asset for the"/>
    <s v=""/>
    <x v="13"/>
    <s v="TARIFF_CC"/>
    <s v="S"/>
    <s v="KY"/>
    <s v="999"/>
    <s v="974"/>
    <s v="S998569"/>
    <n v="9"/>
    <n v="2016"/>
  </r>
  <r>
    <s v="110"/>
    <d v="2016-08-31T00:00:00"/>
    <x v="5"/>
    <x v="0"/>
    <s v="99990"/>
    <s v="FANANDA"/>
    <n v="1982.8"/>
    <n v="0"/>
    <s v="Sales to Pub Auth - Ex Schools"/>
    <s v="SCP"/>
    <s v="FINAN"/>
    <s v="G0000110"/>
    <s v="N"/>
    <s v="To record a reg. asset for the"/>
    <s v=""/>
    <x v="13"/>
    <s v="TARIFF_CC"/>
    <s v="S"/>
    <s v="KY"/>
    <s v="999"/>
    <s v="974"/>
    <s v="S998569"/>
    <n v="8"/>
    <n v="2016"/>
  </r>
  <r>
    <s v="110"/>
    <d v="2016-08-31T00:00:00"/>
    <x v="0"/>
    <x v="0"/>
    <s v="99990"/>
    <s v="FANANDA"/>
    <n v="68811.66"/>
    <n v="0"/>
    <s v="Industrial Sales (Excl Mines)"/>
    <s v="SCP"/>
    <s v="FINAN"/>
    <s v="G0000110"/>
    <s v="N"/>
    <s v="To record a reg. asset for the"/>
    <s v=""/>
    <x v="13"/>
    <s v="TARIFF_CC"/>
    <s v="S"/>
    <s v="KY"/>
    <s v="999"/>
    <s v="974"/>
    <s v="S998569"/>
    <n v="8"/>
    <n v="2016"/>
  </r>
  <r>
    <s v="110"/>
    <d v="2016-08-31T00:00:00"/>
    <x v="2"/>
    <x v="0"/>
    <s v="99990"/>
    <s v="FANANDA"/>
    <n v="8931.65"/>
    <n v="0"/>
    <s v="Commercial Sales"/>
    <s v="SCP"/>
    <s v="FINAN"/>
    <s v="G0000110"/>
    <s v="N"/>
    <s v="To record a reg. asset for the"/>
    <s v=""/>
    <x v="13"/>
    <s v="TARIFF_CC"/>
    <s v="S"/>
    <s v="KY"/>
    <s v="999"/>
    <s v="974"/>
    <s v="S998569"/>
    <n v="8"/>
    <n v="2016"/>
  </r>
  <r>
    <s v="110"/>
    <d v="2016-08-31T00:00:00"/>
    <x v="1"/>
    <x v="0"/>
    <s v="99990"/>
    <s v="FANANDA"/>
    <n v="18923.560000000001"/>
    <n v="0"/>
    <s v="Residential Sales-W/O Space Ht"/>
    <s v="SCP"/>
    <s v="FINAN"/>
    <s v="G0000110"/>
    <s v="N"/>
    <s v="To record a reg. asset for the"/>
    <s v=""/>
    <x v="13"/>
    <s v="TARIFF_CC"/>
    <s v="S"/>
    <s v="KY"/>
    <s v="999"/>
    <s v="974"/>
    <s v="S998569"/>
    <n v="8"/>
    <n v="2016"/>
  </r>
  <r>
    <s v="110"/>
    <d v="2016-08-31T00:00:00"/>
    <x v="4"/>
    <x v="0"/>
    <s v="99990"/>
    <s v="FANANDA"/>
    <n v="756.36"/>
    <n v="0"/>
    <s v="RESIDENTIAL SALES-W/SPACE HTG"/>
    <s v="SCP"/>
    <s v="FINAN"/>
    <s v="G0000110"/>
    <s v="N"/>
    <s v="To record a reg. asset for the"/>
    <s v=""/>
    <x v="13"/>
    <s v="TARIFF_CC"/>
    <s v="S"/>
    <s v="KY"/>
    <s v="999"/>
    <s v="974"/>
    <s v="S998569"/>
    <n v="8"/>
    <n v="2016"/>
  </r>
  <r>
    <s v="110"/>
    <d v="2016-08-31T00:00:00"/>
    <x v="6"/>
    <x v="0"/>
    <s v="99990"/>
    <s v="FANANDA"/>
    <n v="-518.98"/>
    <n v="0"/>
    <s v="Public Street/Highway Lighting"/>
    <s v="SCP"/>
    <s v="FINAN"/>
    <s v="G0000110"/>
    <s v="N"/>
    <s v="To record a reg. asset for the"/>
    <s v=""/>
    <x v="13"/>
    <s v="TARIFF_CC"/>
    <s v="S"/>
    <s v="KY"/>
    <s v="999"/>
    <s v="974"/>
    <s v="S998569"/>
    <n v="8"/>
    <n v="2016"/>
  </r>
  <r>
    <s v="110"/>
    <d v="2016-08-31T00:00:00"/>
    <x v="3"/>
    <x v="0"/>
    <s v="99990"/>
    <s v="FANANDA"/>
    <n v="-21554.38"/>
    <n v="0"/>
    <s v="Ind Sales-NonAffil(Incl Mines)"/>
    <s v="SCP"/>
    <s v="FINAN"/>
    <s v="G0000110"/>
    <s v="N"/>
    <s v="To record a reg. asset for the"/>
    <s v=""/>
    <x v="13"/>
    <s v="TARIFF_CC"/>
    <s v="S"/>
    <s v="KY"/>
    <s v="999"/>
    <s v="974"/>
    <s v="S998569"/>
    <n v="8"/>
    <n v="2016"/>
  </r>
  <r>
    <s v="110"/>
    <d v="2016-08-31T00:00:00"/>
    <x v="7"/>
    <x v="0"/>
    <s v="99990"/>
    <s v="FANANDA"/>
    <n v="443.53"/>
    <n v="0"/>
    <s v="Sales to Pub Auth - Schools"/>
    <s v="SCP"/>
    <s v="FINAN"/>
    <s v="G0000110"/>
    <s v="N"/>
    <s v="To record a reg. asset for the"/>
    <s v=""/>
    <x v="13"/>
    <s v="TARIFF_CC"/>
    <s v="S"/>
    <s v="KY"/>
    <s v="999"/>
    <s v="974"/>
    <s v="S998569"/>
    <n v="8"/>
    <n v="2016"/>
  </r>
  <r>
    <s v="110"/>
    <d v="2016-07-31T00:00:00"/>
    <x v="7"/>
    <x v="0"/>
    <s v="99990"/>
    <s v="FANANDA"/>
    <n v="-3931.28"/>
    <n v="0"/>
    <s v="Sales to Pub Auth - Schools"/>
    <s v="SCP"/>
    <s v="FINAN"/>
    <s v="G0000110"/>
    <s v="N"/>
    <s v="To record a reg. asset for the"/>
    <s v=""/>
    <x v="13"/>
    <s v="TARIFF_CC"/>
    <s v="S"/>
    <s v="KY"/>
    <s v="999"/>
    <s v="974"/>
    <s v="S998569"/>
    <n v="7"/>
    <n v="2016"/>
  </r>
  <r>
    <s v="110"/>
    <d v="2016-07-31T00:00:00"/>
    <x v="3"/>
    <x v="0"/>
    <s v="99990"/>
    <s v="FANANDA"/>
    <n v="-24340.04"/>
    <n v="0"/>
    <s v="Ind Sales-NonAffil(Incl Mines)"/>
    <s v="SCP"/>
    <s v="FINAN"/>
    <s v="G0000110"/>
    <s v="N"/>
    <s v="To record a reg. asset for the"/>
    <s v=""/>
    <x v="13"/>
    <s v="TARIFF_CC"/>
    <s v="S"/>
    <s v="KY"/>
    <s v="999"/>
    <s v="974"/>
    <s v="S998569"/>
    <n v="7"/>
    <n v="2016"/>
  </r>
  <r>
    <s v="110"/>
    <d v="2016-07-31T00:00:00"/>
    <x v="0"/>
    <x v="0"/>
    <s v="99990"/>
    <s v="FANANDA"/>
    <n v="-3995.25"/>
    <n v="0"/>
    <s v="Industrial Sales (Excl Mines)"/>
    <s v="SCP"/>
    <s v="FINAN"/>
    <s v="G0000110"/>
    <s v="N"/>
    <s v="To record a reg. asset for the"/>
    <s v=""/>
    <x v="13"/>
    <s v="TARIFF_CC"/>
    <s v="S"/>
    <s v="KY"/>
    <s v="999"/>
    <s v="974"/>
    <s v="S998569"/>
    <n v="7"/>
    <n v="2016"/>
  </r>
  <r>
    <s v="110"/>
    <d v="2016-07-31T00:00:00"/>
    <x v="2"/>
    <x v="0"/>
    <s v="99990"/>
    <s v="FANANDA"/>
    <n v="-4390.2299999999996"/>
    <n v="0"/>
    <s v="Commercial Sales"/>
    <s v="SCP"/>
    <s v="FINAN"/>
    <s v="G0000110"/>
    <s v="N"/>
    <s v="To record a reg. asset for the"/>
    <s v=""/>
    <x v="13"/>
    <s v="TARIFF_CC"/>
    <s v="S"/>
    <s v="KY"/>
    <s v="999"/>
    <s v="974"/>
    <s v="S998569"/>
    <n v="7"/>
    <n v="2016"/>
  </r>
  <r>
    <s v="110"/>
    <d v="2016-07-31T00:00:00"/>
    <x v="1"/>
    <x v="0"/>
    <s v="99990"/>
    <s v="FANANDA"/>
    <n v="2103.1799999999998"/>
    <n v="0"/>
    <s v="Residential Sales-W/O Space Ht"/>
    <s v="SCP"/>
    <s v="FINAN"/>
    <s v="G0000110"/>
    <s v="N"/>
    <s v="To record a reg. asset for the"/>
    <s v=""/>
    <x v="13"/>
    <s v="TARIFF_CC"/>
    <s v="S"/>
    <s v="KY"/>
    <s v="999"/>
    <s v="974"/>
    <s v="S998569"/>
    <n v="7"/>
    <n v="2016"/>
  </r>
  <r>
    <s v="110"/>
    <d v="2016-07-31T00:00:00"/>
    <x v="4"/>
    <x v="0"/>
    <s v="99990"/>
    <s v="FANANDA"/>
    <n v="-26249.4"/>
    <n v="0"/>
    <s v="RESIDENTIAL SALES-W/SPACE HTG"/>
    <s v="SCP"/>
    <s v="FINAN"/>
    <s v="G0000110"/>
    <s v="N"/>
    <s v="To record a reg. asset for the"/>
    <s v=""/>
    <x v="13"/>
    <s v="TARIFF_CC"/>
    <s v="S"/>
    <s v="KY"/>
    <s v="999"/>
    <s v="974"/>
    <s v="S998569"/>
    <n v="7"/>
    <n v="2016"/>
  </r>
  <r>
    <s v="110"/>
    <d v="2016-07-31T00:00:00"/>
    <x v="6"/>
    <x v="0"/>
    <s v="99990"/>
    <s v="FANANDA"/>
    <n v="-811.13"/>
    <n v="0"/>
    <s v="Public Street/Highway Lighting"/>
    <s v="SCP"/>
    <s v="FINAN"/>
    <s v="G0000110"/>
    <s v="N"/>
    <s v="To record a reg. asset for the"/>
    <s v=""/>
    <x v="13"/>
    <s v="TARIFF_CC"/>
    <s v="S"/>
    <s v="KY"/>
    <s v="999"/>
    <s v="974"/>
    <s v="S998569"/>
    <n v="7"/>
    <n v="2016"/>
  </r>
  <r>
    <s v="110"/>
    <d v="2016-07-31T00:00:00"/>
    <x v="5"/>
    <x v="0"/>
    <s v="99990"/>
    <s v="FANANDA"/>
    <n v="-245.02"/>
    <n v="0"/>
    <s v="Sales to Pub Auth - Ex Schools"/>
    <s v="SCP"/>
    <s v="FINAN"/>
    <s v="G0000110"/>
    <s v="N"/>
    <s v="To record a reg. asset for the"/>
    <s v=""/>
    <x v="13"/>
    <s v="TARIFF_CC"/>
    <s v="S"/>
    <s v="KY"/>
    <s v="999"/>
    <s v="974"/>
    <s v="S998569"/>
    <n v="7"/>
    <n v="2016"/>
  </r>
  <r>
    <s v="110"/>
    <d v="2016-06-30T00:00:00"/>
    <x v="1"/>
    <x v="0"/>
    <s v="99990"/>
    <s v="FANANDA"/>
    <n v="-83958.99"/>
    <n v="0"/>
    <s v="Residential Sales-W/O Space Ht"/>
    <s v="PNL"/>
    <s v="FINAN"/>
    <s v="G0000110"/>
    <s v="N"/>
    <s v="To record reg. asset for the d"/>
    <s v=""/>
    <x v="14"/>
    <s v="TARIFF_CC"/>
    <s v="S"/>
    <s v="KY"/>
    <s v="999"/>
    <s v="974"/>
    <s v="S998569"/>
    <n v="6"/>
    <n v="2016"/>
  </r>
  <r>
    <s v="110"/>
    <d v="2016-06-30T00:00:00"/>
    <x v="2"/>
    <x v="0"/>
    <s v="99990"/>
    <s v="FANANDA"/>
    <n v="-132799.82"/>
    <n v="0"/>
    <s v="Commercial Sales"/>
    <s v="PNL"/>
    <s v="FINAN"/>
    <s v="G0000110"/>
    <s v="N"/>
    <s v="To record reg. asset for the d"/>
    <s v=""/>
    <x v="14"/>
    <s v="TARIFF_CC"/>
    <s v="S"/>
    <s v="KY"/>
    <s v="999"/>
    <s v="974"/>
    <s v="S998569"/>
    <n v="6"/>
    <n v="2016"/>
  </r>
  <r>
    <s v="110"/>
    <d v="2016-06-30T00:00:00"/>
    <x v="4"/>
    <x v="0"/>
    <s v="99990"/>
    <s v="FANANDA"/>
    <n v="-155504.74"/>
    <n v="0"/>
    <s v="RESIDENTIAL SALES-W/SPACE HTG"/>
    <s v="PNL"/>
    <s v="FINAN"/>
    <s v="G0000110"/>
    <s v="N"/>
    <s v="To record reg. asset for the d"/>
    <s v=""/>
    <x v="14"/>
    <s v="TARIFF_CC"/>
    <s v="S"/>
    <s v="KY"/>
    <s v="999"/>
    <s v="974"/>
    <s v="S998569"/>
    <n v="6"/>
    <n v="2016"/>
  </r>
  <r>
    <s v="110"/>
    <d v="2016-06-30T00:00:00"/>
    <x v="0"/>
    <x v="0"/>
    <s v="99990"/>
    <s v="FANANDA"/>
    <n v="68540.19"/>
    <n v="0"/>
    <s v="Industrial Sales (Excl Mines)"/>
    <s v="PNL"/>
    <s v="FINAN"/>
    <s v="G0000110"/>
    <s v="N"/>
    <s v="To record reg. asset for the d"/>
    <s v=""/>
    <x v="14"/>
    <s v="TARIFF_CC"/>
    <s v="S"/>
    <s v="KY"/>
    <s v="999"/>
    <s v="974"/>
    <s v="S998569"/>
    <n v="6"/>
    <n v="2016"/>
  </r>
  <r>
    <s v="110"/>
    <d v="2016-06-30T00:00:00"/>
    <x v="5"/>
    <x v="0"/>
    <s v="99990"/>
    <s v="FANANDA"/>
    <n v="-16195.99"/>
    <n v="0"/>
    <s v="Sales to Pub Auth - Ex Schools"/>
    <s v="PNL"/>
    <s v="FINAN"/>
    <s v="G0000110"/>
    <s v="N"/>
    <s v="To record reg. asset for the d"/>
    <s v=""/>
    <x v="14"/>
    <s v="TARIFF_CC"/>
    <s v="S"/>
    <s v="KY"/>
    <s v="999"/>
    <s v="974"/>
    <s v="S998569"/>
    <n v="6"/>
    <n v="2016"/>
  </r>
  <r>
    <s v="110"/>
    <d v="2016-06-30T00:00:00"/>
    <x v="7"/>
    <x v="0"/>
    <s v="99990"/>
    <s v="FANANDA"/>
    <n v="-20595.66"/>
    <n v="0"/>
    <s v="Sales to Pub Auth - Schools"/>
    <s v="PNL"/>
    <s v="FINAN"/>
    <s v="G0000110"/>
    <s v="N"/>
    <s v="To record reg. asset for the d"/>
    <s v=""/>
    <x v="14"/>
    <s v="TARIFF_CC"/>
    <s v="S"/>
    <s v="KY"/>
    <s v="999"/>
    <s v="974"/>
    <s v="S998569"/>
    <n v="6"/>
    <n v="2016"/>
  </r>
  <r>
    <s v="110"/>
    <d v="2016-06-30T00:00:00"/>
    <x v="3"/>
    <x v="0"/>
    <s v="99990"/>
    <s v="FANANDA"/>
    <n v="-159385.76"/>
    <n v="0"/>
    <s v="Ind Sales-NonAffil(Incl Mines)"/>
    <s v="PNL"/>
    <s v="FINAN"/>
    <s v="G0000110"/>
    <s v="N"/>
    <s v="To record reg. asset for the d"/>
    <s v=""/>
    <x v="14"/>
    <s v="TARIFF_CC"/>
    <s v="S"/>
    <s v="KY"/>
    <s v="999"/>
    <s v="974"/>
    <s v="S998569"/>
    <n v="6"/>
    <n v="2016"/>
  </r>
  <r>
    <s v="110"/>
    <d v="2016-06-30T00:00:00"/>
    <x v="6"/>
    <x v="0"/>
    <s v="99990"/>
    <s v="FANANDA"/>
    <n v="-5573.51"/>
    <n v="0"/>
    <s v="Public Street/Highway Lighting"/>
    <s v="PNL"/>
    <s v="FINAN"/>
    <s v="G0000110"/>
    <s v="N"/>
    <s v="To record reg. asset for the d"/>
    <s v=""/>
    <x v="14"/>
    <s v="TARIFF_CC"/>
    <s v="S"/>
    <s v="KY"/>
    <s v="999"/>
    <s v="974"/>
    <s v="S998569"/>
    <n v="6"/>
    <n v="2016"/>
  </r>
  <r>
    <s v="110"/>
    <d v="2016-06-29T00:00:00"/>
    <x v="2"/>
    <x v="0"/>
    <s v="99990"/>
    <s v="FANANDA"/>
    <n v="-13655.24"/>
    <n v="0"/>
    <s v="Commercial Sales"/>
    <s v="SCP"/>
    <s v="FINAN"/>
    <s v="G0000110"/>
    <s v="N"/>
    <s v="To record a reg. asset for the"/>
    <s v=""/>
    <x v="13"/>
    <s v="TARIFF_CC"/>
    <s v="S"/>
    <s v="KY"/>
    <s v="999"/>
    <s v="974"/>
    <s v="S998569"/>
    <n v="6"/>
    <n v="2016"/>
  </r>
  <r>
    <s v="110"/>
    <d v="2016-06-29T00:00:00"/>
    <x v="0"/>
    <x v="0"/>
    <s v="99990"/>
    <s v="FANANDA"/>
    <n v="8757"/>
    <n v="0"/>
    <s v="Industrial Sales (Excl Mines)"/>
    <s v="SCP"/>
    <s v="FINAN"/>
    <s v="G0000110"/>
    <s v="N"/>
    <s v="To record a reg. asset for the"/>
    <s v=""/>
    <x v="13"/>
    <s v="TARIFF_CC"/>
    <s v="S"/>
    <s v="KY"/>
    <s v="999"/>
    <s v="974"/>
    <s v="S998569"/>
    <n v="6"/>
    <n v="2016"/>
  </r>
  <r>
    <s v="110"/>
    <d v="2016-06-29T00:00:00"/>
    <x v="4"/>
    <x v="0"/>
    <s v="99990"/>
    <s v="FANANDA"/>
    <n v="-47466.06"/>
    <n v="0"/>
    <s v="RESIDENTIAL SALES-W/SPACE HTG"/>
    <s v="SCP"/>
    <s v="FINAN"/>
    <s v="G0000110"/>
    <s v="N"/>
    <s v="To record a reg. asset for the"/>
    <s v=""/>
    <x v="13"/>
    <s v="TARIFF_CC"/>
    <s v="S"/>
    <s v="KY"/>
    <s v="999"/>
    <s v="974"/>
    <s v="S998569"/>
    <n v="6"/>
    <n v="2016"/>
  </r>
  <r>
    <s v="110"/>
    <d v="2016-06-29T00:00:00"/>
    <x v="6"/>
    <x v="0"/>
    <s v="99990"/>
    <s v="FANANDA"/>
    <n v="-850.75"/>
    <n v="0"/>
    <s v="Public Street/Highway Lighting"/>
    <s v="SCP"/>
    <s v="FINAN"/>
    <s v="G0000110"/>
    <s v="N"/>
    <s v="To record a reg. asset for the"/>
    <s v=""/>
    <x v="13"/>
    <s v="TARIFF_CC"/>
    <s v="S"/>
    <s v="KY"/>
    <s v="999"/>
    <s v="974"/>
    <s v="S998569"/>
    <n v="6"/>
    <n v="2016"/>
  </r>
  <r>
    <s v="110"/>
    <d v="2016-06-29T00:00:00"/>
    <x v="5"/>
    <x v="0"/>
    <s v="99990"/>
    <s v="FANANDA"/>
    <n v="-1759.05"/>
    <n v="0"/>
    <s v="Sales to Pub Auth - Ex Schools"/>
    <s v="SCP"/>
    <s v="FINAN"/>
    <s v="G0000110"/>
    <s v="N"/>
    <s v="To record a reg. asset for the"/>
    <s v=""/>
    <x v="13"/>
    <s v="TARIFF_CC"/>
    <s v="S"/>
    <s v="KY"/>
    <s v="999"/>
    <s v="974"/>
    <s v="S998569"/>
    <n v="6"/>
    <n v="2016"/>
  </r>
  <r>
    <s v="110"/>
    <d v="2016-06-29T00:00:00"/>
    <x v="1"/>
    <x v="0"/>
    <s v="99990"/>
    <s v="FANANDA"/>
    <n v="-13259.69"/>
    <n v="0"/>
    <s v="Residential Sales-W/O Space Ht"/>
    <s v="SCP"/>
    <s v="FINAN"/>
    <s v="G0000110"/>
    <s v="N"/>
    <s v="To record a reg. asset for the"/>
    <s v=""/>
    <x v="13"/>
    <s v="TARIFF_CC"/>
    <s v="S"/>
    <s v="KY"/>
    <s v="999"/>
    <s v="974"/>
    <s v="S998569"/>
    <n v="6"/>
    <n v="2016"/>
  </r>
  <r>
    <s v="110"/>
    <d v="2016-06-29T00:00:00"/>
    <x v="7"/>
    <x v="0"/>
    <s v="99990"/>
    <s v="FANANDA"/>
    <n v="-3366.9"/>
    <n v="0"/>
    <s v="Sales to Pub Auth - Schools"/>
    <s v="SCP"/>
    <s v="FINAN"/>
    <s v="G0000110"/>
    <s v="N"/>
    <s v="To record a reg. asset for the"/>
    <s v=""/>
    <x v="13"/>
    <s v="TARIFF_CC"/>
    <s v="S"/>
    <s v="KY"/>
    <s v="999"/>
    <s v="974"/>
    <s v="S998569"/>
    <n v="6"/>
    <n v="2016"/>
  </r>
  <r>
    <s v="110"/>
    <d v="2016-06-29T00:00:00"/>
    <x v="3"/>
    <x v="0"/>
    <s v="99990"/>
    <s v="FANANDA"/>
    <n v="-22119.53"/>
    <n v="0"/>
    <s v="Ind Sales-NonAffil(Incl Mines)"/>
    <s v="SCP"/>
    <s v="FINAN"/>
    <s v="G0000110"/>
    <s v="N"/>
    <s v="To record a reg. asset for the"/>
    <s v=""/>
    <x v="13"/>
    <s v="TARIFF_CC"/>
    <s v="S"/>
    <s v="KY"/>
    <s v="999"/>
    <s v="974"/>
    <s v="S998569"/>
    <n v="6"/>
    <n v="2016"/>
  </r>
  <r>
    <s v="110"/>
    <d v="2016-06-27T00:00:00"/>
    <x v="1"/>
    <x v="1"/>
    <s v="99990"/>
    <s v="FANANDA"/>
    <n v="-15087.09"/>
    <n v="0"/>
    <s v="Residential Sales-W/O Space Ht"/>
    <s v="NVS"/>
    <s v="FINAN"/>
    <s v="G0000110"/>
    <s v="N"/>
    <s v="To record reg. asset for the d"/>
    <s v=""/>
    <x v="15"/>
    <s v="TARIFF_CC"/>
    <s v="S"/>
    <s v="KY"/>
    <s v="999"/>
    <s v="974"/>
    <s v="S206964"/>
    <n v="6"/>
    <n v="2016"/>
  </r>
  <r>
    <s v="110"/>
    <d v="2016-06-27T00:00:00"/>
    <x v="6"/>
    <x v="1"/>
    <s v="99990"/>
    <s v="FANANDA"/>
    <n v="1309.72"/>
    <n v="0"/>
    <s v="Public Street/Highway Lighting"/>
    <s v="NVS"/>
    <s v="FINAN"/>
    <s v="G0000110"/>
    <s v="N"/>
    <s v="To record reg. asset for the d"/>
    <s v=""/>
    <x v="15"/>
    <s v="TARIFF_CC"/>
    <s v="S"/>
    <s v="KY"/>
    <s v="999"/>
    <s v="974"/>
    <s v="S206964"/>
    <n v="6"/>
    <n v="2016"/>
  </r>
  <r>
    <s v="110"/>
    <d v="2016-06-27T00:00:00"/>
    <x v="0"/>
    <x v="1"/>
    <s v="99990"/>
    <s v="FANANDA"/>
    <n v="-7565.17"/>
    <n v="0"/>
    <s v="Industrial Sales (Excl Mines)"/>
    <s v="NVS"/>
    <s v="FINAN"/>
    <s v="G0000110"/>
    <s v="N"/>
    <s v="To record reg. asset for the d"/>
    <s v=""/>
    <x v="15"/>
    <s v="TARIFF_CC"/>
    <s v="S"/>
    <s v="KY"/>
    <s v="999"/>
    <s v="974"/>
    <s v="S206964"/>
    <n v="6"/>
    <n v="2016"/>
  </r>
  <r>
    <s v="110"/>
    <d v="2016-06-27T00:00:00"/>
    <x v="3"/>
    <x v="1"/>
    <s v="99990"/>
    <s v="FANANDA"/>
    <n v="41958.89"/>
    <n v="0"/>
    <s v="Ind Sales-NonAffil(Incl Mines)"/>
    <s v="NVS"/>
    <s v="FINAN"/>
    <s v="G0000110"/>
    <s v="N"/>
    <s v="To record reg. asset for the d"/>
    <s v=""/>
    <x v="15"/>
    <s v="TARIFF_CC"/>
    <s v="S"/>
    <s v="KY"/>
    <s v="999"/>
    <s v="974"/>
    <s v="S206964"/>
    <n v="6"/>
    <n v="2016"/>
  </r>
  <r>
    <s v="110"/>
    <d v="2016-06-27T00:00:00"/>
    <x v="4"/>
    <x v="1"/>
    <s v="99990"/>
    <s v="FANANDA"/>
    <n v="-150342.73000000001"/>
    <n v="0"/>
    <s v="RESIDENTIAL SALES-W/SPACE HTG"/>
    <s v="NVS"/>
    <s v="FINAN"/>
    <s v="G0000110"/>
    <s v="N"/>
    <s v="To record reg. asset for the d"/>
    <s v=""/>
    <x v="15"/>
    <s v="TARIFF_CC"/>
    <s v="S"/>
    <s v="KY"/>
    <s v="999"/>
    <s v="974"/>
    <s v="S206964"/>
    <n v="6"/>
    <n v="2016"/>
  </r>
  <r>
    <s v="110"/>
    <d v="2016-06-27T00:00:00"/>
    <x v="5"/>
    <x v="1"/>
    <s v="99990"/>
    <s v="FANANDA"/>
    <n v="78.31"/>
    <n v="0"/>
    <s v="Sales to Pub Auth - Ex Schools"/>
    <s v="NVS"/>
    <s v="FINAN"/>
    <s v="G0000110"/>
    <s v="N"/>
    <s v="To record reg. asset for the d"/>
    <s v=""/>
    <x v="15"/>
    <s v="TARIFF_CC"/>
    <s v="S"/>
    <s v="KY"/>
    <s v="999"/>
    <s v="974"/>
    <s v="S206964"/>
    <n v="6"/>
    <n v="2016"/>
  </r>
  <r>
    <s v="110"/>
    <d v="2016-06-27T00:00:00"/>
    <x v="7"/>
    <x v="1"/>
    <s v="99990"/>
    <s v="FANANDA"/>
    <n v="-449.25"/>
    <n v="0"/>
    <s v="Sales to Pub Auth - Schools"/>
    <s v="NVS"/>
    <s v="FINAN"/>
    <s v="G0000110"/>
    <s v="N"/>
    <s v="To record reg. asset for the d"/>
    <s v=""/>
    <x v="15"/>
    <s v="TARIFF_CC"/>
    <s v="S"/>
    <s v="KY"/>
    <s v="999"/>
    <s v="974"/>
    <s v="S206964"/>
    <n v="6"/>
    <n v="2016"/>
  </r>
  <r>
    <s v="110"/>
    <d v="2016-06-27T00:00:00"/>
    <x v="2"/>
    <x v="1"/>
    <s v="99990"/>
    <s v="FANANDA"/>
    <n v="14228.54"/>
    <n v="0"/>
    <s v="Commercial Sales"/>
    <s v="NVS"/>
    <s v="FINAN"/>
    <s v="G0000110"/>
    <s v="N"/>
    <s v="To record reg. asset for the d"/>
    <s v=""/>
    <x v="15"/>
    <s v="TARIFF_CC"/>
    <s v="S"/>
    <s v="KY"/>
    <s v="999"/>
    <s v="974"/>
    <s v="S206964"/>
    <n v="6"/>
    <n v="2016"/>
  </r>
  <r>
    <s v="110"/>
    <d v="2016-06-25T00:00:00"/>
    <x v="2"/>
    <x v="1"/>
    <s v="99990"/>
    <s v="FANANDA"/>
    <n v="54002.879999999997"/>
    <n v="0"/>
    <s v="Commercial Sales"/>
    <s v="NVS"/>
    <s v="FINAN"/>
    <s v="G0000110"/>
    <s v="N"/>
    <s v="To record reg. asset for the d"/>
    <s v=""/>
    <x v="16"/>
    <s v="TARIFF_CC"/>
    <s v="S"/>
    <s v="KY"/>
    <s v="999"/>
    <s v="974"/>
    <s v="S206964"/>
    <n v="6"/>
    <n v="2016"/>
  </r>
  <r>
    <s v="110"/>
    <d v="2016-06-25T00:00:00"/>
    <x v="1"/>
    <x v="1"/>
    <s v="99990"/>
    <s v="FANANDA"/>
    <n v="48003.51"/>
    <n v="0"/>
    <s v="Residential Sales-W/O Space Ht"/>
    <s v="NVS"/>
    <s v="FINAN"/>
    <s v="G0000110"/>
    <s v="N"/>
    <s v="To record reg. asset for the d"/>
    <s v=""/>
    <x v="16"/>
    <s v="TARIFF_CC"/>
    <s v="S"/>
    <s v="KY"/>
    <s v="999"/>
    <s v="974"/>
    <s v="S206964"/>
    <n v="6"/>
    <n v="2016"/>
  </r>
  <r>
    <s v="110"/>
    <d v="2016-06-25T00:00:00"/>
    <x v="4"/>
    <x v="1"/>
    <s v="99990"/>
    <s v="FANANDA"/>
    <n v="106517.05"/>
    <n v="0"/>
    <s v="RESIDENTIAL SALES-W/SPACE HTG"/>
    <s v="NVS"/>
    <s v="FINAN"/>
    <s v="G0000110"/>
    <s v="N"/>
    <s v="To record reg. asset for the d"/>
    <s v=""/>
    <x v="16"/>
    <s v="TARIFF_CC"/>
    <s v="S"/>
    <s v="KY"/>
    <s v="999"/>
    <s v="974"/>
    <s v="S206964"/>
    <n v="6"/>
    <n v="2016"/>
  </r>
  <r>
    <s v="110"/>
    <d v="2016-06-25T00:00:00"/>
    <x v="3"/>
    <x v="1"/>
    <s v="99990"/>
    <s v="FANANDA"/>
    <n v="41105.18"/>
    <n v="0"/>
    <s v="Ind Sales-NonAffil(Incl Mines)"/>
    <s v="NVS"/>
    <s v="FINAN"/>
    <s v="G0000110"/>
    <s v="N"/>
    <s v="To record reg. asset for the d"/>
    <s v=""/>
    <x v="16"/>
    <s v="TARIFF_CC"/>
    <s v="S"/>
    <s v="KY"/>
    <s v="999"/>
    <s v="974"/>
    <s v="S206964"/>
    <n v="6"/>
    <n v="2016"/>
  </r>
  <r>
    <s v="110"/>
    <d v="2016-06-25T00:00:00"/>
    <x v="6"/>
    <x v="1"/>
    <s v="99990"/>
    <s v="FANANDA"/>
    <n v="1162.8399999999999"/>
    <n v="0"/>
    <s v="Public Street/Highway Lighting"/>
    <s v="NVS"/>
    <s v="FINAN"/>
    <s v="G0000110"/>
    <s v="N"/>
    <s v="To record reg. asset for the d"/>
    <s v=""/>
    <x v="16"/>
    <s v="TARIFF_CC"/>
    <s v="S"/>
    <s v="KY"/>
    <s v="999"/>
    <s v="974"/>
    <s v="S206964"/>
    <n v="6"/>
    <n v="2016"/>
  </r>
  <r>
    <s v="110"/>
    <d v="2016-06-25T00:00:00"/>
    <x v="5"/>
    <x v="1"/>
    <s v="99990"/>
    <s v="FANANDA"/>
    <n v="7356.02"/>
    <n v="0"/>
    <s v="Sales to Pub Auth - Ex Schools"/>
    <s v="NVS"/>
    <s v="FINAN"/>
    <s v="G0000110"/>
    <s v="N"/>
    <s v="To record reg. asset for the d"/>
    <s v=""/>
    <x v="16"/>
    <s v="TARIFF_CC"/>
    <s v="S"/>
    <s v="KY"/>
    <s v="999"/>
    <s v="974"/>
    <s v="S206964"/>
    <n v="6"/>
    <n v="2016"/>
  </r>
  <r>
    <s v="110"/>
    <d v="2016-06-25T00:00:00"/>
    <x v="0"/>
    <x v="1"/>
    <s v="99990"/>
    <s v="FANANDA"/>
    <n v="-10213.43"/>
    <n v="0"/>
    <s v="Industrial Sales (Excl Mines)"/>
    <s v="NVS"/>
    <s v="FINAN"/>
    <s v="G0000110"/>
    <s v="N"/>
    <s v="To record reg. asset for the d"/>
    <s v=""/>
    <x v="16"/>
    <s v="TARIFF_CC"/>
    <s v="S"/>
    <s v="KY"/>
    <s v="999"/>
    <s v="974"/>
    <s v="S206964"/>
    <n v="6"/>
    <n v="2016"/>
  </r>
  <r>
    <s v="110"/>
    <d v="2016-06-25T00:00:00"/>
    <x v="7"/>
    <x v="1"/>
    <s v="99990"/>
    <s v="FANANDA"/>
    <n v="6879.49"/>
    <n v="0"/>
    <s v="Sales to Pub Auth - Schools"/>
    <s v="NVS"/>
    <s v="FINAN"/>
    <s v="G0000110"/>
    <s v="N"/>
    <s v="To record reg. asset for the d"/>
    <s v=""/>
    <x v="16"/>
    <s v="TARIFF_CC"/>
    <s v="S"/>
    <s v="KY"/>
    <s v="999"/>
    <s v="974"/>
    <s v="S206964"/>
    <n v="6"/>
    <n v="2016"/>
  </r>
  <r>
    <s v="110"/>
    <d v="2016-06-24T00:00:00"/>
    <x v="0"/>
    <x v="1"/>
    <s v="99990"/>
    <s v="FANANDA"/>
    <n v="-110263.52"/>
    <n v="0"/>
    <s v="Industrial Sales (Excl Mines)"/>
    <s v="NVS"/>
    <s v="FINAN"/>
    <s v="G0000110"/>
    <s v="N"/>
    <s v="To record reg. asset for the d"/>
    <s v=""/>
    <x v="17"/>
    <s v="TARIFF_CC"/>
    <s v="S"/>
    <s v="KY"/>
    <s v="999"/>
    <s v="974"/>
    <s v="S206964"/>
    <n v="6"/>
    <n v="2016"/>
  </r>
  <r>
    <s v="110"/>
    <d v="2016-06-24T00:00:00"/>
    <x v="6"/>
    <x v="1"/>
    <s v="99990"/>
    <s v="FANANDA"/>
    <n v="1656.86"/>
    <n v="0"/>
    <s v="Public Street/Highway Lighting"/>
    <s v="NVS"/>
    <s v="FINAN"/>
    <s v="G0000110"/>
    <s v="N"/>
    <s v="To record reg. asset for the d"/>
    <s v=""/>
    <x v="17"/>
    <s v="TARIFF_CC"/>
    <s v="S"/>
    <s v="KY"/>
    <s v="999"/>
    <s v="974"/>
    <s v="S206964"/>
    <n v="6"/>
    <n v="2016"/>
  </r>
  <r>
    <s v="110"/>
    <d v="2016-06-24T00:00:00"/>
    <x v="3"/>
    <x v="1"/>
    <s v="99990"/>
    <s v="FANANDA"/>
    <n v="38634.29"/>
    <n v="0"/>
    <s v="Ind Sales-NonAffil(Incl Mines)"/>
    <s v="NVS"/>
    <s v="FINAN"/>
    <s v="G0000110"/>
    <s v="N"/>
    <s v="To record reg. asset for the d"/>
    <s v=""/>
    <x v="17"/>
    <s v="TARIFF_CC"/>
    <s v="S"/>
    <s v="KY"/>
    <s v="999"/>
    <s v="974"/>
    <s v="S206964"/>
    <n v="6"/>
    <n v="2016"/>
  </r>
  <r>
    <s v="110"/>
    <d v="2016-06-24T00:00:00"/>
    <x v="7"/>
    <x v="1"/>
    <s v="99990"/>
    <s v="FANANDA"/>
    <n v="7482.09"/>
    <n v="0"/>
    <s v="Sales to Pub Auth - Schools"/>
    <s v="NVS"/>
    <s v="FINAN"/>
    <s v="G0000110"/>
    <s v="N"/>
    <s v="To record reg. asset for the d"/>
    <s v=""/>
    <x v="17"/>
    <s v="TARIFF_CC"/>
    <s v="S"/>
    <s v="KY"/>
    <s v="999"/>
    <s v="974"/>
    <s v="S206964"/>
    <n v="6"/>
    <n v="2016"/>
  </r>
  <r>
    <s v="110"/>
    <d v="2016-06-24T00:00:00"/>
    <x v="4"/>
    <x v="1"/>
    <s v="99990"/>
    <s v="FANANDA"/>
    <n v="102177.82"/>
    <n v="0"/>
    <s v="RESIDENTIAL SALES-W/SPACE HTG"/>
    <s v="NVS"/>
    <s v="FINAN"/>
    <s v="G0000110"/>
    <s v="N"/>
    <s v="To record reg. asset for the d"/>
    <s v=""/>
    <x v="17"/>
    <s v="TARIFF_CC"/>
    <s v="S"/>
    <s v="KY"/>
    <s v="999"/>
    <s v="974"/>
    <s v="S206964"/>
    <n v="6"/>
    <n v="2016"/>
  </r>
  <r>
    <s v="110"/>
    <d v="2016-06-24T00:00:00"/>
    <x v="1"/>
    <x v="1"/>
    <s v="99990"/>
    <s v="FANANDA"/>
    <n v="5481.85"/>
    <n v="0"/>
    <s v="Residential Sales-W/O Space Ht"/>
    <s v="NVS"/>
    <s v="FINAN"/>
    <s v="G0000110"/>
    <s v="N"/>
    <s v="To record reg. asset for the d"/>
    <s v=""/>
    <x v="17"/>
    <s v="TARIFF_CC"/>
    <s v="S"/>
    <s v="KY"/>
    <s v="999"/>
    <s v="974"/>
    <s v="S206964"/>
    <n v="6"/>
    <n v="2016"/>
  </r>
  <r>
    <s v="110"/>
    <d v="2016-06-24T00:00:00"/>
    <x v="5"/>
    <x v="1"/>
    <s v="99990"/>
    <s v="FANANDA"/>
    <n v="2192.9899999999998"/>
    <n v="0"/>
    <s v="Sales to Pub Auth - Ex Schools"/>
    <s v="NVS"/>
    <s v="FINAN"/>
    <s v="G0000110"/>
    <s v="N"/>
    <s v="To record reg. asset for the d"/>
    <s v=""/>
    <x v="17"/>
    <s v="TARIFF_CC"/>
    <s v="S"/>
    <s v="KY"/>
    <s v="999"/>
    <s v="974"/>
    <s v="S206964"/>
    <n v="6"/>
    <n v="2016"/>
  </r>
  <r>
    <s v="110"/>
    <d v="2016-06-24T00:00:00"/>
    <x v="2"/>
    <x v="1"/>
    <s v="99990"/>
    <s v="FANANDA"/>
    <n v="19044.46"/>
    <n v="0"/>
    <s v="Commercial Sales"/>
    <s v="NVS"/>
    <s v="FINAN"/>
    <s v="G0000110"/>
    <s v="N"/>
    <s v="To record reg. asset for the d"/>
    <s v=""/>
    <x v="17"/>
    <s v="TARIFF_CC"/>
    <s v="S"/>
    <s v="KY"/>
    <s v="999"/>
    <s v="974"/>
    <s v="S206964"/>
    <n v="6"/>
    <n v="2016"/>
  </r>
  <r>
    <s v="110"/>
    <d v="2016-03-31T00:00:00"/>
    <x v="2"/>
    <x v="1"/>
    <s v="99990"/>
    <s v="FANANDA"/>
    <n v="-14228.54"/>
    <n v="0"/>
    <s v="Commercial Sales"/>
    <s v="NVS"/>
    <s v="FINAN"/>
    <s v="G0000110"/>
    <s v="N"/>
    <s v="To record reg. asset for the d"/>
    <s v=""/>
    <x v="15"/>
    <s v="TARIFF_CC"/>
    <s v="S"/>
    <s v="KY"/>
    <s v="999"/>
    <s v="974"/>
    <s v="S998569"/>
    <n v="3"/>
    <n v="2016"/>
  </r>
  <r>
    <s v="110"/>
    <d v="2016-03-31T00:00:00"/>
    <x v="7"/>
    <x v="1"/>
    <s v="99990"/>
    <s v="FANANDA"/>
    <n v="449.25"/>
    <n v="0"/>
    <s v="Sales to Pub Auth - Schools"/>
    <s v="NVS"/>
    <s v="FINAN"/>
    <s v="G0000110"/>
    <s v="N"/>
    <s v="To record reg. asset for the d"/>
    <s v=""/>
    <x v="15"/>
    <s v="TARIFF_CC"/>
    <s v="S"/>
    <s v="KY"/>
    <s v="999"/>
    <s v="974"/>
    <s v="S998569"/>
    <n v="3"/>
    <n v="2016"/>
  </r>
  <r>
    <s v="110"/>
    <d v="2016-03-31T00:00:00"/>
    <x v="4"/>
    <x v="1"/>
    <s v="99990"/>
    <s v="FANANDA"/>
    <n v="150342.73000000001"/>
    <n v="0"/>
    <s v="RESIDENTIAL SALES-W/SPACE HTG"/>
    <s v="NVS"/>
    <s v="FINAN"/>
    <s v="G0000110"/>
    <s v="N"/>
    <s v="To record reg. asset for the d"/>
    <s v=""/>
    <x v="15"/>
    <s v="TARIFF_CC"/>
    <s v="S"/>
    <s v="KY"/>
    <s v="999"/>
    <s v="974"/>
    <s v="S998569"/>
    <n v="3"/>
    <n v="2016"/>
  </r>
  <r>
    <s v="110"/>
    <d v="2016-03-31T00:00:00"/>
    <x v="1"/>
    <x v="1"/>
    <s v="99990"/>
    <s v="FANANDA"/>
    <n v="15087.09"/>
    <n v="0"/>
    <s v="Residential Sales-W/O Space Ht"/>
    <s v="NVS"/>
    <s v="FINAN"/>
    <s v="G0000110"/>
    <s v="N"/>
    <s v="To record reg. asset for the d"/>
    <s v=""/>
    <x v="15"/>
    <s v="TARIFF_CC"/>
    <s v="S"/>
    <s v="KY"/>
    <s v="999"/>
    <s v="974"/>
    <s v="S998569"/>
    <n v="3"/>
    <n v="2016"/>
  </r>
  <r>
    <s v="110"/>
    <d v="2016-03-31T00:00:00"/>
    <x v="6"/>
    <x v="1"/>
    <s v="99990"/>
    <s v="FANANDA"/>
    <n v="-1309.72"/>
    <n v="0"/>
    <s v="Public Street/Highway Lighting"/>
    <s v="NVS"/>
    <s v="FINAN"/>
    <s v="G0000110"/>
    <s v="N"/>
    <s v="To record reg. asset for the d"/>
    <s v=""/>
    <x v="15"/>
    <s v="TARIFF_CC"/>
    <s v="S"/>
    <s v="KY"/>
    <s v="999"/>
    <s v="974"/>
    <s v="S998569"/>
    <n v="3"/>
    <n v="2016"/>
  </r>
  <r>
    <s v="110"/>
    <d v="2016-03-31T00:00:00"/>
    <x v="5"/>
    <x v="1"/>
    <s v="99990"/>
    <s v="FANANDA"/>
    <n v="-78.31"/>
    <n v="0"/>
    <s v="Sales to Pub Auth - Ex Schools"/>
    <s v="NVS"/>
    <s v="FINAN"/>
    <s v="G0000110"/>
    <s v="N"/>
    <s v="To record reg. asset for the d"/>
    <s v=""/>
    <x v="15"/>
    <s v="TARIFF_CC"/>
    <s v="S"/>
    <s v="KY"/>
    <s v="999"/>
    <s v="974"/>
    <s v="S998569"/>
    <n v="3"/>
    <n v="2016"/>
  </r>
  <r>
    <s v="110"/>
    <d v="2016-03-31T00:00:00"/>
    <x v="3"/>
    <x v="1"/>
    <s v="99990"/>
    <s v="FANANDA"/>
    <n v="-41958.89"/>
    <n v="0"/>
    <s v="Ind Sales-NonAffil(Incl Mines)"/>
    <s v="NVS"/>
    <s v="FINAN"/>
    <s v="G0000110"/>
    <s v="N"/>
    <s v="To record reg. asset for the d"/>
    <s v=""/>
    <x v="15"/>
    <s v="TARIFF_CC"/>
    <s v="S"/>
    <s v="KY"/>
    <s v="999"/>
    <s v="974"/>
    <s v="S998569"/>
    <n v="3"/>
    <n v="2016"/>
  </r>
  <r>
    <s v="110"/>
    <d v="2016-03-31T00:00:00"/>
    <x v="0"/>
    <x v="1"/>
    <s v="99990"/>
    <s v="FANANDA"/>
    <n v="7565.17"/>
    <n v="0"/>
    <s v="Industrial Sales (Excl Mines)"/>
    <s v="NVS"/>
    <s v="FINAN"/>
    <s v="G0000110"/>
    <s v="N"/>
    <s v="To record reg. asset for the d"/>
    <s v=""/>
    <x v="15"/>
    <s v="TARIFF_CC"/>
    <s v="S"/>
    <s v="KY"/>
    <s v="999"/>
    <s v="974"/>
    <s v="S998569"/>
    <n v="3"/>
    <n v="2016"/>
  </r>
</pivotCacheRecords>
</file>

<file path=xl/pivotTables/_rels/pivotTable1.xml.rels><?xml version="1.0" encoding="UTF-8" standalone="yes"?>
<Relationships xmlns="http://schemas.openxmlformats.org/package/2006/relationships"><Relationship Id="rId1" Type="http://schemas.openxmlformats.org/officeDocument/2006/relationships/pivotCacheDefinition" Target="../pivotCache/pivotCacheDefinition1.xml"/></Relationships>
</file>

<file path=xl/pivotTables/pivotTable1.xml><?xml version="1.0" encoding="utf-8"?>
<pivotTableDefinition xmlns="http://schemas.openxmlformats.org/spreadsheetml/2006/main" name="PivotTable1" cacheId="5" dataOnRows="1" applyNumberFormats="0" applyBorderFormats="0" applyFontFormats="0" applyPatternFormats="0" applyAlignmentFormats="0" applyWidthHeightFormats="1" dataCaption="Data" updatedVersion="4" showMemberPropertyTips="0" useAutoFormatting="1" itemPrintTitles="1" createdVersion="1" indent="0" compact="0" compactData="0" gridDropZones="1">
  <location ref="A3:L21" firstHeaderRow="1" firstDataRow="2" firstDataCol="1" rowPageCount="1" colPageCount="1"/>
  <pivotFields count="24">
    <pivotField compact="0" outline="0" subtotalTop="0" showAll="0" includeNewItemsInFilter="1"/>
    <pivotField compact="0" numFmtId="14" outline="0" subtotalTop="0" showAll="0" includeNewItemsInFilter="1"/>
    <pivotField axis="axisRow" compact="0" outline="0" subtotalTop="0" showAll="0" includeNewItemsInFilter="1">
      <items count="17">
        <item x="4"/>
        <item x="1"/>
        <item x="14"/>
        <item x="2"/>
        <item x="0"/>
        <item x="3"/>
        <item x="12"/>
        <item x="7"/>
        <item x="5"/>
        <item x="8"/>
        <item x="11"/>
        <item x="15"/>
        <item x="6"/>
        <item x="13"/>
        <item x="9"/>
        <item x="10"/>
        <item t="default"/>
      </items>
    </pivotField>
    <pivotField axis="axisPage" compact="0" outline="0" subtotalTop="0" showAll="0" includeNewItemsInFilter="1">
      <items count="3">
        <item x="0"/>
        <item x="1"/>
        <item t="default"/>
      </items>
    </pivotField>
    <pivotField compact="0" outline="0" subtotalTop="0" showAll="0" includeNewItemsInFilter="1"/>
    <pivotField compact="0" outline="0" subtotalTop="0" showAll="0" includeNewItemsInFilter="1"/>
    <pivotField dataField="1" compact="0" numFmtId="172" outline="0" subtotalTop="0" showAll="0" includeNewItemsInFilter="1"/>
    <pivotField compact="0" numFmtId="2"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axis="axisCol" compact="0" outline="0" subtotalTop="0" showAll="0" includeNewItemsInFilter="1">
      <items count="19">
        <item x="0"/>
        <item x="5"/>
        <item x="4"/>
        <item x="7"/>
        <item x="6"/>
        <item x="10"/>
        <item x="9"/>
        <item x="1"/>
        <item x="2"/>
        <item x="3"/>
        <item x="13"/>
        <item x="15"/>
        <item x="14"/>
        <item x="17"/>
        <item x="16"/>
        <item x="11"/>
        <item x="12"/>
        <item x="8"/>
        <item t="default"/>
      </items>
    </pivotField>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 compact="0" outline="0" subtotalTop="0" showAll="0" includeNewItemsInFilter="1"/>
  </pivotFields>
  <rowFields count="1">
    <field x="2"/>
  </rowFields>
  <rowItems count="17">
    <i>
      <x/>
    </i>
    <i>
      <x v="1"/>
    </i>
    <i>
      <x v="2"/>
    </i>
    <i>
      <x v="3"/>
    </i>
    <i>
      <x v="4"/>
    </i>
    <i>
      <x v="5"/>
    </i>
    <i>
      <x v="6"/>
    </i>
    <i>
      <x v="7"/>
    </i>
    <i>
      <x v="8"/>
    </i>
    <i>
      <x v="9"/>
    </i>
    <i>
      <x v="10"/>
    </i>
    <i>
      <x v="11"/>
    </i>
    <i>
      <x v="12"/>
    </i>
    <i>
      <x v="13"/>
    </i>
    <i>
      <x v="14"/>
    </i>
    <i>
      <x v="15"/>
    </i>
    <i t="grand">
      <x/>
    </i>
  </rowItems>
  <colFields count="1">
    <field x="15"/>
  </colFields>
  <colItems count="11">
    <i>
      <x/>
    </i>
    <i>
      <x v="1"/>
    </i>
    <i>
      <x v="2"/>
    </i>
    <i>
      <x v="3"/>
    </i>
    <i>
      <x v="4"/>
    </i>
    <i>
      <x v="7"/>
    </i>
    <i>
      <x v="8"/>
    </i>
    <i>
      <x v="9"/>
    </i>
    <i>
      <x v="10"/>
    </i>
    <i>
      <x v="12"/>
    </i>
    <i t="grand">
      <x/>
    </i>
  </colItems>
  <pageFields count="1">
    <pageField fld="3" item="0" hier="-1"/>
  </pageFields>
  <dataFields count="1">
    <dataField name="Sum of Amount" fld="6" baseField="2" baseItem="0" numFmtId="40"/>
  </dataFields>
  <formats count="2">
    <format dxfId="3">
      <pivotArea dataOnly="0" labelOnly="1" outline="0" fieldPosition="0">
        <references count="1">
          <reference field="15" count="0"/>
        </references>
      </pivotArea>
    </format>
    <format dxfId="2">
      <pivotArea dataOnly="0" labelOnly="1" grandCol="1" outline="0" fieldPosition="0"/>
    </format>
  </formats>
  <pivotTableStyleInfo showRowHeaders="1" showColHeaders="1" showRowStripes="0" showColStripes="0" showLastColumn="1"/>
</pivotTableDefinition>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printerSettings" Target="../printerSettings/printerSettings5.bin"/><Relationship Id="rId1" Type="http://schemas.openxmlformats.org/officeDocument/2006/relationships/pivotTable" Target="../pivotTables/pivotTable1.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40"/>
  <sheetViews>
    <sheetView tabSelected="1" zoomScaleNormal="100" workbookViewId="0">
      <selection activeCell="B23" sqref="B23"/>
    </sheetView>
  </sheetViews>
  <sheetFormatPr defaultRowHeight="13.2"/>
  <cols>
    <col min="5" max="5" width="15.44140625" customWidth="1"/>
    <col min="7" max="7" width="17.44140625" customWidth="1"/>
    <col min="8" max="8" width="16.44140625" customWidth="1"/>
    <col min="9" max="9" width="24.6640625" customWidth="1"/>
  </cols>
  <sheetData>
    <row r="1" spans="1:17">
      <c r="A1" s="244"/>
      <c r="B1" s="244"/>
      <c r="C1" s="244"/>
      <c r="D1" s="244"/>
      <c r="E1" s="245"/>
      <c r="F1" s="245"/>
      <c r="G1" s="245"/>
      <c r="H1" s="245"/>
      <c r="I1" s="245"/>
      <c r="J1" s="245"/>
      <c r="K1" s="246"/>
      <c r="L1" s="246"/>
      <c r="M1" s="246"/>
      <c r="N1" s="246"/>
      <c r="O1" s="246"/>
      <c r="P1" s="246"/>
      <c r="Q1" s="246"/>
    </row>
    <row r="2" spans="1:17" ht="15.6">
      <c r="A2" s="244"/>
      <c r="B2" s="282" t="s">
        <v>677</v>
      </c>
      <c r="C2" s="282"/>
      <c r="D2" s="282"/>
      <c r="E2" s="282"/>
      <c r="F2" s="282"/>
      <c r="G2" s="282"/>
      <c r="H2" s="282"/>
      <c r="I2" s="245"/>
      <c r="J2" s="245"/>
      <c r="K2" s="246"/>
      <c r="L2" s="246"/>
      <c r="M2" s="246"/>
      <c r="N2" s="246"/>
      <c r="O2" s="246"/>
      <c r="P2" s="246"/>
      <c r="Q2" s="246"/>
    </row>
    <row r="3" spans="1:17">
      <c r="A3" s="244"/>
      <c r="B3" s="283" t="s">
        <v>1575</v>
      </c>
      <c r="C3" s="283"/>
      <c r="D3" s="283"/>
      <c r="E3" s="283"/>
      <c r="F3" s="283"/>
      <c r="G3" s="283"/>
      <c r="H3" s="283"/>
      <c r="I3" s="245"/>
      <c r="J3" s="245"/>
      <c r="K3" s="246"/>
      <c r="L3" s="246"/>
      <c r="M3" s="246"/>
      <c r="N3" s="246"/>
      <c r="O3" s="246"/>
      <c r="P3" s="246"/>
      <c r="Q3" s="246"/>
    </row>
    <row r="4" spans="1:17">
      <c r="A4" s="244"/>
      <c r="B4" s="285" t="s">
        <v>1577</v>
      </c>
      <c r="C4" s="285"/>
      <c r="D4" s="285"/>
      <c r="E4" s="285"/>
      <c r="F4" s="285"/>
      <c r="G4" s="285"/>
      <c r="H4" s="285"/>
      <c r="I4" s="244"/>
      <c r="J4" s="244"/>
      <c r="K4" s="246"/>
      <c r="L4" s="246"/>
      <c r="M4" s="246"/>
      <c r="N4" s="246"/>
      <c r="O4" s="246"/>
      <c r="P4" s="246"/>
      <c r="Q4" s="246"/>
    </row>
    <row r="5" spans="1:17">
      <c r="A5" s="246"/>
      <c r="B5" s="246"/>
      <c r="C5" s="246"/>
      <c r="D5" s="246"/>
      <c r="E5" s="246"/>
      <c r="F5" s="246"/>
      <c r="G5" s="246"/>
      <c r="H5" s="246"/>
      <c r="I5" s="246"/>
      <c r="J5" s="246"/>
      <c r="K5" s="246"/>
      <c r="L5" s="246"/>
      <c r="M5" s="246"/>
      <c r="N5" s="246"/>
      <c r="O5" s="246"/>
      <c r="P5" s="246"/>
      <c r="Q5" s="246"/>
    </row>
    <row r="6" spans="1:17">
      <c r="A6" s="246"/>
      <c r="B6" s="246"/>
      <c r="C6" s="246"/>
      <c r="D6" s="246"/>
      <c r="E6" s="246"/>
      <c r="F6" s="246"/>
      <c r="G6" s="246"/>
      <c r="H6" s="246"/>
      <c r="I6" s="246"/>
      <c r="J6" s="246"/>
      <c r="K6" s="246"/>
      <c r="L6" s="246"/>
      <c r="M6" s="246"/>
      <c r="N6" s="246"/>
      <c r="O6" s="246"/>
      <c r="P6" s="246"/>
      <c r="Q6" s="246"/>
    </row>
    <row r="7" spans="1:17" ht="39.6">
      <c r="A7" s="248" t="s">
        <v>1565</v>
      </c>
      <c r="B7" s="284" t="s">
        <v>1566</v>
      </c>
      <c r="C7" s="284"/>
      <c r="D7" s="284"/>
      <c r="E7" s="248" t="s">
        <v>1567</v>
      </c>
      <c r="F7" s="248"/>
      <c r="G7" s="248" t="s">
        <v>1568</v>
      </c>
      <c r="H7" s="248" t="s">
        <v>1569</v>
      </c>
      <c r="I7" s="289" t="s">
        <v>1570</v>
      </c>
      <c r="J7" s="244"/>
      <c r="K7" s="246"/>
      <c r="L7" s="246"/>
      <c r="M7" s="246"/>
      <c r="N7" s="246"/>
      <c r="O7" s="246"/>
      <c r="P7" s="246"/>
      <c r="Q7" s="246"/>
    </row>
    <row r="8" spans="1:17">
      <c r="A8" s="249"/>
      <c r="B8" s="249"/>
      <c r="C8" s="249"/>
      <c r="D8" s="244"/>
      <c r="E8" s="250"/>
      <c r="F8" s="251"/>
      <c r="G8" s="251"/>
      <c r="H8" s="251"/>
      <c r="I8" s="290"/>
      <c r="J8" s="244"/>
      <c r="K8" s="246"/>
      <c r="L8" s="246"/>
      <c r="M8" s="246"/>
      <c r="N8" s="246"/>
      <c r="O8" s="246"/>
      <c r="P8" s="246"/>
      <c r="Q8" s="246"/>
    </row>
    <row r="9" spans="1:17">
      <c r="A9" s="244"/>
      <c r="B9" s="244"/>
      <c r="C9" s="244"/>
      <c r="D9" s="244"/>
      <c r="E9" s="252"/>
      <c r="F9" s="244"/>
      <c r="G9" s="244"/>
      <c r="H9" s="244"/>
      <c r="I9" s="291"/>
      <c r="J9" s="244"/>
      <c r="K9" s="246"/>
      <c r="L9" s="246"/>
      <c r="M9" s="246"/>
      <c r="N9" s="246"/>
      <c r="O9" s="246"/>
      <c r="P9" s="246"/>
      <c r="Q9" s="246"/>
    </row>
    <row r="10" spans="1:17">
      <c r="A10" s="244"/>
      <c r="B10" s="253"/>
      <c r="C10" s="253"/>
      <c r="D10" s="244"/>
      <c r="G10" s="244"/>
      <c r="H10" s="244"/>
      <c r="I10" s="292"/>
      <c r="J10" s="244"/>
      <c r="K10" s="246"/>
      <c r="L10" s="246"/>
      <c r="M10" s="246"/>
      <c r="N10" s="246"/>
      <c r="O10" s="246"/>
      <c r="P10" s="246"/>
      <c r="Q10" s="246"/>
    </row>
    <row r="11" spans="1:17">
      <c r="A11" s="249">
        <v>1</v>
      </c>
      <c r="B11" s="244" t="s">
        <v>1571</v>
      </c>
      <c r="C11" s="244" t="s">
        <v>1572</v>
      </c>
      <c r="D11" s="244"/>
      <c r="E11" s="254">
        <f>-'Target Balance'!C28</f>
        <v>-6396831.7000000002</v>
      </c>
      <c r="F11" s="246"/>
      <c r="G11" s="244" t="s">
        <v>1573</v>
      </c>
      <c r="H11" s="255">
        <v>1</v>
      </c>
      <c r="I11" s="292">
        <f>E11</f>
        <v>-6396831.7000000002</v>
      </c>
      <c r="J11" s="247" t="s">
        <v>1574</v>
      </c>
      <c r="K11" s="246"/>
      <c r="L11" s="246"/>
      <c r="M11" s="246"/>
      <c r="N11" s="246"/>
      <c r="O11" s="246"/>
      <c r="P11" s="246"/>
      <c r="Q11" s="246"/>
    </row>
    <row r="12" spans="1:17">
      <c r="A12" s="249"/>
      <c r="B12" s="244"/>
      <c r="C12" s="244"/>
      <c r="D12" s="244"/>
      <c r="E12" s="252"/>
      <c r="F12" s="244"/>
      <c r="G12" s="244"/>
      <c r="H12" s="244"/>
      <c r="I12" s="292"/>
      <c r="J12" s="256"/>
      <c r="K12" s="246"/>
      <c r="L12" s="246"/>
      <c r="M12" s="246"/>
      <c r="N12" s="246"/>
      <c r="O12" s="246"/>
      <c r="P12" s="246"/>
      <c r="Q12" s="246"/>
    </row>
    <row r="13" spans="1:17">
      <c r="A13" s="246"/>
      <c r="B13" s="246"/>
      <c r="C13" s="246"/>
      <c r="D13" s="246"/>
      <c r="E13" s="246"/>
      <c r="F13" s="246"/>
      <c r="G13" s="246"/>
      <c r="H13" s="246"/>
      <c r="I13" s="246"/>
      <c r="J13" s="246"/>
      <c r="K13" s="246"/>
      <c r="L13" s="246"/>
      <c r="M13" s="246"/>
      <c r="N13" s="246"/>
      <c r="O13" s="246"/>
      <c r="P13" s="246"/>
      <c r="Q13" s="246"/>
    </row>
    <row r="14" spans="1:17">
      <c r="J14" s="246"/>
      <c r="K14" s="246"/>
      <c r="L14" s="246"/>
      <c r="M14" s="246"/>
      <c r="N14" s="246"/>
      <c r="O14" s="246"/>
      <c r="P14" s="246"/>
      <c r="Q14" s="246"/>
    </row>
    <row r="15" spans="1:17">
      <c r="A15" s="246"/>
      <c r="B15" s="246"/>
      <c r="C15" s="246"/>
      <c r="D15" s="246"/>
      <c r="E15" s="246"/>
      <c r="F15" s="246"/>
      <c r="G15" s="246"/>
      <c r="H15" s="246"/>
      <c r="I15" s="246"/>
      <c r="J15" s="246"/>
      <c r="K15" s="246"/>
      <c r="L15" s="246"/>
      <c r="M15" s="246"/>
      <c r="N15" s="246"/>
      <c r="O15" s="246"/>
      <c r="P15" s="246"/>
      <c r="Q15" s="246"/>
    </row>
    <row r="16" spans="1:17">
      <c r="A16" s="246"/>
      <c r="B16" s="246"/>
      <c r="C16" s="246"/>
      <c r="D16" s="246"/>
      <c r="E16" s="246"/>
      <c r="F16" s="246"/>
      <c r="G16" s="246"/>
      <c r="H16" s="246"/>
      <c r="I16" s="246"/>
      <c r="J16" s="246"/>
      <c r="K16" s="246"/>
      <c r="L16" s="246"/>
      <c r="M16" s="246"/>
      <c r="N16" s="246"/>
      <c r="O16" s="246"/>
      <c r="P16" s="246"/>
      <c r="Q16" s="246"/>
    </row>
    <row r="17" spans="1:17">
      <c r="A17" s="246"/>
      <c r="B17" s="246"/>
      <c r="C17" s="246"/>
      <c r="D17" s="246"/>
      <c r="E17" s="246"/>
      <c r="F17" s="246"/>
      <c r="G17" s="246"/>
      <c r="H17" s="246"/>
      <c r="I17" s="246"/>
      <c r="J17" s="246"/>
      <c r="K17" s="246"/>
      <c r="L17" s="246"/>
      <c r="M17" s="246"/>
      <c r="N17" s="246"/>
      <c r="O17" s="246"/>
      <c r="P17" s="246"/>
      <c r="Q17" s="246"/>
    </row>
    <row r="18" spans="1:17">
      <c r="A18" s="246"/>
      <c r="B18" s="246"/>
      <c r="C18" s="246"/>
      <c r="D18" s="246"/>
      <c r="E18" s="246"/>
      <c r="F18" s="246"/>
      <c r="G18" s="246"/>
      <c r="H18" s="246"/>
      <c r="I18" s="246"/>
      <c r="J18" s="246"/>
      <c r="K18" s="246"/>
      <c r="L18" s="246"/>
      <c r="M18" s="246"/>
      <c r="N18" s="246"/>
      <c r="O18" s="246"/>
      <c r="P18" s="246"/>
      <c r="Q18" s="246"/>
    </row>
    <row r="19" spans="1:17">
      <c r="A19" s="300" t="s">
        <v>2</v>
      </c>
      <c r="B19" s="300" t="s">
        <v>2</v>
      </c>
      <c r="C19" s="246"/>
      <c r="D19" s="246"/>
      <c r="E19" s="246"/>
      <c r="F19" s="246"/>
      <c r="G19" s="246"/>
      <c r="H19" s="246"/>
      <c r="I19" s="246"/>
      <c r="J19" s="246"/>
      <c r="K19" s="246"/>
      <c r="L19" s="246"/>
      <c r="M19" s="246"/>
      <c r="N19" s="246"/>
      <c r="O19" s="246"/>
      <c r="P19" s="246"/>
      <c r="Q19" s="246"/>
    </row>
    <row r="20" spans="1:17">
      <c r="A20" s="246"/>
      <c r="B20" s="246"/>
      <c r="C20" s="246"/>
      <c r="D20" s="246"/>
      <c r="E20" s="246"/>
      <c r="F20" s="246"/>
      <c r="G20" s="246"/>
      <c r="H20" s="246"/>
      <c r="I20" s="246"/>
      <c r="J20" s="246"/>
      <c r="K20" s="246"/>
      <c r="L20" s="246"/>
      <c r="M20" s="246"/>
      <c r="N20" s="246"/>
      <c r="O20" s="246"/>
      <c r="P20" s="246"/>
      <c r="Q20" s="246"/>
    </row>
    <row r="21" spans="1:17">
      <c r="A21" s="246"/>
      <c r="B21" s="246"/>
      <c r="C21" s="246"/>
      <c r="D21" s="246"/>
      <c r="E21" s="246"/>
      <c r="F21" s="246"/>
      <c r="G21" s="246"/>
      <c r="H21" s="246"/>
      <c r="I21" s="246"/>
      <c r="J21" s="246"/>
      <c r="K21" s="246"/>
      <c r="L21" s="246"/>
      <c r="M21" s="246"/>
      <c r="N21" s="246"/>
      <c r="O21" s="246"/>
      <c r="P21" s="246"/>
      <c r="Q21" s="246"/>
    </row>
    <row r="22" spans="1:17">
      <c r="A22" s="246"/>
      <c r="B22" s="246"/>
      <c r="C22" s="246"/>
      <c r="D22" s="246"/>
      <c r="E22" s="246"/>
      <c r="F22" s="246"/>
      <c r="G22" s="246"/>
      <c r="H22" s="246"/>
      <c r="I22" s="246"/>
      <c r="J22" s="246"/>
      <c r="K22" s="246"/>
      <c r="L22" s="246"/>
      <c r="M22" s="246"/>
      <c r="N22" s="246"/>
      <c r="O22" s="246"/>
      <c r="P22" s="246"/>
      <c r="Q22" s="246"/>
    </row>
    <row r="23" spans="1:17">
      <c r="A23" s="246"/>
      <c r="B23" s="246"/>
      <c r="C23" s="246"/>
      <c r="D23" s="246"/>
      <c r="E23" s="246"/>
      <c r="F23" s="246"/>
      <c r="G23" s="246"/>
      <c r="H23" s="246"/>
      <c r="I23" s="246"/>
      <c r="J23" s="246"/>
      <c r="K23" s="246"/>
      <c r="L23" s="246"/>
      <c r="M23" s="246"/>
      <c r="N23" s="246"/>
      <c r="O23" s="246"/>
      <c r="P23" s="246"/>
      <c r="Q23" s="246"/>
    </row>
    <row r="24" spans="1:17">
      <c r="A24" s="246"/>
      <c r="B24" s="246"/>
      <c r="C24" s="246"/>
      <c r="D24" s="246"/>
      <c r="E24" s="246"/>
      <c r="F24" s="246"/>
      <c r="G24" s="246"/>
      <c r="H24" s="246"/>
      <c r="I24" s="246"/>
      <c r="J24" s="246"/>
      <c r="K24" s="246"/>
      <c r="L24" s="246"/>
      <c r="M24" s="246"/>
      <c r="N24" s="246"/>
      <c r="O24" s="246"/>
      <c r="P24" s="246"/>
      <c r="Q24" s="246"/>
    </row>
    <row r="25" spans="1:17">
      <c r="A25" s="246"/>
      <c r="B25" s="246"/>
      <c r="C25" s="246"/>
      <c r="D25" s="246"/>
      <c r="E25" s="246"/>
      <c r="F25" s="246"/>
      <c r="G25" s="246"/>
      <c r="H25" s="246"/>
      <c r="I25" s="246"/>
      <c r="J25" s="246"/>
      <c r="K25" s="246"/>
      <c r="L25" s="246"/>
      <c r="M25" s="246"/>
      <c r="N25" s="246"/>
      <c r="O25" s="246"/>
      <c r="P25" s="246"/>
      <c r="Q25" s="246"/>
    </row>
    <row r="26" spans="1:17">
      <c r="A26" s="246"/>
      <c r="B26" s="246"/>
      <c r="C26" s="246"/>
      <c r="D26" s="246"/>
      <c r="E26" s="246"/>
      <c r="F26" s="246"/>
      <c r="G26" s="246"/>
      <c r="H26" s="246"/>
      <c r="I26" s="246"/>
      <c r="J26" s="246"/>
      <c r="K26" s="246"/>
      <c r="L26" s="246"/>
      <c r="M26" s="246"/>
      <c r="N26" s="246"/>
      <c r="O26" s="246"/>
      <c r="P26" s="246"/>
      <c r="Q26" s="246"/>
    </row>
    <row r="27" spans="1:17">
      <c r="A27" s="246"/>
      <c r="B27" s="246"/>
      <c r="C27" s="246"/>
      <c r="D27" s="246"/>
      <c r="E27" s="246"/>
      <c r="F27" s="246"/>
      <c r="G27" s="246"/>
      <c r="H27" s="246"/>
      <c r="I27" s="246"/>
      <c r="J27" s="246"/>
      <c r="K27" s="246"/>
      <c r="L27" s="246"/>
      <c r="M27" s="246"/>
      <c r="N27" s="246"/>
      <c r="O27" s="246"/>
      <c r="P27" s="246"/>
      <c r="Q27" s="246"/>
    </row>
    <row r="28" spans="1:17">
      <c r="A28" s="246"/>
      <c r="B28" s="246"/>
      <c r="C28" s="246"/>
      <c r="D28" s="246"/>
      <c r="E28" s="246"/>
      <c r="F28" s="246"/>
      <c r="G28" s="246"/>
      <c r="H28" s="246"/>
      <c r="I28" s="246"/>
      <c r="J28" s="246"/>
      <c r="K28" s="246"/>
      <c r="L28" s="246"/>
      <c r="M28" s="246"/>
      <c r="N28" s="246"/>
      <c r="O28" s="246"/>
      <c r="P28" s="246"/>
      <c r="Q28" s="246"/>
    </row>
    <row r="29" spans="1:17">
      <c r="A29" s="246"/>
      <c r="B29" s="246"/>
      <c r="C29" s="246"/>
      <c r="D29" s="246"/>
      <c r="E29" s="246"/>
      <c r="F29" s="246"/>
      <c r="G29" s="246"/>
      <c r="H29" s="246"/>
      <c r="I29" s="246"/>
      <c r="J29" s="246"/>
      <c r="K29" s="246"/>
      <c r="L29" s="246"/>
      <c r="M29" s="246"/>
      <c r="N29" s="246"/>
      <c r="O29" s="246"/>
      <c r="P29" s="246"/>
      <c r="Q29" s="246"/>
    </row>
    <row r="30" spans="1:17">
      <c r="A30" s="246"/>
      <c r="B30" s="246"/>
      <c r="C30" s="246"/>
      <c r="D30" s="246"/>
      <c r="E30" s="246"/>
      <c r="F30" s="246"/>
      <c r="G30" s="246"/>
      <c r="H30" s="246"/>
      <c r="I30" s="246"/>
      <c r="J30" s="246"/>
      <c r="K30" s="246"/>
      <c r="L30" s="246"/>
      <c r="M30" s="246"/>
      <c r="N30" s="246"/>
      <c r="O30" s="246"/>
      <c r="P30" s="246"/>
      <c r="Q30" s="246"/>
    </row>
    <row r="31" spans="1:17">
      <c r="A31" s="246"/>
      <c r="B31" s="246"/>
      <c r="C31" s="246"/>
      <c r="D31" s="246"/>
      <c r="E31" s="246"/>
      <c r="F31" s="246"/>
      <c r="G31" s="246"/>
      <c r="H31" s="246"/>
      <c r="I31" s="246"/>
      <c r="J31" s="246"/>
      <c r="K31" s="246"/>
      <c r="L31" s="246"/>
      <c r="M31" s="246"/>
      <c r="N31" s="246"/>
      <c r="O31" s="246"/>
      <c r="P31" s="246"/>
      <c r="Q31" s="246"/>
    </row>
    <row r="32" spans="1:17">
      <c r="A32" s="246"/>
      <c r="B32" s="246"/>
      <c r="C32" s="246"/>
      <c r="D32" s="246"/>
      <c r="E32" s="246"/>
      <c r="F32" s="246"/>
      <c r="G32" s="246"/>
      <c r="H32" s="246"/>
      <c r="I32" s="246"/>
      <c r="J32" s="246"/>
      <c r="K32" s="246"/>
      <c r="L32" s="246"/>
      <c r="M32" s="246"/>
      <c r="N32" s="246"/>
      <c r="O32" s="246"/>
      <c r="P32" s="246"/>
      <c r="Q32" s="246"/>
    </row>
    <row r="33" spans="1:17">
      <c r="A33" s="246"/>
      <c r="B33" s="246"/>
      <c r="C33" s="246"/>
      <c r="D33" s="246"/>
      <c r="E33" s="246"/>
      <c r="F33" s="246"/>
      <c r="G33" s="246"/>
      <c r="H33" s="246"/>
      <c r="I33" s="246"/>
      <c r="J33" s="246"/>
      <c r="K33" s="246"/>
      <c r="L33" s="246"/>
      <c r="M33" s="246"/>
      <c r="N33" s="246"/>
      <c r="O33" s="246"/>
      <c r="P33" s="246"/>
      <c r="Q33" s="246"/>
    </row>
    <row r="34" spans="1:17">
      <c r="A34" s="246"/>
      <c r="B34" s="246"/>
      <c r="C34" s="246"/>
      <c r="D34" s="246"/>
      <c r="E34" s="246"/>
      <c r="F34" s="246"/>
      <c r="G34" s="246"/>
      <c r="H34" s="246"/>
      <c r="I34" s="246"/>
      <c r="J34" s="246"/>
      <c r="K34" s="246"/>
      <c r="L34" s="246"/>
      <c r="M34" s="246"/>
      <c r="N34" s="246"/>
      <c r="O34" s="246"/>
      <c r="P34" s="246"/>
      <c r="Q34" s="246"/>
    </row>
    <row r="35" spans="1:17">
      <c r="A35" s="246"/>
      <c r="B35" s="246"/>
      <c r="C35" s="246"/>
      <c r="D35" s="246"/>
      <c r="E35" s="246"/>
      <c r="F35" s="246"/>
      <c r="G35" s="246"/>
      <c r="H35" s="246"/>
      <c r="I35" s="246"/>
      <c r="J35" s="246"/>
      <c r="K35" s="246"/>
      <c r="L35" s="246"/>
      <c r="M35" s="246"/>
      <c r="N35" s="246"/>
      <c r="O35" s="246"/>
      <c r="P35" s="246"/>
      <c r="Q35" s="246"/>
    </row>
    <row r="36" spans="1:17">
      <c r="A36" s="246"/>
      <c r="B36" s="246"/>
      <c r="C36" s="246"/>
      <c r="D36" s="246"/>
      <c r="E36" s="246"/>
      <c r="F36" s="246"/>
      <c r="G36" s="246"/>
      <c r="H36" s="246"/>
      <c r="I36" s="246"/>
      <c r="J36" s="246"/>
      <c r="K36" s="246"/>
      <c r="L36" s="246"/>
      <c r="M36" s="246"/>
      <c r="N36" s="246"/>
      <c r="O36" s="246"/>
      <c r="P36" s="246"/>
      <c r="Q36" s="246"/>
    </row>
    <row r="37" spans="1:17">
      <c r="A37" s="246"/>
      <c r="B37" s="246"/>
      <c r="C37" s="246"/>
      <c r="D37" s="246"/>
      <c r="E37" s="246"/>
      <c r="F37" s="246"/>
      <c r="G37" s="246"/>
      <c r="H37" s="246"/>
      <c r="I37" s="246"/>
      <c r="J37" s="246"/>
      <c r="K37" s="246"/>
      <c r="L37" s="246"/>
      <c r="M37" s="246"/>
      <c r="N37" s="246"/>
      <c r="O37" s="246"/>
      <c r="P37" s="246"/>
      <c r="Q37" s="246"/>
    </row>
    <row r="38" spans="1:17">
      <c r="A38" s="246"/>
      <c r="B38" s="246"/>
      <c r="C38" s="246"/>
      <c r="D38" s="246"/>
      <c r="E38" s="246"/>
      <c r="F38" s="246"/>
      <c r="G38" s="246"/>
      <c r="H38" s="246"/>
      <c r="I38" s="246"/>
      <c r="J38" s="246"/>
      <c r="K38" s="246"/>
      <c r="L38" s="246"/>
      <c r="M38" s="246"/>
      <c r="N38" s="246"/>
      <c r="O38" s="246"/>
      <c r="P38" s="246"/>
      <c r="Q38" s="246"/>
    </row>
    <row r="39" spans="1:17">
      <c r="A39" s="246"/>
      <c r="B39" s="246"/>
      <c r="C39" s="246"/>
      <c r="D39" s="246"/>
      <c r="E39" s="246"/>
      <c r="F39" s="246"/>
      <c r="G39" s="246"/>
      <c r="H39" s="246"/>
      <c r="I39" s="246"/>
      <c r="J39" s="246"/>
      <c r="K39" s="246"/>
      <c r="L39" s="246"/>
      <c r="M39" s="246"/>
      <c r="N39" s="246"/>
      <c r="O39" s="246"/>
      <c r="P39" s="246"/>
      <c r="Q39" s="246"/>
    </row>
    <row r="40" spans="1:17">
      <c r="A40" s="246"/>
      <c r="B40" s="246"/>
      <c r="C40" s="246"/>
      <c r="D40" s="246"/>
      <c r="E40" s="246"/>
      <c r="F40" s="246"/>
      <c r="G40" s="246"/>
      <c r="H40" s="246"/>
      <c r="I40" s="246"/>
      <c r="J40" s="246"/>
      <c r="K40" s="246"/>
      <c r="L40" s="246"/>
      <c r="M40" s="246"/>
      <c r="N40" s="246"/>
      <c r="O40" s="246"/>
      <c r="P40" s="246"/>
      <c r="Q40" s="246"/>
    </row>
  </sheetData>
  <mergeCells count="4">
    <mergeCell ref="B2:H2"/>
    <mergeCell ref="B3:H3"/>
    <mergeCell ref="B7:D7"/>
    <mergeCell ref="B4:H4"/>
  </mergeCells>
  <pageMargins left="0.7" right="0.7" top="0.75" bottom="0.75" header="0.3" footer="0.3"/>
  <pageSetup scale="64" orientation="portrait" r:id="rId1"/>
  <colBreaks count="1" manualBreakCount="1">
    <brk id="1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341"/>
  <sheetViews>
    <sheetView topLeftCell="A7" zoomScaleNormal="100" workbookViewId="0">
      <selection activeCell="C27" sqref="C27"/>
    </sheetView>
  </sheetViews>
  <sheetFormatPr defaultColWidth="9.109375" defaultRowHeight="13.2"/>
  <cols>
    <col min="1" max="1" width="24" style="2" customWidth="1"/>
    <col min="2" max="2" width="2.109375" style="5" customWidth="1"/>
    <col min="3" max="3" width="19.5546875" style="5" customWidth="1"/>
    <col min="4" max="4" width="2.109375" style="5" customWidth="1"/>
    <col min="5" max="5" width="17" style="5" customWidth="1"/>
    <col min="6" max="6" width="2.109375" style="5" customWidth="1"/>
    <col min="7" max="7" width="20.109375" style="5" customWidth="1"/>
    <col min="8" max="8" width="2.109375" style="5" customWidth="1"/>
    <col min="9" max="9" width="17.6640625" style="5" customWidth="1"/>
    <col min="10" max="10" width="2.5546875" style="5" customWidth="1"/>
    <col min="11" max="11" width="18.88671875" style="5" customWidth="1"/>
    <col min="12" max="12" width="4.6640625" style="5" customWidth="1"/>
    <col min="13" max="13" width="13.6640625" style="2" bestFit="1" customWidth="1"/>
    <col min="14" max="14" width="3.109375" style="5" customWidth="1"/>
    <col min="15" max="15" width="15.6640625" style="5" bestFit="1" customWidth="1"/>
    <col min="16" max="16" width="2.88671875" style="5" customWidth="1"/>
    <col min="17" max="17" width="14.6640625" style="5" bestFit="1" customWidth="1"/>
    <col min="18" max="16384" width="9.109375" style="5"/>
  </cols>
  <sheetData>
    <row r="1" spans="1:13" ht="20.25" customHeight="1" thickBot="1">
      <c r="A1" s="1" t="s">
        <v>0</v>
      </c>
      <c r="B1" s="2"/>
      <c r="C1" s="2"/>
      <c r="D1" s="2"/>
      <c r="E1" s="3"/>
      <c r="F1" s="3"/>
      <c r="G1" s="3"/>
      <c r="H1" s="3"/>
      <c r="I1" s="3"/>
      <c r="J1" s="4"/>
      <c r="K1" s="4"/>
      <c r="L1" s="4"/>
    </row>
    <row r="2" spans="1:13">
      <c r="A2" s="6"/>
      <c r="B2" s="7"/>
      <c r="C2" s="8"/>
      <c r="D2" s="8"/>
      <c r="E2" s="8"/>
      <c r="F2" s="8"/>
      <c r="G2" s="8"/>
      <c r="H2" s="8"/>
      <c r="I2" s="8"/>
      <c r="J2" s="8"/>
      <c r="K2" s="8"/>
      <c r="L2" s="9"/>
    </row>
    <row r="3" spans="1:13">
      <c r="C3" s="10"/>
      <c r="D3" s="10"/>
      <c r="E3" s="10"/>
      <c r="F3" s="10"/>
      <c r="G3" s="10"/>
    </row>
    <row r="4" spans="1:13" ht="40.799999999999997" thickBot="1">
      <c r="A4" s="54" t="s">
        <v>7</v>
      </c>
      <c r="B4" s="55"/>
      <c r="C4" s="59" t="s">
        <v>715</v>
      </c>
      <c r="E4" s="59" t="s">
        <v>716</v>
      </c>
      <c r="F4" s="53"/>
      <c r="G4" s="56" t="s">
        <v>678</v>
      </c>
      <c r="H4" s="53"/>
      <c r="I4" s="57" t="s">
        <v>713</v>
      </c>
      <c r="J4" s="53"/>
      <c r="K4" s="53"/>
      <c r="L4" s="53"/>
      <c r="M4" s="53"/>
    </row>
    <row r="5" spans="1:13">
      <c r="A5" s="50" t="s">
        <v>711</v>
      </c>
      <c r="C5" s="60">
        <v>5177859.09</v>
      </c>
      <c r="D5" s="60"/>
      <c r="E5" s="60">
        <v>5683333.3700000001</v>
      </c>
      <c r="F5" s="10"/>
      <c r="G5" s="10">
        <f t="shared" ref="G5:G15" si="0">+E5-C5</f>
        <v>505474.28000000026</v>
      </c>
      <c r="H5" s="10"/>
      <c r="I5" s="13" t="s">
        <v>714</v>
      </c>
      <c r="M5" s="5"/>
    </row>
    <row r="6" spans="1:13">
      <c r="A6" s="50"/>
      <c r="C6" s="60"/>
      <c r="D6" s="60"/>
      <c r="E6" s="60"/>
      <c r="F6" s="10"/>
      <c r="G6" s="10"/>
      <c r="H6" s="10"/>
      <c r="I6" s="13"/>
      <c r="M6" s="5"/>
    </row>
    <row r="7" spans="1:13">
      <c r="A7" s="50"/>
      <c r="C7" s="60"/>
      <c r="D7" s="60"/>
      <c r="E7" s="60"/>
      <c r="F7" s="10"/>
      <c r="G7" s="10"/>
      <c r="H7" s="10"/>
      <c r="I7" s="13"/>
      <c r="M7" s="5"/>
    </row>
    <row r="8" spans="1:13">
      <c r="A8" s="49">
        <v>42430</v>
      </c>
      <c r="C8" s="60">
        <f>'July 15 - May 16'!G115</f>
        <v>508146.73</v>
      </c>
      <c r="D8" s="60"/>
      <c r="E8" s="60">
        <v>516666.67</v>
      </c>
      <c r="F8" s="10"/>
      <c r="G8" s="10">
        <f t="shared" si="0"/>
        <v>8519.9400000000023</v>
      </c>
      <c r="H8" s="10"/>
      <c r="I8" s="13"/>
      <c r="M8" s="5"/>
    </row>
    <row r="9" spans="1:13">
      <c r="A9" s="49">
        <v>42461</v>
      </c>
      <c r="C9" s="60">
        <f>'July 15 - May 16'!G136</f>
        <v>355847.16</v>
      </c>
      <c r="D9" s="60"/>
      <c r="E9" s="60">
        <v>516666.67</v>
      </c>
      <c r="F9" s="10"/>
      <c r="G9" s="10">
        <f t="shared" si="0"/>
        <v>160819.51</v>
      </c>
      <c r="H9" s="10"/>
      <c r="I9" s="13"/>
      <c r="M9" s="5"/>
    </row>
    <row r="10" spans="1:13">
      <c r="A10" s="49">
        <v>42491</v>
      </c>
      <c r="C10" s="60">
        <f>'July 15 - May 16'!G146</f>
        <v>377363.5</v>
      </c>
      <c r="D10" s="60"/>
      <c r="E10" s="60">
        <v>516666.67</v>
      </c>
      <c r="F10" s="10"/>
      <c r="G10" s="10">
        <f t="shared" si="0"/>
        <v>139303.16999999998</v>
      </c>
      <c r="H10" s="10"/>
      <c r="I10" s="13"/>
      <c r="M10" s="5"/>
    </row>
    <row r="11" spans="1:13">
      <c r="A11" s="49">
        <v>42522</v>
      </c>
      <c r="C11" s="60">
        <v>422946.44999999995</v>
      </c>
      <c r="D11" s="60"/>
      <c r="E11" s="60">
        <v>516666.67</v>
      </c>
      <c r="F11" s="10"/>
      <c r="G11" s="10">
        <f t="shared" si="0"/>
        <v>93720.22000000003</v>
      </c>
      <c r="H11" s="10"/>
      <c r="I11" s="13" t="s">
        <v>480</v>
      </c>
      <c r="M11" s="5"/>
    </row>
    <row r="12" spans="1:13">
      <c r="A12" s="49">
        <v>42552</v>
      </c>
      <c r="C12" s="60">
        <v>454807.5</v>
      </c>
      <c r="D12" s="60"/>
      <c r="E12" s="60">
        <v>516666.67</v>
      </c>
      <c r="F12" s="10"/>
      <c r="G12" s="10">
        <f t="shared" si="0"/>
        <v>61859.169999999984</v>
      </c>
      <c r="H12" s="10"/>
      <c r="I12" s="13" t="s">
        <v>480</v>
      </c>
      <c r="M12" s="5"/>
    </row>
    <row r="13" spans="1:13">
      <c r="A13" s="49">
        <v>42583</v>
      </c>
      <c r="C13" s="60">
        <v>594442.87</v>
      </c>
      <c r="D13" s="60"/>
      <c r="E13" s="60">
        <v>516666.67</v>
      </c>
      <c r="F13" s="10"/>
      <c r="G13" s="10">
        <f>+E13-C13</f>
        <v>-77776.200000000012</v>
      </c>
      <c r="H13" s="10"/>
      <c r="I13" s="13" t="s">
        <v>480</v>
      </c>
      <c r="M13" s="5"/>
    </row>
    <row r="14" spans="1:13">
      <c r="A14" s="49">
        <v>42614</v>
      </c>
      <c r="C14" s="60">
        <v>587632.5</v>
      </c>
      <c r="D14" s="60"/>
      <c r="E14" s="60">
        <v>516666.67</v>
      </c>
      <c r="F14" s="10"/>
      <c r="G14" s="10">
        <f t="shared" si="0"/>
        <v>-70965.830000000016</v>
      </c>
      <c r="H14" s="10"/>
      <c r="I14" s="13" t="s">
        <v>480</v>
      </c>
      <c r="M14" s="5"/>
    </row>
    <row r="15" spans="1:13">
      <c r="A15" s="49">
        <v>42644</v>
      </c>
      <c r="C15" s="60">
        <v>490040.14999999997</v>
      </c>
      <c r="D15" s="60"/>
      <c r="E15" s="60">
        <v>516666.67</v>
      </c>
      <c r="F15" s="10"/>
      <c r="G15" s="10">
        <f t="shared" si="0"/>
        <v>26626.520000000019</v>
      </c>
      <c r="H15" s="10"/>
      <c r="I15" s="13" t="s">
        <v>480</v>
      </c>
      <c r="M15" s="5"/>
    </row>
    <row r="16" spans="1:13">
      <c r="A16" s="49">
        <v>42675</v>
      </c>
      <c r="C16" s="60">
        <v>454493.90999999992</v>
      </c>
      <c r="D16" s="60"/>
      <c r="E16" s="60">
        <v>516666.67</v>
      </c>
      <c r="F16" s="10"/>
      <c r="G16" s="10">
        <f>+E16-C16</f>
        <v>62172.760000000068</v>
      </c>
      <c r="H16" s="10"/>
      <c r="I16" s="13" t="s">
        <v>480</v>
      </c>
      <c r="M16" s="5"/>
    </row>
    <row r="17" spans="1:13">
      <c r="A17" s="49">
        <v>42705</v>
      </c>
      <c r="C17" s="60">
        <v>614962.67000000004</v>
      </c>
      <c r="D17" s="60"/>
      <c r="E17" s="60">
        <v>516666.67</v>
      </c>
      <c r="F17" s="10"/>
      <c r="G17" s="10">
        <f>+E17-C17</f>
        <v>-98296.000000000058</v>
      </c>
      <c r="H17" s="10"/>
      <c r="I17" s="13" t="s">
        <v>480</v>
      </c>
      <c r="M17" s="5"/>
    </row>
    <row r="18" spans="1:13">
      <c r="A18" s="49">
        <v>42736</v>
      </c>
      <c r="C18" s="60">
        <v>683158.86</v>
      </c>
      <c r="D18" s="60"/>
      <c r="E18" s="60">
        <v>516666.67</v>
      </c>
      <c r="F18" s="10"/>
      <c r="G18" s="10">
        <f t="shared" ref="G18:G19" si="1">+E18-C18</f>
        <v>-166492.19</v>
      </c>
      <c r="H18" s="10"/>
      <c r="I18" s="13"/>
      <c r="M18" s="5"/>
    </row>
    <row r="19" spans="1:13">
      <c r="A19" s="49">
        <v>42767</v>
      </c>
      <c r="C19" s="60">
        <v>603288.53</v>
      </c>
      <c r="D19" s="60"/>
      <c r="E19" s="60">
        <v>516666.67</v>
      </c>
      <c r="F19" s="10"/>
      <c r="G19" s="10">
        <f t="shared" si="1"/>
        <v>-86621.860000000044</v>
      </c>
      <c r="H19" s="10"/>
      <c r="I19" s="13"/>
      <c r="M19" s="5"/>
    </row>
    <row r="20" spans="1:13">
      <c r="A20" s="49"/>
      <c r="C20" s="60"/>
      <c r="D20" s="60"/>
      <c r="E20" s="60"/>
      <c r="F20" s="10"/>
      <c r="G20" s="10"/>
      <c r="H20" s="10"/>
      <c r="I20" s="13"/>
      <c r="M20" s="5"/>
    </row>
    <row r="21" spans="1:13">
      <c r="A21" s="49"/>
      <c r="C21" s="60"/>
      <c r="D21" s="60"/>
      <c r="E21" s="60"/>
      <c r="F21" s="10"/>
      <c r="G21" s="10"/>
      <c r="H21" s="10"/>
      <c r="I21" s="13"/>
      <c r="M21" s="5"/>
    </row>
    <row r="22" spans="1:13">
      <c r="A22" s="5"/>
      <c r="C22" s="60"/>
      <c r="D22" s="60"/>
      <c r="E22" s="60"/>
      <c r="F22" s="10"/>
      <c r="G22" s="52">
        <f>SUM(G5:G17)</f>
        <v>811457.54</v>
      </c>
      <c r="H22" s="10"/>
      <c r="I22" s="10"/>
      <c r="M22" s="5"/>
    </row>
    <row r="23" spans="1:13">
      <c r="A23" s="51"/>
      <c r="C23" s="60"/>
      <c r="D23" s="60"/>
      <c r="E23" s="60"/>
      <c r="F23" s="10"/>
      <c r="G23" s="58">
        <f>BS!F227</f>
        <v>502814.92</v>
      </c>
      <c r="H23" s="10"/>
      <c r="I23" s="10"/>
      <c r="M23" s="5"/>
    </row>
    <row r="24" spans="1:13">
      <c r="A24" s="5"/>
      <c r="C24" s="10"/>
      <c r="E24" s="10"/>
      <c r="F24" s="10"/>
      <c r="G24" s="10">
        <f>G22-G23</f>
        <v>308642.62000000005</v>
      </c>
      <c r="H24" s="10" t="s">
        <v>712</v>
      </c>
      <c r="M24" s="5"/>
    </row>
    <row r="25" spans="1:13">
      <c r="A25" s="5"/>
      <c r="C25" s="10"/>
      <c r="D25" s="10"/>
      <c r="E25" s="10"/>
      <c r="F25" s="10"/>
      <c r="G25" s="10"/>
      <c r="M25" s="5"/>
    </row>
    <row r="26" spans="1:13">
      <c r="A26" s="5" t="s">
        <v>1564</v>
      </c>
      <c r="C26" s="10">
        <f>SUM(C8:C19)</f>
        <v>6147130.8300000001</v>
      </c>
      <c r="D26" s="10"/>
      <c r="E26" s="10"/>
      <c r="F26" s="10"/>
      <c r="G26" s="10"/>
      <c r="M26" s="5"/>
    </row>
    <row r="27" spans="1:13">
      <c r="A27" s="5" t="s">
        <v>1576</v>
      </c>
      <c r="C27" s="10">
        <f>-'Query 2'!I24</f>
        <v>249700.86999999991</v>
      </c>
      <c r="D27" s="10"/>
      <c r="E27" s="10"/>
      <c r="F27" s="10"/>
      <c r="G27" s="10"/>
      <c r="M27" s="5"/>
    </row>
    <row r="28" spans="1:13">
      <c r="A28" s="5" t="s">
        <v>1564</v>
      </c>
      <c r="C28" s="10">
        <f>C27+C26</f>
        <v>6396831.7000000002</v>
      </c>
      <c r="D28" s="10"/>
      <c r="E28" s="10"/>
      <c r="F28" s="10"/>
      <c r="G28" s="10"/>
      <c r="M28" s="5"/>
    </row>
    <row r="29" spans="1:13">
      <c r="A29" s="5"/>
      <c r="C29" s="10"/>
      <c r="D29" s="10"/>
      <c r="E29" s="10"/>
      <c r="F29" s="10"/>
      <c r="G29" s="10"/>
      <c r="M29" s="5"/>
    </row>
    <row r="30" spans="1:13">
      <c r="A30" s="5"/>
      <c r="C30" s="10"/>
      <c r="D30" s="10"/>
      <c r="E30" s="10"/>
      <c r="F30" s="10"/>
      <c r="G30" s="10"/>
      <c r="M30" s="5"/>
    </row>
    <row r="31" spans="1:13">
      <c r="A31" s="5"/>
      <c r="C31" s="10"/>
      <c r="D31" s="10"/>
      <c r="E31" s="10"/>
      <c r="F31" s="10"/>
      <c r="G31" s="10"/>
      <c r="M31" s="5"/>
    </row>
    <row r="32" spans="1:13">
      <c r="A32" s="5"/>
      <c r="C32" s="10"/>
      <c r="D32" s="10"/>
      <c r="E32" s="10"/>
      <c r="F32" s="10"/>
      <c r="G32" s="10"/>
      <c r="M32" s="5"/>
    </row>
    <row r="33" spans="1:13">
      <c r="A33" s="5"/>
      <c r="C33" s="10"/>
      <c r="D33" s="10"/>
      <c r="E33" s="10"/>
      <c r="F33" s="10"/>
      <c r="G33" s="10"/>
      <c r="M33" s="5"/>
    </row>
    <row r="34" spans="1:13">
      <c r="A34" s="5"/>
      <c r="C34" s="10"/>
      <c r="D34" s="10"/>
      <c r="E34" s="10"/>
      <c r="F34" s="10"/>
      <c r="G34" s="10"/>
      <c r="M34" s="5"/>
    </row>
    <row r="35" spans="1:13">
      <c r="A35" s="5"/>
      <c r="C35" s="10"/>
      <c r="D35" s="10"/>
      <c r="E35" s="10"/>
      <c r="F35" s="10"/>
      <c r="G35" s="10"/>
      <c r="M35" s="5"/>
    </row>
    <row r="36" spans="1:13">
      <c r="A36" s="5"/>
      <c r="C36" s="10"/>
      <c r="D36" s="10"/>
      <c r="E36" s="10"/>
      <c r="F36" s="10"/>
      <c r="G36" s="10"/>
      <c r="M36" s="5"/>
    </row>
    <row r="37" spans="1:13">
      <c r="A37" s="5"/>
      <c r="C37" s="10"/>
      <c r="D37" s="10"/>
      <c r="E37" s="10"/>
      <c r="F37" s="10"/>
      <c r="G37" s="10"/>
      <c r="M37" s="5"/>
    </row>
    <row r="38" spans="1:13">
      <c r="A38" s="5"/>
      <c r="C38" s="10"/>
      <c r="D38" s="10"/>
      <c r="E38" s="10"/>
      <c r="F38" s="10"/>
      <c r="G38" s="10"/>
      <c r="M38" s="5"/>
    </row>
    <row r="39" spans="1:13">
      <c r="A39" s="5"/>
      <c r="C39" s="10"/>
      <c r="D39" s="10"/>
      <c r="E39" s="10"/>
      <c r="F39" s="10"/>
      <c r="G39" s="10"/>
      <c r="M39" s="5"/>
    </row>
    <row r="40" spans="1:13">
      <c r="A40" s="5"/>
      <c r="C40" s="10"/>
      <c r="D40" s="10"/>
      <c r="E40" s="10"/>
      <c r="F40" s="10"/>
      <c r="G40" s="10"/>
      <c r="M40" s="5"/>
    </row>
    <row r="41" spans="1:13">
      <c r="A41" s="5"/>
      <c r="C41" s="10"/>
      <c r="D41" s="10"/>
      <c r="E41" s="10"/>
      <c r="F41" s="10"/>
      <c r="G41" s="10"/>
      <c r="M41" s="5"/>
    </row>
    <row r="42" spans="1:13">
      <c r="A42" s="5"/>
      <c r="C42" s="10"/>
      <c r="D42" s="10"/>
      <c r="E42" s="10"/>
      <c r="F42" s="10"/>
      <c r="G42" s="10"/>
      <c r="M42" s="5"/>
    </row>
    <row r="43" spans="1:13">
      <c r="A43" s="5"/>
      <c r="C43" s="10"/>
      <c r="D43" s="10"/>
      <c r="E43" s="10"/>
      <c r="F43" s="10"/>
      <c r="G43" s="10"/>
      <c r="M43" s="5"/>
    </row>
    <row r="44" spans="1:13">
      <c r="A44" s="5"/>
      <c r="C44" s="10"/>
      <c r="D44" s="10"/>
      <c r="E44" s="10"/>
      <c r="F44" s="10"/>
      <c r="G44" s="10"/>
      <c r="M44" s="5"/>
    </row>
    <row r="45" spans="1:13">
      <c r="A45" s="5"/>
      <c r="C45" s="10"/>
      <c r="D45" s="10"/>
      <c r="E45" s="10"/>
      <c r="F45" s="10"/>
      <c r="G45" s="10"/>
      <c r="M45" s="5"/>
    </row>
    <row r="46" spans="1:13">
      <c r="A46" s="5"/>
      <c r="C46" s="10"/>
      <c r="D46" s="10"/>
      <c r="E46" s="10"/>
      <c r="F46" s="10"/>
      <c r="G46" s="10"/>
      <c r="M46" s="5"/>
    </row>
    <row r="47" spans="1:13">
      <c r="A47" s="5"/>
      <c r="C47" s="10"/>
      <c r="D47" s="10"/>
      <c r="E47" s="10"/>
      <c r="F47" s="10"/>
      <c r="G47" s="10"/>
      <c r="M47" s="5"/>
    </row>
    <row r="48" spans="1:13">
      <c r="A48" s="5"/>
      <c r="C48" s="10"/>
      <c r="D48" s="10"/>
      <c r="E48" s="10"/>
      <c r="F48" s="10"/>
      <c r="G48" s="10"/>
      <c r="M48" s="5"/>
    </row>
    <row r="49" spans="1:13">
      <c r="A49" s="5"/>
      <c r="C49" s="10"/>
      <c r="D49" s="10"/>
      <c r="E49" s="10"/>
      <c r="F49" s="10"/>
      <c r="G49" s="10"/>
      <c r="M49" s="5"/>
    </row>
    <row r="50" spans="1:13">
      <c r="A50" s="5"/>
      <c r="C50" s="10"/>
      <c r="D50" s="10"/>
      <c r="E50" s="10"/>
      <c r="F50" s="10"/>
      <c r="G50" s="10"/>
      <c r="M50" s="5"/>
    </row>
    <row r="51" spans="1:13">
      <c r="A51" s="5"/>
      <c r="C51" s="10"/>
      <c r="D51" s="10"/>
      <c r="E51" s="10"/>
      <c r="F51" s="10"/>
      <c r="G51" s="10"/>
      <c r="M51" s="5"/>
    </row>
    <row r="52" spans="1:13">
      <c r="A52" s="5"/>
      <c r="C52" s="10"/>
      <c r="D52" s="10"/>
      <c r="E52" s="10"/>
      <c r="F52" s="10"/>
      <c r="G52" s="10"/>
      <c r="M52" s="5"/>
    </row>
    <row r="53" spans="1:13">
      <c r="A53" s="5"/>
      <c r="C53" s="10"/>
      <c r="D53" s="10"/>
      <c r="E53" s="10"/>
      <c r="F53" s="10"/>
      <c r="G53" s="10"/>
      <c r="M53" s="5"/>
    </row>
    <row r="54" spans="1:13">
      <c r="A54" s="5"/>
      <c r="C54" s="10"/>
      <c r="D54" s="10"/>
      <c r="E54" s="10"/>
      <c r="F54" s="10"/>
      <c r="G54" s="10"/>
      <c r="M54" s="5"/>
    </row>
    <row r="55" spans="1:13">
      <c r="A55" s="5"/>
      <c r="C55" s="10"/>
      <c r="D55" s="10"/>
      <c r="E55" s="10"/>
      <c r="F55" s="10"/>
      <c r="G55" s="10"/>
      <c r="M55" s="5"/>
    </row>
    <row r="56" spans="1:13">
      <c r="A56" s="5"/>
      <c r="C56" s="10"/>
      <c r="D56" s="10"/>
      <c r="E56" s="10"/>
      <c r="F56" s="10"/>
      <c r="G56" s="10"/>
      <c r="M56" s="5"/>
    </row>
    <row r="57" spans="1:13">
      <c r="A57" s="5"/>
      <c r="C57" s="10"/>
      <c r="D57" s="10"/>
      <c r="E57" s="10"/>
      <c r="F57" s="10"/>
      <c r="G57" s="10"/>
      <c r="M57" s="5"/>
    </row>
    <row r="58" spans="1:13">
      <c r="A58" s="5"/>
      <c r="C58" s="10"/>
      <c r="D58" s="10"/>
      <c r="E58" s="10"/>
      <c r="F58" s="10"/>
      <c r="G58" s="10"/>
      <c r="M58" s="5"/>
    </row>
    <row r="59" spans="1:13">
      <c r="A59" s="5"/>
      <c r="C59" s="10"/>
      <c r="D59" s="10"/>
      <c r="E59" s="10"/>
      <c r="F59" s="10"/>
      <c r="G59" s="10"/>
      <c r="M59" s="5"/>
    </row>
    <row r="60" spans="1:13">
      <c r="A60" s="5"/>
      <c r="C60" s="10"/>
      <c r="D60" s="10"/>
      <c r="E60" s="10"/>
      <c r="F60" s="10"/>
      <c r="G60" s="10"/>
      <c r="M60" s="5"/>
    </row>
    <row r="61" spans="1:13">
      <c r="A61" s="5"/>
      <c r="C61" s="10"/>
      <c r="D61" s="10"/>
      <c r="E61" s="10"/>
      <c r="F61" s="10"/>
      <c r="G61" s="10"/>
      <c r="M61" s="5"/>
    </row>
    <row r="62" spans="1:13">
      <c r="A62" s="5"/>
      <c r="C62" s="10"/>
      <c r="D62" s="10"/>
      <c r="E62" s="10"/>
      <c r="F62" s="10"/>
      <c r="G62" s="10"/>
      <c r="M62" s="5"/>
    </row>
    <row r="63" spans="1:13">
      <c r="A63" s="5"/>
      <c r="C63" s="10"/>
      <c r="D63" s="10"/>
      <c r="E63" s="10"/>
      <c r="F63" s="10"/>
      <c r="G63" s="10"/>
      <c r="M63" s="5"/>
    </row>
    <row r="64" spans="1:13">
      <c r="A64" s="5"/>
      <c r="C64" s="10"/>
      <c r="D64" s="10"/>
      <c r="E64" s="10"/>
      <c r="F64" s="10"/>
      <c r="G64" s="10"/>
      <c r="M64" s="5"/>
    </row>
    <row r="65" spans="1:13">
      <c r="A65" s="5"/>
      <c r="C65" s="10"/>
      <c r="D65" s="10"/>
      <c r="E65" s="10"/>
      <c r="F65" s="10"/>
      <c r="G65" s="10"/>
      <c r="M65" s="5"/>
    </row>
    <row r="66" spans="1:13">
      <c r="A66" s="5"/>
      <c r="C66" s="10"/>
      <c r="D66" s="10"/>
      <c r="E66" s="10"/>
      <c r="F66" s="10"/>
      <c r="G66" s="10"/>
      <c r="M66" s="5"/>
    </row>
    <row r="67" spans="1:13">
      <c r="A67" s="5"/>
      <c r="C67" s="10"/>
      <c r="D67" s="10"/>
      <c r="E67" s="10"/>
      <c r="F67" s="10"/>
      <c r="G67" s="10"/>
      <c r="M67" s="5"/>
    </row>
    <row r="68" spans="1:13">
      <c r="A68" s="5"/>
      <c r="C68" s="10"/>
      <c r="D68" s="10"/>
      <c r="E68" s="10"/>
      <c r="F68" s="10"/>
      <c r="G68" s="10"/>
      <c r="M68" s="5"/>
    </row>
    <row r="69" spans="1:13">
      <c r="A69" s="5"/>
      <c r="C69" s="10"/>
      <c r="D69" s="10"/>
      <c r="E69" s="10"/>
      <c r="F69" s="10"/>
      <c r="G69" s="10"/>
      <c r="M69" s="5"/>
    </row>
    <row r="70" spans="1:13">
      <c r="A70" s="5"/>
      <c r="C70" s="10"/>
      <c r="D70" s="10"/>
      <c r="E70" s="10"/>
      <c r="F70" s="10"/>
      <c r="G70" s="10"/>
      <c r="M70" s="5"/>
    </row>
    <row r="71" spans="1:13">
      <c r="A71" s="5"/>
      <c r="C71" s="10"/>
      <c r="D71" s="10"/>
      <c r="E71" s="10"/>
      <c r="F71" s="10"/>
      <c r="G71" s="10"/>
      <c r="M71" s="5"/>
    </row>
    <row r="72" spans="1:13">
      <c r="A72" s="5"/>
      <c r="C72" s="10"/>
      <c r="D72" s="10"/>
      <c r="E72" s="10"/>
      <c r="F72" s="10"/>
      <c r="G72" s="10"/>
      <c r="M72" s="5"/>
    </row>
    <row r="73" spans="1:13">
      <c r="A73" s="5"/>
      <c r="C73" s="10"/>
      <c r="D73" s="10"/>
      <c r="E73" s="10"/>
      <c r="F73" s="10"/>
      <c r="G73" s="10"/>
      <c r="M73" s="5"/>
    </row>
    <row r="74" spans="1:13">
      <c r="A74" s="5"/>
      <c r="C74" s="10"/>
      <c r="D74" s="10"/>
      <c r="E74" s="10"/>
      <c r="F74" s="10"/>
      <c r="G74" s="10"/>
      <c r="M74" s="5"/>
    </row>
    <row r="75" spans="1:13">
      <c r="A75" s="5"/>
      <c r="C75" s="10"/>
      <c r="D75" s="10"/>
      <c r="E75" s="10"/>
      <c r="F75" s="10"/>
      <c r="G75" s="10"/>
      <c r="M75" s="5"/>
    </row>
    <row r="76" spans="1:13">
      <c r="A76" s="5"/>
      <c r="C76" s="10"/>
      <c r="D76" s="10"/>
      <c r="E76" s="10"/>
      <c r="F76" s="10"/>
      <c r="G76" s="10"/>
      <c r="M76" s="5"/>
    </row>
    <row r="77" spans="1:13">
      <c r="A77" s="5"/>
      <c r="C77" s="10"/>
      <c r="D77" s="10"/>
      <c r="E77" s="10"/>
      <c r="F77" s="10"/>
      <c r="G77" s="10"/>
      <c r="M77" s="5"/>
    </row>
    <row r="78" spans="1:13">
      <c r="A78" s="5"/>
      <c r="C78" s="10"/>
      <c r="D78" s="10"/>
      <c r="E78" s="10"/>
      <c r="F78" s="10"/>
      <c r="G78" s="10"/>
      <c r="M78" s="5"/>
    </row>
    <row r="79" spans="1:13">
      <c r="A79" s="5"/>
      <c r="C79" s="10"/>
      <c r="D79" s="10"/>
      <c r="E79" s="10"/>
      <c r="F79" s="10"/>
      <c r="G79" s="10"/>
      <c r="M79" s="5"/>
    </row>
    <row r="80" spans="1:13">
      <c r="A80" s="5"/>
      <c r="C80" s="10"/>
      <c r="D80" s="10"/>
      <c r="E80" s="10"/>
      <c r="F80" s="10"/>
      <c r="G80" s="10"/>
      <c r="M80" s="5"/>
    </row>
    <row r="81" spans="1:13">
      <c r="A81" s="5"/>
      <c r="C81" s="10"/>
      <c r="D81" s="10"/>
      <c r="E81" s="10"/>
      <c r="F81" s="10"/>
      <c r="G81" s="10"/>
      <c r="M81" s="5"/>
    </row>
    <row r="82" spans="1:13">
      <c r="A82" s="5"/>
      <c r="C82" s="10"/>
      <c r="D82" s="10"/>
      <c r="E82" s="10"/>
      <c r="F82" s="10"/>
      <c r="G82" s="10"/>
      <c r="M82" s="5"/>
    </row>
    <row r="83" spans="1:13">
      <c r="A83" s="5"/>
      <c r="C83" s="10"/>
      <c r="D83" s="10"/>
      <c r="E83" s="10"/>
      <c r="F83" s="10"/>
      <c r="G83" s="10"/>
      <c r="M83" s="5"/>
    </row>
    <row r="84" spans="1:13">
      <c r="A84" s="5"/>
      <c r="C84" s="10"/>
      <c r="D84" s="10"/>
      <c r="E84" s="10"/>
      <c r="F84" s="10"/>
      <c r="G84" s="10"/>
      <c r="M84" s="5"/>
    </row>
    <row r="85" spans="1:13">
      <c r="A85" s="5"/>
      <c r="C85" s="10"/>
      <c r="D85" s="10"/>
      <c r="E85" s="10"/>
      <c r="F85" s="10"/>
      <c r="G85" s="10"/>
      <c r="M85" s="5"/>
    </row>
    <row r="86" spans="1:13">
      <c r="A86" s="5"/>
      <c r="C86" s="10"/>
      <c r="D86" s="10"/>
      <c r="E86" s="10"/>
      <c r="F86" s="10"/>
      <c r="G86" s="10"/>
      <c r="M86" s="5"/>
    </row>
    <row r="87" spans="1:13">
      <c r="A87" s="5"/>
      <c r="C87" s="10"/>
      <c r="D87" s="10"/>
      <c r="E87" s="10"/>
      <c r="F87" s="10"/>
      <c r="G87" s="10"/>
      <c r="M87" s="5"/>
    </row>
    <row r="88" spans="1:13">
      <c r="A88" s="5"/>
      <c r="C88" s="10"/>
      <c r="D88" s="10"/>
      <c r="E88" s="10"/>
      <c r="F88" s="10"/>
      <c r="G88" s="10"/>
      <c r="M88" s="5"/>
    </row>
    <row r="89" spans="1:13">
      <c r="A89" s="5"/>
      <c r="C89" s="10"/>
      <c r="D89" s="10"/>
      <c r="E89" s="10"/>
      <c r="F89" s="10"/>
      <c r="G89" s="10"/>
      <c r="M89" s="5"/>
    </row>
    <row r="90" spans="1:13">
      <c r="A90" s="5"/>
      <c r="C90" s="10"/>
      <c r="D90" s="10"/>
      <c r="E90" s="10"/>
      <c r="F90" s="10"/>
      <c r="G90" s="10"/>
      <c r="M90" s="5"/>
    </row>
    <row r="91" spans="1:13">
      <c r="A91" s="5"/>
      <c r="C91" s="10"/>
      <c r="D91" s="10"/>
      <c r="E91" s="10"/>
      <c r="F91" s="10"/>
      <c r="G91" s="10"/>
      <c r="M91" s="5"/>
    </row>
    <row r="92" spans="1:13">
      <c r="A92" s="5"/>
      <c r="C92" s="10"/>
      <c r="D92" s="10"/>
      <c r="E92" s="10"/>
      <c r="F92" s="10"/>
      <c r="G92" s="10"/>
      <c r="M92" s="5"/>
    </row>
    <row r="93" spans="1:13">
      <c r="A93" s="5"/>
      <c r="C93" s="10"/>
      <c r="D93" s="10"/>
      <c r="E93" s="10"/>
      <c r="F93" s="10"/>
      <c r="G93" s="10"/>
      <c r="M93" s="5"/>
    </row>
    <row r="94" spans="1:13">
      <c r="A94" s="5"/>
      <c r="C94" s="10"/>
      <c r="D94" s="10"/>
      <c r="E94" s="10"/>
      <c r="F94" s="10"/>
      <c r="G94" s="10"/>
      <c r="M94" s="5"/>
    </row>
    <row r="95" spans="1:13">
      <c r="A95" s="5"/>
      <c r="C95" s="10"/>
      <c r="D95" s="10"/>
      <c r="E95" s="10"/>
      <c r="F95" s="10"/>
      <c r="G95" s="10"/>
      <c r="M95" s="5"/>
    </row>
    <row r="96" spans="1:13">
      <c r="A96" s="5"/>
      <c r="C96" s="10"/>
      <c r="D96" s="10"/>
      <c r="E96" s="10"/>
      <c r="F96" s="10"/>
      <c r="G96" s="10"/>
      <c r="M96" s="5"/>
    </row>
    <row r="97" spans="1:13">
      <c r="A97" s="5"/>
      <c r="C97" s="10"/>
      <c r="D97" s="10"/>
      <c r="E97" s="10"/>
      <c r="F97" s="10"/>
      <c r="G97" s="10"/>
      <c r="M97" s="5"/>
    </row>
    <row r="98" spans="1:13">
      <c r="A98" s="5"/>
      <c r="C98" s="10"/>
      <c r="D98" s="10"/>
      <c r="E98" s="10"/>
      <c r="F98" s="10"/>
      <c r="G98" s="10"/>
      <c r="M98" s="5"/>
    </row>
    <row r="99" spans="1:13">
      <c r="A99" s="5"/>
      <c r="C99" s="10"/>
      <c r="D99" s="10"/>
      <c r="E99" s="10"/>
      <c r="F99" s="10"/>
      <c r="G99" s="10"/>
      <c r="M99" s="5"/>
    </row>
    <row r="100" spans="1:13">
      <c r="A100" s="5"/>
      <c r="C100" s="10"/>
      <c r="D100" s="10"/>
      <c r="E100" s="10"/>
      <c r="F100" s="10"/>
      <c r="G100" s="10"/>
      <c r="M100" s="5"/>
    </row>
    <row r="101" spans="1:13">
      <c r="A101" s="5"/>
      <c r="C101" s="10"/>
      <c r="D101" s="10"/>
      <c r="E101" s="10"/>
      <c r="F101" s="10"/>
      <c r="G101" s="10"/>
      <c r="M101" s="5"/>
    </row>
    <row r="102" spans="1:13">
      <c r="A102" s="5"/>
      <c r="C102" s="10"/>
      <c r="D102" s="10"/>
      <c r="E102" s="10"/>
      <c r="F102" s="10"/>
      <c r="G102" s="10"/>
      <c r="M102" s="5"/>
    </row>
    <row r="103" spans="1:13">
      <c r="A103" s="5"/>
      <c r="C103" s="10"/>
      <c r="D103" s="10"/>
      <c r="E103" s="10"/>
      <c r="F103" s="10"/>
      <c r="G103" s="10"/>
      <c r="M103" s="5"/>
    </row>
    <row r="104" spans="1:13">
      <c r="A104" s="5"/>
      <c r="C104" s="10"/>
      <c r="D104" s="10"/>
      <c r="E104" s="10"/>
      <c r="F104" s="10"/>
      <c r="G104" s="10"/>
      <c r="M104" s="5"/>
    </row>
    <row r="105" spans="1:13">
      <c r="A105" s="5"/>
      <c r="C105" s="10"/>
      <c r="D105" s="10"/>
      <c r="E105" s="10"/>
      <c r="F105" s="10"/>
      <c r="G105" s="10"/>
      <c r="M105" s="5"/>
    </row>
    <row r="106" spans="1:13">
      <c r="A106" s="5"/>
      <c r="C106" s="10"/>
      <c r="D106" s="10"/>
      <c r="E106" s="10"/>
      <c r="F106" s="10"/>
      <c r="G106" s="10"/>
      <c r="M106" s="5"/>
    </row>
    <row r="107" spans="1:13">
      <c r="A107" s="5"/>
      <c r="C107" s="10"/>
      <c r="D107" s="10"/>
      <c r="E107" s="10"/>
      <c r="F107" s="10"/>
      <c r="G107" s="10"/>
      <c r="M107" s="5"/>
    </row>
    <row r="108" spans="1:13">
      <c r="A108" s="5"/>
      <c r="C108" s="10"/>
      <c r="D108" s="10"/>
      <c r="E108" s="10"/>
      <c r="F108" s="10"/>
      <c r="G108" s="10"/>
      <c r="M108" s="5"/>
    </row>
    <row r="109" spans="1:13">
      <c r="A109" s="5"/>
      <c r="C109" s="10"/>
      <c r="D109" s="10"/>
      <c r="E109" s="10"/>
      <c r="F109" s="10"/>
      <c r="G109" s="10"/>
      <c r="M109" s="5"/>
    </row>
    <row r="110" spans="1:13">
      <c r="A110" s="5"/>
      <c r="C110" s="10"/>
      <c r="D110" s="10"/>
      <c r="E110" s="10"/>
      <c r="F110" s="10"/>
      <c r="G110" s="10"/>
      <c r="M110" s="5"/>
    </row>
    <row r="111" spans="1:13">
      <c r="A111" s="5"/>
      <c r="C111" s="10"/>
      <c r="D111" s="10"/>
      <c r="E111" s="10"/>
      <c r="F111" s="10"/>
      <c r="G111" s="10"/>
      <c r="M111" s="5"/>
    </row>
    <row r="112" spans="1:13">
      <c r="A112" s="5"/>
      <c r="C112" s="10"/>
      <c r="D112" s="10"/>
      <c r="E112" s="10"/>
      <c r="F112" s="10"/>
      <c r="G112" s="10"/>
      <c r="M112" s="5"/>
    </row>
    <row r="113" spans="1:13">
      <c r="A113" s="5"/>
      <c r="C113" s="10"/>
      <c r="D113" s="10"/>
      <c r="E113" s="10"/>
      <c r="F113" s="10"/>
      <c r="G113" s="10"/>
      <c r="M113" s="5"/>
    </row>
    <row r="114" spans="1:13">
      <c r="A114" s="5"/>
      <c r="C114" s="10"/>
      <c r="D114" s="10"/>
      <c r="E114" s="10"/>
      <c r="F114" s="10"/>
      <c r="G114" s="10"/>
      <c r="M114" s="5"/>
    </row>
    <row r="115" spans="1:13">
      <c r="A115" s="5"/>
      <c r="C115" s="10"/>
      <c r="D115" s="10"/>
      <c r="E115" s="10"/>
      <c r="F115" s="10"/>
      <c r="G115" s="10"/>
      <c r="M115" s="5"/>
    </row>
    <row r="116" spans="1:13">
      <c r="A116" s="5"/>
      <c r="C116" s="10"/>
      <c r="D116" s="10"/>
      <c r="E116" s="10"/>
      <c r="F116" s="10"/>
      <c r="G116" s="10"/>
      <c r="M116" s="5"/>
    </row>
    <row r="117" spans="1:13">
      <c r="A117" s="5"/>
      <c r="C117" s="10"/>
      <c r="D117" s="10"/>
      <c r="E117" s="10"/>
      <c r="F117" s="10"/>
      <c r="G117" s="10"/>
      <c r="M117" s="5"/>
    </row>
    <row r="118" spans="1:13">
      <c r="A118" s="5"/>
      <c r="C118" s="10"/>
      <c r="D118" s="10"/>
      <c r="E118" s="10"/>
      <c r="F118" s="10"/>
      <c r="G118" s="10"/>
      <c r="M118" s="5"/>
    </row>
    <row r="119" spans="1:13">
      <c r="A119" s="5"/>
      <c r="C119" s="10"/>
      <c r="D119" s="10"/>
      <c r="E119" s="10"/>
      <c r="F119" s="10"/>
      <c r="G119" s="10"/>
      <c r="M119" s="5"/>
    </row>
    <row r="120" spans="1:13">
      <c r="A120" s="5"/>
      <c r="C120" s="10"/>
      <c r="D120" s="10"/>
      <c r="E120" s="10"/>
      <c r="F120" s="10"/>
      <c r="G120" s="10"/>
      <c r="M120" s="5"/>
    </row>
    <row r="121" spans="1:13">
      <c r="A121" s="5"/>
      <c r="C121" s="10"/>
      <c r="D121" s="10"/>
      <c r="E121" s="10"/>
      <c r="F121" s="10"/>
      <c r="G121" s="10"/>
      <c r="M121" s="5"/>
    </row>
    <row r="122" spans="1:13">
      <c r="A122" s="5"/>
      <c r="C122" s="10"/>
      <c r="D122" s="10"/>
      <c r="E122" s="10"/>
      <c r="F122" s="10"/>
      <c r="G122" s="10"/>
      <c r="M122" s="5"/>
    </row>
    <row r="123" spans="1:13">
      <c r="A123" s="5"/>
      <c r="C123" s="10"/>
      <c r="D123" s="10"/>
      <c r="E123" s="10"/>
      <c r="F123" s="10"/>
      <c r="G123" s="10"/>
      <c r="M123" s="5"/>
    </row>
    <row r="124" spans="1:13">
      <c r="A124" s="5"/>
      <c r="C124" s="10"/>
      <c r="D124" s="10"/>
      <c r="E124" s="10"/>
      <c r="F124" s="10"/>
      <c r="G124" s="10"/>
      <c r="M124" s="5"/>
    </row>
    <row r="125" spans="1:13">
      <c r="A125" s="5"/>
      <c r="C125" s="10"/>
      <c r="D125" s="10"/>
      <c r="E125" s="10"/>
      <c r="F125" s="10"/>
      <c r="G125" s="10"/>
      <c r="M125" s="5"/>
    </row>
    <row r="126" spans="1:13">
      <c r="A126" s="5"/>
      <c r="C126" s="10"/>
      <c r="D126" s="10"/>
      <c r="E126" s="10"/>
      <c r="F126" s="10"/>
      <c r="G126" s="10"/>
      <c r="M126" s="5"/>
    </row>
    <row r="127" spans="1:13">
      <c r="A127" s="5"/>
      <c r="C127" s="10"/>
      <c r="D127" s="10"/>
      <c r="E127" s="10"/>
      <c r="F127" s="10"/>
      <c r="G127" s="10"/>
      <c r="M127" s="5"/>
    </row>
    <row r="128" spans="1:13">
      <c r="A128" s="5"/>
      <c r="C128" s="10"/>
      <c r="D128" s="10"/>
      <c r="E128" s="10"/>
      <c r="F128" s="10"/>
      <c r="G128" s="10"/>
      <c r="M128" s="5"/>
    </row>
    <row r="129" spans="1:13">
      <c r="A129" s="5"/>
      <c r="C129" s="10"/>
      <c r="D129" s="10"/>
      <c r="E129" s="10"/>
      <c r="F129" s="10"/>
      <c r="G129" s="10"/>
      <c r="M129" s="5"/>
    </row>
    <row r="130" spans="1:13">
      <c r="A130" s="5"/>
      <c r="C130" s="10"/>
      <c r="D130" s="10"/>
      <c r="E130" s="10"/>
      <c r="F130" s="10"/>
      <c r="G130" s="10"/>
      <c r="M130" s="5"/>
    </row>
    <row r="131" spans="1:13">
      <c r="A131" s="5"/>
      <c r="C131" s="10"/>
      <c r="D131" s="10"/>
      <c r="E131" s="10"/>
      <c r="F131" s="10"/>
      <c r="G131" s="10"/>
      <c r="M131" s="5"/>
    </row>
    <row r="132" spans="1:13">
      <c r="A132" s="5"/>
      <c r="C132" s="10"/>
      <c r="D132" s="10"/>
      <c r="E132" s="10"/>
      <c r="F132" s="10"/>
      <c r="G132" s="10"/>
      <c r="M132" s="5"/>
    </row>
    <row r="133" spans="1:13">
      <c r="A133" s="5"/>
      <c r="C133" s="10"/>
      <c r="D133" s="10"/>
      <c r="E133" s="10"/>
      <c r="F133" s="10"/>
      <c r="G133" s="10"/>
      <c r="M133" s="5"/>
    </row>
    <row r="134" spans="1:13">
      <c r="A134" s="5"/>
      <c r="C134" s="10"/>
      <c r="D134" s="10"/>
      <c r="E134" s="10"/>
      <c r="F134" s="10"/>
      <c r="G134" s="10"/>
      <c r="M134" s="5"/>
    </row>
    <row r="135" spans="1:13">
      <c r="A135" s="5"/>
      <c r="C135" s="10"/>
      <c r="D135" s="10"/>
      <c r="E135" s="10"/>
      <c r="F135" s="10"/>
      <c r="G135" s="10"/>
      <c r="M135" s="5"/>
    </row>
    <row r="136" spans="1:13">
      <c r="A136" s="5"/>
      <c r="C136" s="10"/>
      <c r="D136" s="10"/>
      <c r="E136" s="10"/>
      <c r="F136" s="10"/>
      <c r="G136" s="10"/>
      <c r="M136" s="5"/>
    </row>
    <row r="137" spans="1:13">
      <c r="A137" s="5"/>
      <c r="C137" s="10"/>
      <c r="D137" s="10"/>
      <c r="E137" s="10"/>
      <c r="F137" s="10"/>
      <c r="G137" s="10"/>
      <c r="M137" s="5"/>
    </row>
    <row r="138" spans="1:13">
      <c r="A138" s="5"/>
      <c r="C138" s="10"/>
      <c r="D138" s="10"/>
      <c r="E138" s="10"/>
      <c r="F138" s="10"/>
      <c r="G138" s="10"/>
      <c r="M138" s="5"/>
    </row>
    <row r="139" spans="1:13">
      <c r="A139" s="5"/>
      <c r="C139" s="10"/>
      <c r="D139" s="10"/>
      <c r="E139" s="10"/>
      <c r="F139" s="10"/>
      <c r="G139" s="10"/>
      <c r="M139" s="5"/>
    </row>
    <row r="140" spans="1:13">
      <c r="A140" s="5"/>
      <c r="C140" s="10"/>
      <c r="D140" s="10"/>
      <c r="E140" s="10"/>
      <c r="F140" s="10"/>
      <c r="G140" s="10"/>
      <c r="M140" s="5"/>
    </row>
    <row r="141" spans="1:13">
      <c r="A141" s="5"/>
      <c r="C141" s="10"/>
      <c r="D141" s="10"/>
      <c r="E141" s="10"/>
      <c r="F141" s="10"/>
      <c r="G141" s="10"/>
      <c r="M141" s="5"/>
    </row>
    <row r="142" spans="1:13">
      <c r="A142" s="5"/>
      <c r="C142" s="10"/>
      <c r="D142" s="10"/>
      <c r="E142" s="10"/>
      <c r="F142" s="10"/>
      <c r="G142" s="10"/>
      <c r="M142" s="5"/>
    </row>
    <row r="143" spans="1:13">
      <c r="A143" s="5"/>
      <c r="C143" s="10"/>
      <c r="D143" s="10"/>
      <c r="E143" s="10"/>
      <c r="F143" s="10"/>
      <c r="G143" s="10"/>
      <c r="M143" s="5"/>
    </row>
    <row r="144" spans="1:13">
      <c r="A144" s="5"/>
      <c r="C144" s="10"/>
      <c r="D144" s="10"/>
      <c r="E144" s="10"/>
      <c r="F144" s="10"/>
      <c r="G144" s="10"/>
      <c r="M144" s="5"/>
    </row>
    <row r="145" spans="1:13">
      <c r="A145" s="5"/>
      <c r="C145" s="10"/>
      <c r="D145" s="10"/>
      <c r="E145" s="10"/>
      <c r="F145" s="10"/>
      <c r="G145" s="10"/>
      <c r="M145" s="5"/>
    </row>
    <row r="146" spans="1:13">
      <c r="A146" s="5"/>
      <c r="C146" s="10"/>
      <c r="D146" s="10"/>
      <c r="E146" s="10"/>
      <c r="F146" s="10"/>
      <c r="G146" s="10"/>
      <c r="M146" s="5"/>
    </row>
    <row r="147" spans="1:13">
      <c r="A147" s="5"/>
      <c r="C147" s="10"/>
      <c r="D147" s="10"/>
      <c r="E147" s="10"/>
      <c r="F147" s="10"/>
      <c r="G147" s="10"/>
      <c r="M147" s="5"/>
    </row>
    <row r="148" spans="1:13">
      <c r="A148" s="5"/>
      <c r="C148" s="10"/>
      <c r="D148" s="10"/>
      <c r="E148" s="10"/>
      <c r="F148" s="10"/>
      <c r="G148" s="10"/>
      <c r="M148" s="5"/>
    </row>
    <row r="149" spans="1:13">
      <c r="A149" s="5"/>
      <c r="C149" s="10"/>
      <c r="D149" s="10"/>
      <c r="E149" s="10"/>
      <c r="F149" s="10"/>
      <c r="G149" s="10"/>
      <c r="M149" s="5"/>
    </row>
    <row r="150" spans="1:13">
      <c r="A150" s="5"/>
      <c r="C150" s="10"/>
      <c r="D150" s="10"/>
      <c r="E150" s="10"/>
      <c r="F150" s="10"/>
      <c r="G150" s="10"/>
      <c r="M150" s="5"/>
    </row>
    <row r="151" spans="1:13">
      <c r="A151" s="5"/>
      <c r="C151" s="10"/>
      <c r="D151" s="10"/>
      <c r="E151" s="10"/>
      <c r="F151" s="10"/>
      <c r="G151" s="10"/>
      <c r="M151" s="5"/>
    </row>
    <row r="152" spans="1:13">
      <c r="A152" s="5"/>
      <c r="C152" s="10"/>
      <c r="D152" s="10"/>
      <c r="E152" s="10"/>
      <c r="F152" s="10"/>
      <c r="G152" s="10"/>
      <c r="M152" s="5"/>
    </row>
    <row r="153" spans="1:13">
      <c r="A153" s="5"/>
      <c r="C153" s="10"/>
      <c r="D153" s="10"/>
      <c r="E153" s="10"/>
      <c r="F153" s="10"/>
      <c r="G153" s="10"/>
      <c r="M153" s="5"/>
    </row>
    <row r="154" spans="1:13">
      <c r="A154" s="5"/>
      <c r="C154" s="10"/>
      <c r="D154" s="10"/>
      <c r="E154" s="10"/>
      <c r="F154" s="10"/>
      <c r="G154" s="10"/>
      <c r="M154" s="5"/>
    </row>
    <row r="155" spans="1:13">
      <c r="A155" s="5"/>
      <c r="C155" s="10"/>
      <c r="D155" s="10"/>
      <c r="E155" s="10"/>
      <c r="F155" s="10"/>
      <c r="G155" s="10"/>
      <c r="M155" s="5"/>
    </row>
    <row r="156" spans="1:13">
      <c r="A156" s="5"/>
      <c r="C156" s="10"/>
      <c r="D156" s="10"/>
      <c r="E156" s="10"/>
      <c r="F156" s="10"/>
      <c r="G156" s="10"/>
      <c r="M156" s="5"/>
    </row>
    <row r="157" spans="1:13">
      <c r="A157" s="5"/>
      <c r="C157" s="10"/>
      <c r="D157" s="10"/>
      <c r="E157" s="10"/>
      <c r="F157" s="10"/>
      <c r="G157" s="10"/>
      <c r="M157" s="5"/>
    </row>
    <row r="158" spans="1:13">
      <c r="A158" s="5"/>
      <c r="C158" s="10"/>
      <c r="D158" s="10"/>
      <c r="E158" s="10"/>
      <c r="F158" s="10"/>
      <c r="G158" s="10"/>
      <c r="M158" s="5"/>
    </row>
    <row r="159" spans="1:13">
      <c r="A159" s="5"/>
      <c r="C159" s="10"/>
      <c r="D159" s="10"/>
      <c r="E159" s="10"/>
      <c r="F159" s="10"/>
      <c r="G159" s="10"/>
      <c r="M159" s="5"/>
    </row>
    <row r="160" spans="1:13">
      <c r="A160" s="5"/>
      <c r="C160" s="10"/>
      <c r="D160" s="10"/>
      <c r="E160" s="10"/>
      <c r="F160" s="10"/>
      <c r="G160" s="10"/>
      <c r="M160" s="5"/>
    </row>
    <row r="161" spans="1:13">
      <c r="A161" s="5"/>
      <c r="C161" s="10"/>
      <c r="D161" s="10"/>
      <c r="E161" s="10"/>
      <c r="F161" s="10"/>
      <c r="G161" s="10"/>
      <c r="M161" s="5"/>
    </row>
    <row r="162" spans="1:13">
      <c r="A162" s="5"/>
      <c r="C162" s="10"/>
      <c r="D162" s="10"/>
      <c r="E162" s="10"/>
      <c r="F162" s="10"/>
      <c r="G162" s="10"/>
      <c r="M162" s="5"/>
    </row>
    <row r="163" spans="1:13">
      <c r="A163" s="5"/>
      <c r="C163" s="10"/>
      <c r="D163" s="10"/>
      <c r="E163" s="10"/>
      <c r="F163" s="10"/>
      <c r="G163" s="10"/>
      <c r="M163" s="5"/>
    </row>
    <row r="164" spans="1:13">
      <c r="A164" s="5"/>
      <c r="C164" s="10"/>
      <c r="D164" s="10"/>
      <c r="E164" s="10"/>
      <c r="F164" s="10"/>
      <c r="G164" s="10"/>
      <c r="M164" s="5"/>
    </row>
    <row r="165" spans="1:13">
      <c r="A165" s="5"/>
      <c r="C165" s="10"/>
      <c r="D165" s="10"/>
      <c r="E165" s="10"/>
      <c r="F165" s="10"/>
      <c r="G165" s="10"/>
      <c r="M165" s="5"/>
    </row>
    <row r="166" spans="1:13">
      <c r="A166" s="5"/>
      <c r="C166" s="10"/>
      <c r="D166" s="10"/>
      <c r="E166" s="10"/>
      <c r="F166" s="10"/>
      <c r="G166" s="10"/>
      <c r="M166" s="5"/>
    </row>
    <row r="167" spans="1:13">
      <c r="A167" s="5"/>
      <c r="C167" s="10"/>
      <c r="D167" s="10"/>
      <c r="E167" s="10"/>
      <c r="F167" s="10"/>
      <c r="G167" s="10"/>
      <c r="M167" s="5"/>
    </row>
    <row r="168" spans="1:13">
      <c r="A168" s="5"/>
      <c r="C168" s="10"/>
      <c r="D168" s="10"/>
      <c r="E168" s="10"/>
      <c r="F168" s="10"/>
      <c r="G168" s="10"/>
      <c r="M168" s="5"/>
    </row>
    <row r="169" spans="1:13">
      <c r="A169" s="5"/>
      <c r="C169" s="10"/>
      <c r="D169" s="10"/>
      <c r="E169" s="10"/>
      <c r="F169" s="10"/>
      <c r="G169" s="10"/>
      <c r="M169" s="5"/>
    </row>
    <row r="170" spans="1:13">
      <c r="A170" s="5"/>
      <c r="C170" s="10"/>
      <c r="D170" s="10"/>
      <c r="E170" s="10"/>
      <c r="F170" s="10"/>
      <c r="G170" s="10"/>
      <c r="M170" s="5"/>
    </row>
    <row r="171" spans="1:13">
      <c r="A171" s="5"/>
      <c r="C171" s="10"/>
      <c r="D171" s="10"/>
      <c r="E171" s="10"/>
      <c r="F171" s="10"/>
      <c r="G171" s="10"/>
      <c r="M171" s="5"/>
    </row>
    <row r="172" spans="1:13">
      <c r="A172" s="5"/>
      <c r="C172" s="10"/>
      <c r="D172" s="10"/>
      <c r="E172" s="10"/>
      <c r="F172" s="10"/>
      <c r="G172" s="10"/>
      <c r="M172" s="5"/>
    </row>
    <row r="173" spans="1:13">
      <c r="A173" s="5"/>
      <c r="C173" s="10"/>
      <c r="D173" s="10"/>
      <c r="E173" s="10"/>
      <c r="F173" s="10"/>
      <c r="G173" s="10"/>
      <c r="M173" s="5"/>
    </row>
    <row r="174" spans="1:13">
      <c r="A174" s="5"/>
      <c r="C174" s="10"/>
      <c r="D174" s="10"/>
      <c r="E174" s="10"/>
      <c r="F174" s="10"/>
      <c r="G174" s="10"/>
      <c r="M174" s="5"/>
    </row>
    <row r="175" spans="1:13">
      <c r="A175" s="5"/>
      <c r="C175" s="10"/>
      <c r="D175" s="10"/>
      <c r="E175" s="10"/>
      <c r="F175" s="10"/>
      <c r="G175" s="10"/>
      <c r="M175" s="5"/>
    </row>
    <row r="176" spans="1:13">
      <c r="A176" s="5"/>
      <c r="C176" s="10"/>
      <c r="D176" s="10"/>
      <c r="E176" s="10"/>
      <c r="F176" s="10"/>
      <c r="G176" s="10"/>
      <c r="M176" s="5"/>
    </row>
    <row r="177" spans="1:13">
      <c r="A177" s="5"/>
      <c r="C177" s="10"/>
      <c r="D177" s="10"/>
      <c r="E177" s="10"/>
      <c r="F177" s="10"/>
      <c r="G177" s="10"/>
      <c r="M177" s="5"/>
    </row>
    <row r="178" spans="1:13">
      <c r="A178" s="5"/>
      <c r="C178" s="10"/>
      <c r="D178" s="10"/>
      <c r="E178" s="10"/>
      <c r="F178" s="10"/>
      <c r="G178" s="10"/>
      <c r="M178" s="5"/>
    </row>
    <row r="179" spans="1:13">
      <c r="A179" s="5"/>
      <c r="C179" s="10"/>
      <c r="D179" s="10"/>
      <c r="E179" s="10"/>
      <c r="F179" s="10"/>
      <c r="G179" s="10"/>
      <c r="M179" s="5"/>
    </row>
    <row r="180" spans="1:13">
      <c r="A180" s="5"/>
      <c r="C180" s="10"/>
      <c r="D180" s="10"/>
      <c r="E180" s="10"/>
      <c r="F180" s="10"/>
      <c r="G180" s="10"/>
      <c r="M180" s="5"/>
    </row>
    <row r="181" spans="1:13">
      <c r="A181" s="5"/>
      <c r="C181" s="10"/>
      <c r="D181" s="10"/>
      <c r="E181" s="10"/>
      <c r="F181" s="10"/>
      <c r="G181" s="10"/>
      <c r="M181" s="5"/>
    </row>
    <row r="182" spans="1:13">
      <c r="A182" s="5"/>
      <c r="C182" s="10"/>
      <c r="D182" s="10"/>
      <c r="E182" s="10"/>
      <c r="F182" s="10"/>
      <c r="G182" s="10"/>
      <c r="M182" s="5"/>
    </row>
    <row r="183" spans="1:13">
      <c r="A183" s="5"/>
      <c r="C183" s="10"/>
      <c r="D183" s="10"/>
      <c r="E183" s="10"/>
      <c r="F183" s="10"/>
      <c r="G183" s="10"/>
      <c r="M183" s="5"/>
    </row>
    <row r="184" spans="1:13">
      <c r="A184" s="5"/>
      <c r="C184" s="10"/>
      <c r="D184" s="10"/>
      <c r="E184" s="10"/>
      <c r="F184" s="10"/>
      <c r="G184" s="10"/>
      <c r="M184" s="5"/>
    </row>
    <row r="185" spans="1:13">
      <c r="A185" s="5"/>
      <c r="C185" s="10"/>
      <c r="D185" s="10"/>
      <c r="E185" s="10"/>
      <c r="F185" s="10"/>
      <c r="G185" s="10"/>
      <c r="M185" s="5"/>
    </row>
    <row r="186" spans="1:13">
      <c r="A186" s="5"/>
      <c r="C186" s="10"/>
      <c r="D186" s="10"/>
      <c r="E186" s="10"/>
      <c r="F186" s="10"/>
      <c r="G186" s="10"/>
      <c r="M186" s="5"/>
    </row>
    <row r="187" spans="1:13">
      <c r="A187" s="5"/>
      <c r="C187" s="10"/>
      <c r="D187" s="10"/>
      <c r="E187" s="10"/>
      <c r="F187" s="10"/>
      <c r="G187" s="10"/>
      <c r="M187" s="5"/>
    </row>
    <row r="188" spans="1:13">
      <c r="A188" s="5"/>
      <c r="C188" s="10"/>
      <c r="D188" s="10"/>
      <c r="E188" s="10"/>
      <c r="F188" s="10"/>
      <c r="G188" s="10"/>
      <c r="M188" s="5"/>
    </row>
    <row r="189" spans="1:13">
      <c r="A189" s="5"/>
      <c r="C189" s="10"/>
      <c r="D189" s="10"/>
      <c r="E189" s="10"/>
      <c r="F189" s="10"/>
      <c r="G189" s="10"/>
      <c r="M189" s="5"/>
    </row>
    <row r="190" spans="1:13">
      <c r="A190" s="5"/>
      <c r="C190" s="10"/>
      <c r="D190" s="10"/>
      <c r="E190" s="10"/>
      <c r="F190" s="10"/>
      <c r="G190" s="10"/>
      <c r="M190" s="5"/>
    </row>
    <row r="191" spans="1:13">
      <c r="A191" s="5"/>
      <c r="C191" s="10"/>
      <c r="D191" s="10"/>
      <c r="E191" s="10"/>
      <c r="F191" s="10"/>
      <c r="G191" s="10"/>
      <c r="M191" s="5"/>
    </row>
    <row r="192" spans="1:13">
      <c r="A192" s="5"/>
      <c r="C192" s="10"/>
      <c r="D192" s="10"/>
      <c r="E192" s="10"/>
      <c r="F192" s="10"/>
      <c r="G192" s="10"/>
      <c r="M192" s="5"/>
    </row>
    <row r="193" spans="1:13">
      <c r="A193" s="5"/>
      <c r="C193" s="10"/>
      <c r="D193" s="10"/>
      <c r="E193" s="10"/>
      <c r="F193" s="10"/>
      <c r="G193" s="10"/>
      <c r="M193" s="5"/>
    </row>
    <row r="194" spans="1:13">
      <c r="A194" s="5"/>
      <c r="C194" s="10"/>
      <c r="D194" s="10"/>
      <c r="E194" s="10"/>
      <c r="F194" s="10"/>
      <c r="G194" s="10"/>
      <c r="M194" s="5"/>
    </row>
    <row r="195" spans="1:13">
      <c r="A195" s="5"/>
      <c r="C195" s="10"/>
      <c r="D195" s="10"/>
      <c r="E195" s="10"/>
      <c r="F195" s="10"/>
      <c r="G195" s="10"/>
      <c r="M195" s="5"/>
    </row>
    <row r="196" spans="1:13">
      <c r="A196" s="5"/>
      <c r="C196" s="10"/>
      <c r="D196" s="10"/>
      <c r="E196" s="10"/>
      <c r="F196" s="10"/>
      <c r="G196" s="10"/>
      <c r="M196" s="5"/>
    </row>
    <row r="197" spans="1:13">
      <c r="A197" s="5"/>
      <c r="C197" s="10"/>
      <c r="D197" s="10"/>
      <c r="E197" s="10"/>
      <c r="F197" s="10"/>
      <c r="G197" s="10"/>
      <c r="M197" s="5"/>
    </row>
    <row r="198" spans="1:13">
      <c r="A198" s="5"/>
      <c r="C198" s="10"/>
      <c r="D198" s="10"/>
      <c r="E198" s="10"/>
      <c r="F198" s="10"/>
      <c r="G198" s="10"/>
      <c r="M198" s="5"/>
    </row>
    <row r="199" spans="1:13">
      <c r="A199" s="5"/>
      <c r="C199" s="10"/>
      <c r="D199" s="10"/>
      <c r="E199" s="10"/>
      <c r="F199" s="10"/>
      <c r="G199" s="10"/>
      <c r="M199" s="5"/>
    </row>
    <row r="200" spans="1:13">
      <c r="A200" s="5"/>
      <c r="C200" s="10"/>
      <c r="D200" s="10"/>
      <c r="E200" s="10"/>
      <c r="F200" s="10"/>
      <c r="G200" s="10"/>
      <c r="M200" s="5"/>
    </row>
    <row r="201" spans="1:13">
      <c r="A201" s="5"/>
      <c r="C201" s="10"/>
      <c r="D201" s="10"/>
      <c r="E201" s="10"/>
      <c r="F201" s="10"/>
      <c r="G201" s="10"/>
      <c r="M201" s="5"/>
    </row>
    <row r="202" spans="1:13">
      <c r="A202" s="5"/>
      <c r="C202" s="10"/>
      <c r="D202" s="10"/>
      <c r="E202" s="10"/>
      <c r="F202" s="10"/>
      <c r="G202" s="10"/>
      <c r="M202" s="5"/>
    </row>
    <row r="203" spans="1:13">
      <c r="A203" s="5"/>
      <c r="C203" s="10"/>
      <c r="D203" s="10"/>
      <c r="E203" s="10"/>
      <c r="F203" s="10"/>
      <c r="G203" s="10"/>
      <c r="M203" s="5"/>
    </row>
    <row r="204" spans="1:13">
      <c r="A204" s="5"/>
      <c r="C204" s="10"/>
      <c r="D204" s="10"/>
      <c r="E204" s="10"/>
      <c r="F204" s="10"/>
      <c r="G204" s="10"/>
      <c r="M204" s="5"/>
    </row>
    <row r="205" spans="1:13">
      <c r="A205" s="5"/>
      <c r="C205" s="10"/>
      <c r="D205" s="10"/>
      <c r="E205" s="10"/>
      <c r="F205" s="10"/>
      <c r="G205" s="10"/>
      <c r="M205" s="5"/>
    </row>
    <row r="206" spans="1:13">
      <c r="A206" s="5"/>
      <c r="C206" s="10"/>
      <c r="D206" s="10"/>
      <c r="E206" s="10"/>
      <c r="F206" s="10"/>
      <c r="G206" s="10"/>
      <c r="M206" s="5"/>
    </row>
    <row r="207" spans="1:13">
      <c r="A207" s="5"/>
      <c r="C207" s="10"/>
      <c r="D207" s="10"/>
      <c r="E207" s="10"/>
      <c r="F207" s="10"/>
      <c r="G207" s="10"/>
      <c r="M207" s="5"/>
    </row>
    <row r="208" spans="1:13">
      <c r="A208" s="5"/>
      <c r="C208" s="10"/>
      <c r="D208" s="10"/>
      <c r="E208" s="10"/>
      <c r="F208" s="10"/>
      <c r="G208" s="10"/>
      <c r="M208" s="5"/>
    </row>
    <row r="209" spans="1:13">
      <c r="A209" s="5"/>
      <c r="C209" s="10"/>
      <c r="D209" s="10"/>
      <c r="E209" s="10"/>
      <c r="F209" s="10"/>
      <c r="G209" s="10"/>
      <c r="M209" s="5"/>
    </row>
    <row r="210" spans="1:13">
      <c r="A210" s="5"/>
      <c r="C210" s="10"/>
      <c r="D210" s="10"/>
      <c r="E210" s="10"/>
      <c r="F210" s="10"/>
      <c r="G210" s="10"/>
      <c r="M210" s="5"/>
    </row>
    <row r="211" spans="1:13">
      <c r="A211" s="5"/>
      <c r="C211" s="10"/>
      <c r="D211" s="10"/>
      <c r="E211" s="10"/>
      <c r="F211" s="10"/>
      <c r="G211" s="10"/>
      <c r="M211" s="5"/>
    </row>
    <row r="212" spans="1:13">
      <c r="A212" s="5"/>
      <c r="C212" s="10"/>
      <c r="D212" s="10"/>
      <c r="E212" s="10"/>
      <c r="F212" s="10"/>
      <c r="G212" s="10"/>
      <c r="M212" s="5"/>
    </row>
    <row r="213" spans="1:13">
      <c r="A213" s="5"/>
      <c r="C213" s="10"/>
      <c r="D213" s="10"/>
      <c r="E213" s="10"/>
      <c r="F213" s="10"/>
      <c r="G213" s="10"/>
      <c r="M213" s="5"/>
    </row>
    <row r="214" spans="1:13">
      <c r="A214" s="5"/>
      <c r="C214" s="10"/>
      <c r="D214" s="10"/>
      <c r="E214" s="10"/>
      <c r="F214" s="10"/>
      <c r="G214" s="10"/>
      <c r="M214" s="5"/>
    </row>
    <row r="215" spans="1:13">
      <c r="A215" s="5"/>
      <c r="C215" s="10"/>
      <c r="D215" s="10"/>
      <c r="E215" s="10"/>
      <c r="F215" s="10"/>
      <c r="G215" s="10"/>
      <c r="M215" s="5"/>
    </row>
    <row r="216" spans="1:13">
      <c r="A216" s="5"/>
      <c r="C216" s="10"/>
      <c r="D216" s="10"/>
      <c r="E216" s="10"/>
      <c r="F216" s="10"/>
      <c r="G216" s="10"/>
      <c r="M216" s="5"/>
    </row>
    <row r="217" spans="1:13">
      <c r="A217" s="5"/>
      <c r="C217" s="10"/>
      <c r="D217" s="10"/>
      <c r="E217" s="10"/>
      <c r="F217" s="10"/>
      <c r="G217" s="10"/>
      <c r="M217" s="5"/>
    </row>
    <row r="218" spans="1:13">
      <c r="A218" s="5"/>
      <c r="C218" s="10"/>
      <c r="D218" s="10"/>
      <c r="E218" s="10"/>
      <c r="F218" s="10"/>
      <c r="G218" s="10"/>
      <c r="M218" s="5"/>
    </row>
    <row r="219" spans="1:13">
      <c r="A219" s="5"/>
      <c r="C219" s="10"/>
      <c r="D219" s="10"/>
      <c r="E219" s="10"/>
      <c r="F219" s="10"/>
      <c r="G219" s="10"/>
      <c r="M219" s="5"/>
    </row>
    <row r="220" spans="1:13">
      <c r="A220" s="5"/>
      <c r="C220" s="10"/>
      <c r="D220" s="10"/>
      <c r="E220" s="10"/>
      <c r="F220" s="10"/>
      <c r="G220" s="10"/>
      <c r="M220" s="5"/>
    </row>
    <row r="221" spans="1:13">
      <c r="A221" s="5"/>
      <c r="C221" s="10"/>
      <c r="D221" s="10"/>
      <c r="E221" s="10"/>
      <c r="F221" s="10"/>
      <c r="G221" s="10"/>
      <c r="M221" s="5"/>
    </row>
    <row r="222" spans="1:13">
      <c r="A222" s="5"/>
      <c r="C222" s="10"/>
      <c r="D222" s="10"/>
      <c r="E222" s="10"/>
      <c r="F222" s="10"/>
      <c r="G222" s="10"/>
      <c r="M222" s="5"/>
    </row>
    <row r="223" spans="1:13">
      <c r="A223" s="5"/>
      <c r="C223" s="10"/>
      <c r="D223" s="10"/>
      <c r="E223" s="10"/>
      <c r="F223" s="10"/>
      <c r="G223" s="10"/>
      <c r="M223" s="5"/>
    </row>
    <row r="224" spans="1:13">
      <c r="A224" s="5"/>
      <c r="C224" s="10"/>
      <c r="D224" s="10"/>
      <c r="E224" s="10"/>
      <c r="F224" s="10"/>
      <c r="G224" s="10"/>
      <c r="M224" s="5"/>
    </row>
    <row r="225" spans="1:13">
      <c r="A225" s="5"/>
      <c r="C225" s="10"/>
      <c r="D225" s="10"/>
      <c r="E225" s="10"/>
      <c r="F225" s="10"/>
      <c r="G225" s="10"/>
      <c r="M225" s="5"/>
    </row>
    <row r="226" spans="1:13">
      <c r="A226" s="5"/>
      <c r="C226" s="10"/>
      <c r="D226" s="10"/>
      <c r="E226" s="10"/>
      <c r="F226" s="10"/>
      <c r="G226" s="10"/>
      <c r="M226" s="5"/>
    </row>
    <row r="227" spans="1:13">
      <c r="A227" s="5"/>
      <c r="C227" s="10"/>
      <c r="D227" s="10"/>
      <c r="E227" s="10"/>
      <c r="F227" s="10"/>
      <c r="G227" s="10"/>
      <c r="M227" s="5"/>
    </row>
    <row r="228" spans="1:13">
      <c r="A228" s="5"/>
      <c r="C228" s="10"/>
      <c r="D228" s="10"/>
      <c r="E228" s="10"/>
      <c r="F228" s="10"/>
      <c r="G228" s="10"/>
      <c r="M228" s="5"/>
    </row>
    <row r="229" spans="1:13">
      <c r="A229" s="5"/>
      <c r="C229" s="10"/>
      <c r="D229" s="10"/>
      <c r="E229" s="10"/>
      <c r="F229" s="10"/>
      <c r="G229" s="10"/>
      <c r="M229" s="5"/>
    </row>
    <row r="230" spans="1:13">
      <c r="A230" s="5"/>
      <c r="C230" s="10"/>
      <c r="D230" s="10"/>
      <c r="E230" s="10"/>
      <c r="F230" s="10"/>
      <c r="G230" s="10"/>
      <c r="M230" s="5"/>
    </row>
    <row r="231" spans="1:13">
      <c r="A231" s="5"/>
      <c r="C231" s="10"/>
      <c r="D231" s="10"/>
      <c r="E231" s="10"/>
      <c r="F231" s="10"/>
      <c r="G231" s="10"/>
      <c r="M231" s="5"/>
    </row>
    <row r="232" spans="1:13">
      <c r="A232" s="5"/>
      <c r="C232" s="10"/>
      <c r="D232" s="10"/>
      <c r="E232" s="10"/>
      <c r="F232" s="10"/>
      <c r="G232" s="10"/>
      <c r="M232" s="5"/>
    </row>
    <row r="233" spans="1:13">
      <c r="A233" s="5"/>
      <c r="C233" s="10"/>
      <c r="D233" s="10"/>
      <c r="E233" s="10"/>
      <c r="F233" s="10"/>
      <c r="G233" s="10"/>
      <c r="M233" s="5"/>
    </row>
    <row r="234" spans="1:13">
      <c r="A234" s="5"/>
      <c r="C234" s="10"/>
      <c r="D234" s="10"/>
      <c r="E234" s="10"/>
      <c r="F234" s="10"/>
      <c r="G234" s="10"/>
      <c r="M234" s="5"/>
    </row>
    <row r="235" spans="1:13">
      <c r="A235" s="5"/>
      <c r="C235" s="10"/>
      <c r="D235" s="10"/>
      <c r="E235" s="10"/>
      <c r="F235" s="10"/>
      <c r="G235" s="10"/>
      <c r="M235" s="5"/>
    </row>
    <row r="236" spans="1:13">
      <c r="A236" s="5"/>
      <c r="C236" s="10"/>
      <c r="D236" s="10"/>
      <c r="E236" s="10"/>
      <c r="F236" s="10"/>
      <c r="G236" s="10"/>
      <c r="M236" s="5"/>
    </row>
    <row r="237" spans="1:13">
      <c r="A237" s="5"/>
      <c r="C237" s="10"/>
      <c r="D237" s="10"/>
      <c r="E237" s="10"/>
      <c r="F237" s="10"/>
      <c r="G237" s="10"/>
      <c r="M237" s="5"/>
    </row>
    <row r="238" spans="1:13">
      <c r="A238" s="5"/>
      <c r="C238" s="10"/>
      <c r="D238" s="10"/>
      <c r="E238" s="10"/>
      <c r="F238" s="10"/>
      <c r="G238" s="10"/>
      <c r="M238" s="5"/>
    </row>
    <row r="239" spans="1:13">
      <c r="A239" s="5"/>
      <c r="C239" s="10"/>
      <c r="D239" s="10"/>
      <c r="E239" s="10"/>
      <c r="F239" s="10"/>
      <c r="G239" s="10"/>
      <c r="M239" s="5"/>
    </row>
    <row r="240" spans="1:13">
      <c r="A240" s="5"/>
      <c r="C240" s="10"/>
      <c r="D240" s="10"/>
      <c r="E240" s="10"/>
      <c r="F240" s="10"/>
      <c r="G240" s="10"/>
      <c r="M240" s="5"/>
    </row>
    <row r="241" spans="1:13">
      <c r="A241" s="5"/>
      <c r="C241" s="10"/>
      <c r="D241" s="10"/>
      <c r="E241" s="10"/>
      <c r="F241" s="10"/>
      <c r="G241" s="10"/>
      <c r="M241" s="5"/>
    </row>
    <row r="242" spans="1:13">
      <c r="A242" s="5"/>
      <c r="C242" s="10"/>
      <c r="D242" s="10"/>
      <c r="E242" s="10"/>
      <c r="F242" s="10"/>
      <c r="G242" s="10"/>
      <c r="M242" s="5"/>
    </row>
    <row r="243" spans="1:13">
      <c r="A243" s="5"/>
      <c r="C243" s="10"/>
      <c r="D243" s="10"/>
      <c r="E243" s="10"/>
      <c r="F243" s="10"/>
      <c r="G243" s="10"/>
      <c r="M243" s="5"/>
    </row>
    <row r="244" spans="1:13">
      <c r="A244" s="5"/>
      <c r="C244" s="10"/>
      <c r="D244" s="10"/>
      <c r="E244" s="10"/>
      <c r="F244" s="10"/>
      <c r="G244" s="10"/>
      <c r="M244" s="5"/>
    </row>
    <row r="245" spans="1:13">
      <c r="A245" s="5"/>
      <c r="C245" s="10"/>
      <c r="D245" s="10"/>
      <c r="E245" s="10"/>
      <c r="F245" s="10"/>
      <c r="G245" s="10"/>
      <c r="M245" s="5"/>
    </row>
    <row r="246" spans="1:13">
      <c r="A246" s="5"/>
      <c r="C246" s="10"/>
      <c r="D246" s="10"/>
      <c r="E246" s="10"/>
      <c r="F246" s="10"/>
      <c r="G246" s="10"/>
      <c r="M246" s="5"/>
    </row>
    <row r="247" spans="1:13">
      <c r="A247" s="5"/>
      <c r="C247" s="10"/>
      <c r="D247" s="10"/>
      <c r="E247" s="10"/>
      <c r="F247" s="10"/>
      <c r="G247" s="10"/>
      <c r="M247" s="5"/>
    </row>
    <row r="248" spans="1:13">
      <c r="A248" s="5"/>
      <c r="C248" s="10"/>
      <c r="D248" s="10"/>
      <c r="E248" s="10"/>
      <c r="F248" s="10"/>
      <c r="G248" s="10"/>
      <c r="M248" s="5"/>
    </row>
    <row r="249" spans="1:13">
      <c r="A249" s="5"/>
      <c r="C249" s="10"/>
      <c r="D249" s="10"/>
      <c r="E249" s="10"/>
      <c r="F249" s="10"/>
      <c r="G249" s="10"/>
      <c r="M249" s="5"/>
    </row>
    <row r="250" spans="1:13">
      <c r="A250" s="5"/>
      <c r="C250" s="10"/>
      <c r="D250" s="10"/>
      <c r="E250" s="10"/>
      <c r="F250" s="10"/>
      <c r="G250" s="10"/>
      <c r="M250" s="5"/>
    </row>
    <row r="251" spans="1:13">
      <c r="A251" s="5"/>
      <c r="C251" s="10"/>
      <c r="D251" s="10"/>
      <c r="E251" s="10"/>
      <c r="F251" s="10"/>
      <c r="G251" s="10"/>
      <c r="M251" s="5"/>
    </row>
    <row r="252" spans="1:13">
      <c r="A252" s="5"/>
      <c r="C252" s="10"/>
      <c r="D252" s="10"/>
      <c r="E252" s="10"/>
      <c r="F252" s="10"/>
      <c r="G252" s="10"/>
      <c r="M252" s="5"/>
    </row>
    <row r="253" spans="1:13">
      <c r="A253" s="5"/>
      <c r="C253" s="10"/>
      <c r="D253" s="10"/>
      <c r="E253" s="10"/>
      <c r="F253" s="10"/>
      <c r="G253" s="10"/>
      <c r="M253" s="5"/>
    </row>
    <row r="254" spans="1:13">
      <c r="A254" s="5"/>
      <c r="C254" s="10"/>
      <c r="D254" s="10"/>
      <c r="E254" s="10"/>
      <c r="F254" s="10"/>
      <c r="G254" s="10"/>
      <c r="M254" s="5"/>
    </row>
    <row r="255" spans="1:13">
      <c r="A255" s="5"/>
      <c r="C255" s="10"/>
      <c r="D255" s="10"/>
      <c r="E255" s="10"/>
      <c r="F255" s="10"/>
      <c r="G255" s="10"/>
      <c r="M255" s="5"/>
    </row>
    <row r="256" spans="1:13">
      <c r="A256" s="5"/>
      <c r="C256" s="10"/>
      <c r="D256" s="10"/>
      <c r="E256" s="10"/>
      <c r="F256" s="10"/>
      <c r="G256" s="10"/>
      <c r="M256" s="5"/>
    </row>
    <row r="257" spans="1:13">
      <c r="A257" s="5"/>
      <c r="C257" s="10"/>
      <c r="D257" s="10"/>
      <c r="E257" s="10"/>
      <c r="F257" s="10"/>
      <c r="G257" s="10"/>
      <c r="M257" s="5"/>
    </row>
    <row r="258" spans="1:13">
      <c r="A258" s="5"/>
      <c r="C258" s="10"/>
      <c r="D258" s="10"/>
      <c r="E258" s="10"/>
      <c r="F258" s="10"/>
      <c r="G258" s="10"/>
      <c r="M258" s="5"/>
    </row>
    <row r="259" spans="1:13">
      <c r="A259" s="5"/>
      <c r="C259" s="10"/>
      <c r="D259" s="10"/>
      <c r="E259" s="10"/>
      <c r="F259" s="10"/>
      <c r="G259" s="10"/>
      <c r="M259" s="5"/>
    </row>
    <row r="260" spans="1:13">
      <c r="A260" s="5"/>
      <c r="C260" s="10"/>
      <c r="D260" s="10"/>
      <c r="E260" s="10"/>
      <c r="F260" s="10"/>
      <c r="G260" s="10"/>
      <c r="M260" s="5"/>
    </row>
    <row r="261" spans="1:13">
      <c r="A261" s="5"/>
      <c r="C261" s="10"/>
      <c r="D261" s="10"/>
      <c r="E261" s="10"/>
      <c r="F261" s="10"/>
      <c r="G261" s="10"/>
      <c r="M261" s="5"/>
    </row>
    <row r="262" spans="1:13">
      <c r="A262" s="5"/>
      <c r="C262" s="10"/>
      <c r="D262" s="10"/>
      <c r="E262" s="10"/>
      <c r="F262" s="10"/>
      <c r="G262" s="10"/>
      <c r="M262" s="5"/>
    </row>
    <row r="263" spans="1:13">
      <c r="A263" s="5"/>
      <c r="C263" s="10"/>
      <c r="D263" s="10"/>
      <c r="E263" s="10"/>
      <c r="F263" s="10"/>
      <c r="G263" s="10"/>
      <c r="M263" s="5"/>
    </row>
    <row r="264" spans="1:13">
      <c r="A264" s="5"/>
      <c r="C264" s="10"/>
      <c r="D264" s="10"/>
      <c r="E264" s="10"/>
      <c r="F264" s="10"/>
      <c r="G264" s="10"/>
      <c r="M264" s="5"/>
    </row>
    <row r="265" spans="1:13">
      <c r="A265" s="5"/>
      <c r="C265" s="10"/>
      <c r="D265" s="10"/>
      <c r="E265" s="10"/>
      <c r="F265" s="10"/>
      <c r="G265" s="10"/>
      <c r="M265" s="5"/>
    </row>
    <row r="266" spans="1:13">
      <c r="A266" s="5"/>
      <c r="C266" s="10"/>
      <c r="D266" s="10"/>
      <c r="E266" s="10"/>
      <c r="F266" s="10"/>
      <c r="G266" s="10"/>
      <c r="M266" s="5"/>
    </row>
    <row r="267" spans="1:13">
      <c r="A267" s="5"/>
      <c r="C267" s="10"/>
      <c r="D267" s="10"/>
      <c r="E267" s="10"/>
      <c r="F267" s="10"/>
      <c r="G267" s="10"/>
      <c r="M267" s="5"/>
    </row>
    <row r="268" spans="1:13">
      <c r="A268" s="5"/>
      <c r="C268" s="10"/>
      <c r="D268" s="10"/>
      <c r="E268" s="10"/>
      <c r="F268" s="10"/>
      <c r="G268" s="10"/>
      <c r="M268" s="5"/>
    </row>
    <row r="269" spans="1:13">
      <c r="A269" s="5"/>
      <c r="C269" s="10"/>
      <c r="D269" s="10"/>
      <c r="E269" s="10"/>
      <c r="F269" s="10"/>
      <c r="G269" s="10"/>
      <c r="M269" s="5"/>
    </row>
    <row r="270" spans="1:13">
      <c r="A270" s="5"/>
      <c r="C270" s="10"/>
      <c r="D270" s="10"/>
      <c r="E270" s="10"/>
      <c r="F270" s="10"/>
      <c r="G270" s="10"/>
      <c r="M270" s="5"/>
    </row>
    <row r="271" spans="1:13">
      <c r="A271" s="5"/>
      <c r="C271" s="10"/>
      <c r="D271" s="10"/>
      <c r="E271" s="10"/>
      <c r="F271" s="10"/>
      <c r="G271" s="10"/>
      <c r="M271" s="5"/>
    </row>
    <row r="272" spans="1:13">
      <c r="A272" s="5"/>
      <c r="C272" s="10"/>
      <c r="D272" s="10"/>
      <c r="E272" s="10"/>
      <c r="F272" s="10"/>
      <c r="G272" s="10"/>
      <c r="M272" s="5"/>
    </row>
    <row r="273" spans="1:13">
      <c r="A273" s="5"/>
      <c r="C273" s="10"/>
      <c r="D273" s="10"/>
      <c r="E273" s="10"/>
      <c r="F273" s="10"/>
      <c r="G273" s="10"/>
      <c r="M273" s="5"/>
    </row>
    <row r="274" spans="1:13">
      <c r="A274" s="5"/>
      <c r="C274" s="10"/>
      <c r="D274" s="10"/>
      <c r="E274" s="10"/>
      <c r="F274" s="10"/>
      <c r="G274" s="10"/>
      <c r="M274" s="5"/>
    </row>
    <row r="275" spans="1:13">
      <c r="A275" s="5"/>
      <c r="C275" s="10"/>
      <c r="D275" s="10"/>
      <c r="E275" s="10"/>
      <c r="F275" s="10"/>
      <c r="G275" s="10"/>
      <c r="M275" s="5"/>
    </row>
    <row r="276" spans="1:13">
      <c r="A276" s="5"/>
      <c r="C276" s="10"/>
      <c r="D276" s="10"/>
      <c r="E276" s="10"/>
      <c r="F276" s="10"/>
      <c r="G276" s="10"/>
      <c r="M276" s="5"/>
    </row>
    <row r="277" spans="1:13">
      <c r="A277" s="5"/>
      <c r="C277" s="10"/>
      <c r="D277" s="10"/>
      <c r="E277" s="10"/>
      <c r="F277" s="10"/>
      <c r="G277" s="10"/>
      <c r="M277" s="5"/>
    </row>
    <row r="278" spans="1:13">
      <c r="A278" s="5"/>
      <c r="C278" s="10"/>
      <c r="D278" s="10"/>
      <c r="E278" s="10"/>
      <c r="F278" s="10"/>
      <c r="G278" s="10"/>
      <c r="M278" s="5"/>
    </row>
    <row r="279" spans="1:13">
      <c r="A279" s="5"/>
      <c r="C279" s="10"/>
      <c r="D279" s="10"/>
      <c r="E279" s="10"/>
      <c r="F279" s="10"/>
      <c r="G279" s="10"/>
      <c r="M279" s="5"/>
    </row>
    <row r="280" spans="1:13">
      <c r="A280" s="5"/>
      <c r="C280" s="10"/>
      <c r="D280" s="10"/>
      <c r="E280" s="10"/>
      <c r="F280" s="10"/>
      <c r="G280" s="10"/>
      <c r="M280" s="5"/>
    </row>
    <row r="281" spans="1:13">
      <c r="A281" s="5"/>
      <c r="C281" s="10"/>
      <c r="D281" s="10"/>
      <c r="E281" s="10"/>
      <c r="F281" s="10"/>
      <c r="G281" s="10"/>
      <c r="M281" s="5"/>
    </row>
    <row r="282" spans="1:13">
      <c r="A282" s="5"/>
      <c r="C282" s="10"/>
      <c r="D282" s="10"/>
      <c r="E282" s="10"/>
      <c r="F282" s="10"/>
      <c r="G282" s="10"/>
      <c r="M282" s="5"/>
    </row>
    <row r="283" spans="1:13">
      <c r="A283" s="5"/>
      <c r="C283" s="10"/>
      <c r="D283" s="10"/>
      <c r="E283" s="10"/>
      <c r="F283" s="10"/>
      <c r="G283" s="10"/>
      <c r="M283" s="5"/>
    </row>
    <row r="284" spans="1:13">
      <c r="A284" s="5"/>
      <c r="C284" s="10"/>
      <c r="D284" s="10"/>
      <c r="E284" s="10"/>
      <c r="F284" s="10"/>
      <c r="G284" s="10"/>
      <c r="M284" s="5"/>
    </row>
    <row r="285" spans="1:13">
      <c r="A285" s="5"/>
      <c r="C285" s="10"/>
      <c r="D285" s="10"/>
      <c r="E285" s="10"/>
      <c r="F285" s="10"/>
      <c r="G285" s="10"/>
      <c r="M285" s="5"/>
    </row>
    <row r="286" spans="1:13">
      <c r="A286" s="5"/>
      <c r="C286" s="10"/>
      <c r="D286" s="10"/>
      <c r="E286" s="10"/>
      <c r="F286" s="10"/>
      <c r="G286" s="10"/>
      <c r="M286" s="5"/>
    </row>
    <row r="287" spans="1:13">
      <c r="A287" s="5"/>
      <c r="C287" s="10"/>
      <c r="D287" s="10"/>
      <c r="E287" s="10"/>
      <c r="F287" s="10"/>
      <c r="G287" s="10"/>
      <c r="M287" s="5"/>
    </row>
    <row r="288" spans="1:13">
      <c r="A288" s="5"/>
      <c r="C288" s="10"/>
      <c r="D288" s="10"/>
      <c r="E288" s="10"/>
      <c r="F288" s="10"/>
      <c r="G288" s="10"/>
      <c r="M288" s="5"/>
    </row>
    <row r="289" spans="1:13">
      <c r="A289" s="5"/>
      <c r="C289" s="10"/>
      <c r="D289" s="10"/>
      <c r="E289" s="10"/>
      <c r="F289" s="10"/>
      <c r="G289" s="10"/>
      <c r="M289" s="5"/>
    </row>
    <row r="290" spans="1:13">
      <c r="A290" s="5"/>
      <c r="C290" s="10"/>
      <c r="D290" s="10"/>
      <c r="E290" s="10"/>
      <c r="F290" s="10"/>
      <c r="G290" s="10"/>
      <c r="M290" s="5"/>
    </row>
    <row r="291" spans="1:13">
      <c r="A291" s="5"/>
      <c r="C291" s="10"/>
      <c r="D291" s="10"/>
      <c r="E291" s="10"/>
      <c r="F291" s="10"/>
      <c r="G291" s="10"/>
      <c r="M291" s="5"/>
    </row>
    <row r="292" spans="1:13">
      <c r="A292" s="5"/>
      <c r="C292" s="10"/>
      <c r="D292" s="10"/>
      <c r="E292" s="10"/>
      <c r="F292" s="10"/>
      <c r="G292" s="10"/>
      <c r="M292" s="5"/>
    </row>
    <row r="293" spans="1:13">
      <c r="A293" s="5"/>
      <c r="C293" s="10"/>
      <c r="D293" s="10"/>
      <c r="E293" s="10"/>
      <c r="F293" s="10"/>
      <c r="G293" s="10"/>
      <c r="M293" s="5"/>
    </row>
    <row r="294" spans="1:13">
      <c r="A294" s="5"/>
      <c r="C294" s="10"/>
      <c r="D294" s="10"/>
      <c r="E294" s="10"/>
      <c r="F294" s="10"/>
      <c r="G294" s="10"/>
      <c r="M294" s="5"/>
    </row>
    <row r="295" spans="1:13">
      <c r="A295" s="5"/>
      <c r="C295" s="10"/>
      <c r="D295" s="10"/>
      <c r="E295" s="10"/>
      <c r="F295" s="10"/>
      <c r="G295" s="10"/>
      <c r="M295" s="5"/>
    </row>
    <row r="296" spans="1:13">
      <c r="A296" s="5"/>
      <c r="C296" s="10"/>
      <c r="D296" s="10"/>
      <c r="E296" s="10"/>
      <c r="F296" s="10"/>
      <c r="G296" s="10"/>
      <c r="M296" s="5"/>
    </row>
    <row r="297" spans="1:13">
      <c r="A297" s="5"/>
      <c r="C297" s="10"/>
      <c r="D297" s="10"/>
      <c r="E297" s="10"/>
      <c r="F297" s="10"/>
      <c r="G297" s="10"/>
      <c r="M297" s="5"/>
    </row>
    <row r="298" spans="1:13">
      <c r="A298" s="5"/>
      <c r="C298" s="10"/>
      <c r="D298" s="10"/>
      <c r="E298" s="10"/>
      <c r="F298" s="10"/>
      <c r="G298" s="10"/>
      <c r="M298" s="5"/>
    </row>
    <row r="299" spans="1:13">
      <c r="A299" s="5"/>
      <c r="C299" s="10"/>
      <c r="D299" s="10"/>
      <c r="E299" s="10"/>
      <c r="F299" s="10"/>
      <c r="G299" s="10"/>
      <c r="M299" s="5"/>
    </row>
    <row r="300" spans="1:13">
      <c r="A300" s="5"/>
      <c r="C300" s="10"/>
      <c r="D300" s="10"/>
      <c r="E300" s="10"/>
      <c r="F300" s="10"/>
      <c r="G300" s="10"/>
      <c r="M300" s="5"/>
    </row>
    <row r="301" spans="1:13">
      <c r="A301" s="5"/>
      <c r="C301" s="10"/>
      <c r="D301" s="10"/>
      <c r="E301" s="10"/>
      <c r="F301" s="10"/>
      <c r="G301" s="10"/>
      <c r="M301" s="5"/>
    </row>
    <row r="302" spans="1:13">
      <c r="A302" s="5"/>
      <c r="C302" s="10"/>
      <c r="D302" s="10"/>
      <c r="E302" s="10"/>
      <c r="F302" s="10"/>
      <c r="G302" s="10"/>
      <c r="M302" s="5"/>
    </row>
    <row r="303" spans="1:13">
      <c r="A303" s="5"/>
      <c r="C303" s="10"/>
      <c r="D303" s="10"/>
      <c r="E303" s="10"/>
      <c r="F303" s="10"/>
      <c r="G303" s="10"/>
      <c r="M303" s="5"/>
    </row>
    <row r="304" spans="1:13">
      <c r="A304" s="5"/>
      <c r="C304" s="10"/>
      <c r="D304" s="10"/>
      <c r="E304" s="10"/>
      <c r="F304" s="10"/>
      <c r="G304" s="10"/>
      <c r="M304" s="5"/>
    </row>
    <row r="305" spans="1:13">
      <c r="A305" s="5"/>
      <c r="C305" s="10"/>
      <c r="D305" s="10"/>
      <c r="E305" s="10"/>
      <c r="F305" s="10"/>
      <c r="G305" s="10"/>
      <c r="M305" s="5"/>
    </row>
    <row r="306" spans="1:13">
      <c r="A306" s="5"/>
      <c r="C306" s="10"/>
      <c r="D306" s="10"/>
      <c r="E306" s="10"/>
      <c r="F306" s="10"/>
      <c r="G306" s="10"/>
      <c r="M306" s="5"/>
    </row>
    <row r="307" spans="1:13">
      <c r="A307" s="5"/>
      <c r="C307" s="10"/>
      <c r="D307" s="10"/>
      <c r="E307" s="10"/>
      <c r="F307" s="10"/>
      <c r="G307" s="10"/>
      <c r="M307" s="5"/>
    </row>
    <row r="308" spans="1:13">
      <c r="A308" s="5"/>
      <c r="C308" s="10"/>
      <c r="D308" s="10"/>
      <c r="E308" s="10"/>
      <c r="F308" s="10"/>
      <c r="G308" s="10"/>
      <c r="M308" s="5"/>
    </row>
    <row r="309" spans="1:13">
      <c r="A309" s="5"/>
      <c r="C309" s="10"/>
      <c r="D309" s="10"/>
      <c r="E309" s="10"/>
      <c r="F309" s="10"/>
      <c r="G309" s="10"/>
      <c r="M309" s="5"/>
    </row>
    <row r="310" spans="1:13">
      <c r="A310" s="5"/>
      <c r="C310" s="10"/>
      <c r="D310" s="10"/>
      <c r="E310" s="10"/>
      <c r="F310" s="10"/>
      <c r="G310" s="10"/>
      <c r="M310" s="5"/>
    </row>
    <row r="311" spans="1:13">
      <c r="A311" s="5"/>
      <c r="C311" s="10"/>
      <c r="D311" s="10"/>
      <c r="E311" s="10"/>
      <c r="F311" s="10"/>
      <c r="G311" s="10"/>
      <c r="M311" s="5"/>
    </row>
    <row r="312" spans="1:13">
      <c r="A312" s="5"/>
      <c r="C312" s="10"/>
      <c r="D312" s="10"/>
      <c r="E312" s="10"/>
      <c r="F312" s="10"/>
      <c r="G312" s="10"/>
      <c r="M312" s="5"/>
    </row>
    <row r="313" spans="1:13">
      <c r="A313" s="5"/>
      <c r="C313" s="10"/>
      <c r="D313" s="10"/>
      <c r="E313" s="10"/>
      <c r="F313" s="10"/>
      <c r="G313" s="10"/>
      <c r="M313" s="5"/>
    </row>
    <row r="314" spans="1:13">
      <c r="A314" s="5"/>
      <c r="C314" s="10"/>
      <c r="D314" s="10"/>
      <c r="E314" s="10"/>
      <c r="F314" s="10"/>
      <c r="G314" s="10"/>
      <c r="M314" s="5"/>
    </row>
    <row r="315" spans="1:13">
      <c r="A315" s="5"/>
      <c r="C315" s="10"/>
      <c r="D315" s="10"/>
      <c r="E315" s="10"/>
      <c r="F315" s="10"/>
      <c r="G315" s="10"/>
      <c r="M315" s="5"/>
    </row>
    <row r="316" spans="1:13">
      <c r="A316" s="5"/>
      <c r="C316" s="10"/>
      <c r="D316" s="10"/>
      <c r="E316" s="10"/>
      <c r="F316" s="10"/>
      <c r="G316" s="10"/>
      <c r="M316" s="5"/>
    </row>
    <row r="317" spans="1:13">
      <c r="A317" s="5"/>
      <c r="C317" s="10"/>
      <c r="D317" s="10"/>
      <c r="E317" s="10"/>
      <c r="F317" s="10"/>
      <c r="G317" s="10"/>
      <c r="M317" s="5"/>
    </row>
    <row r="318" spans="1:13">
      <c r="A318" s="5"/>
      <c r="C318" s="10"/>
      <c r="D318" s="10"/>
      <c r="E318" s="10"/>
      <c r="F318" s="10"/>
      <c r="G318" s="10"/>
      <c r="M318" s="5"/>
    </row>
    <row r="319" spans="1:13">
      <c r="A319" s="5"/>
      <c r="C319" s="10"/>
      <c r="D319" s="10"/>
      <c r="E319" s="10"/>
      <c r="F319" s="10"/>
      <c r="G319" s="10"/>
      <c r="M319" s="5"/>
    </row>
    <row r="320" spans="1:13">
      <c r="A320" s="5"/>
      <c r="C320" s="10"/>
      <c r="D320" s="10"/>
      <c r="E320" s="10"/>
      <c r="F320" s="10"/>
      <c r="G320" s="10"/>
      <c r="M320" s="5"/>
    </row>
    <row r="321" spans="1:13">
      <c r="A321" s="5"/>
      <c r="C321" s="10"/>
      <c r="D321" s="10"/>
      <c r="E321" s="10"/>
      <c r="F321" s="10"/>
      <c r="G321" s="10"/>
      <c r="M321" s="5"/>
    </row>
    <row r="322" spans="1:13">
      <c r="A322" s="5"/>
      <c r="C322" s="10"/>
      <c r="D322" s="10"/>
      <c r="E322" s="10"/>
      <c r="F322" s="10"/>
      <c r="G322" s="10"/>
      <c r="M322" s="5"/>
    </row>
    <row r="323" spans="1:13">
      <c r="A323" s="5"/>
      <c r="C323" s="10"/>
      <c r="D323" s="10"/>
      <c r="E323" s="10"/>
      <c r="F323" s="10"/>
      <c r="G323" s="10"/>
      <c r="M323" s="5"/>
    </row>
    <row r="324" spans="1:13">
      <c r="A324" s="5"/>
      <c r="C324" s="10"/>
      <c r="D324" s="10"/>
      <c r="E324" s="10"/>
      <c r="F324" s="10"/>
      <c r="G324" s="10"/>
      <c r="M324" s="5"/>
    </row>
    <row r="325" spans="1:13">
      <c r="A325" s="5"/>
      <c r="C325" s="10"/>
      <c r="D325" s="10"/>
      <c r="E325" s="10"/>
      <c r="F325" s="10"/>
      <c r="G325" s="10"/>
      <c r="M325" s="5"/>
    </row>
    <row r="326" spans="1:13">
      <c r="A326" s="5"/>
      <c r="C326" s="10"/>
      <c r="D326" s="10"/>
      <c r="E326" s="10"/>
      <c r="F326" s="10"/>
      <c r="G326" s="10"/>
      <c r="M326" s="5"/>
    </row>
    <row r="327" spans="1:13">
      <c r="A327" s="5"/>
      <c r="C327" s="10"/>
      <c r="D327" s="10"/>
      <c r="E327" s="10"/>
      <c r="F327" s="10"/>
      <c r="G327" s="10"/>
      <c r="M327" s="5"/>
    </row>
    <row r="328" spans="1:13">
      <c r="A328" s="5"/>
      <c r="C328" s="10"/>
      <c r="D328" s="10"/>
      <c r="E328" s="10"/>
      <c r="F328" s="10"/>
      <c r="G328" s="10"/>
      <c r="M328" s="5"/>
    </row>
    <row r="329" spans="1:13">
      <c r="A329" s="5"/>
      <c r="C329" s="10"/>
      <c r="D329" s="10"/>
      <c r="E329" s="10"/>
      <c r="F329" s="10"/>
      <c r="G329" s="10"/>
      <c r="M329" s="5"/>
    </row>
    <row r="330" spans="1:13">
      <c r="A330" s="5"/>
      <c r="C330" s="10"/>
      <c r="D330" s="10"/>
      <c r="E330" s="10"/>
      <c r="F330" s="10"/>
      <c r="G330" s="10"/>
      <c r="M330" s="5"/>
    </row>
    <row r="331" spans="1:13">
      <c r="A331" s="5"/>
      <c r="C331" s="10"/>
      <c r="D331" s="10"/>
      <c r="E331" s="10"/>
      <c r="F331" s="10"/>
      <c r="G331" s="10"/>
      <c r="M331" s="5"/>
    </row>
    <row r="332" spans="1:13">
      <c r="A332" s="5"/>
      <c r="C332" s="10"/>
      <c r="D332" s="10"/>
      <c r="E332" s="10"/>
      <c r="F332" s="10"/>
      <c r="G332" s="10"/>
      <c r="M332" s="5"/>
    </row>
    <row r="333" spans="1:13">
      <c r="A333" s="5"/>
      <c r="C333" s="10"/>
      <c r="D333" s="10"/>
      <c r="E333" s="10"/>
      <c r="F333" s="10"/>
      <c r="G333" s="10"/>
      <c r="M333" s="5"/>
    </row>
    <row r="334" spans="1:13">
      <c r="A334" s="5"/>
      <c r="C334" s="10"/>
      <c r="D334" s="10"/>
      <c r="E334" s="10"/>
      <c r="F334" s="10"/>
      <c r="G334" s="10"/>
      <c r="M334" s="5"/>
    </row>
    <row r="335" spans="1:13">
      <c r="A335" s="5"/>
      <c r="C335" s="10"/>
      <c r="D335" s="10"/>
      <c r="E335" s="10"/>
      <c r="F335" s="10"/>
      <c r="G335" s="10"/>
      <c r="M335" s="5"/>
    </row>
    <row r="336" spans="1:13">
      <c r="A336" s="5"/>
      <c r="C336" s="10"/>
      <c r="D336" s="10"/>
      <c r="E336" s="10"/>
      <c r="F336" s="10"/>
      <c r="G336" s="10"/>
      <c r="M336" s="5"/>
    </row>
    <row r="337" spans="1:13">
      <c r="A337" s="5"/>
      <c r="C337" s="10"/>
      <c r="D337" s="10"/>
      <c r="E337" s="10"/>
      <c r="F337" s="10"/>
      <c r="G337" s="10"/>
      <c r="M337" s="5"/>
    </row>
    <row r="338" spans="1:13">
      <c r="A338" s="5"/>
      <c r="C338" s="10"/>
      <c r="D338" s="10"/>
      <c r="E338" s="10"/>
      <c r="F338" s="10"/>
      <c r="G338" s="10"/>
      <c r="M338" s="5"/>
    </row>
    <row r="339" spans="1:13">
      <c r="A339" s="5"/>
      <c r="C339" s="10"/>
      <c r="D339" s="10"/>
      <c r="E339" s="10"/>
      <c r="F339" s="10"/>
      <c r="G339" s="10"/>
      <c r="M339" s="5"/>
    </row>
    <row r="340" spans="1:13">
      <c r="A340" s="5"/>
      <c r="C340" s="10"/>
      <c r="D340" s="10"/>
      <c r="E340" s="10"/>
      <c r="F340" s="10"/>
      <c r="G340" s="10"/>
      <c r="M340" s="5"/>
    </row>
    <row r="341" spans="1:13">
      <c r="A341" s="5"/>
      <c r="C341" s="10"/>
      <c r="D341" s="10"/>
      <c r="E341" s="10"/>
      <c r="F341" s="10"/>
      <c r="G341" s="10"/>
      <c r="M341" s="5"/>
    </row>
  </sheetData>
  <pageMargins left="0.7" right="0.7" top="0.75" bottom="0.75" header="0.3" footer="0.3"/>
  <pageSetup scale="63"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6">
    <pageSetUpPr fitToPage="1"/>
  </sheetPr>
  <dimension ref="A1:Q15"/>
  <sheetViews>
    <sheetView zoomScale="90" zoomScaleNormal="90" workbookViewId="0">
      <selection activeCell="M13" sqref="M13"/>
    </sheetView>
  </sheetViews>
  <sheetFormatPr defaultRowHeight="13.2"/>
  <cols>
    <col min="1" max="1" width="5.5546875" bestFit="1" customWidth="1"/>
    <col min="2" max="2" width="1.6640625" customWidth="1"/>
    <col min="3" max="3" width="10.33203125" bestFit="1" customWidth="1"/>
    <col min="4" max="4" width="2.109375" customWidth="1"/>
    <col min="5" max="5" width="10.88671875" bestFit="1" customWidth="1"/>
    <col min="6" max="6" width="2.109375" customWidth="1"/>
    <col min="7" max="7" width="10.44140625" bestFit="1" customWidth="1"/>
    <col min="8" max="8" width="6.88671875" customWidth="1"/>
    <col min="9" max="9" width="11.5546875" bestFit="1" customWidth="1"/>
    <col min="10" max="10" width="3" customWidth="1"/>
    <col min="11" max="11" width="12.109375" bestFit="1" customWidth="1"/>
    <col min="12" max="12" width="2.5546875" customWidth="1"/>
    <col min="13" max="13" width="11.109375" bestFit="1" customWidth="1"/>
  </cols>
  <sheetData>
    <row r="1" spans="1:17">
      <c r="A1" s="286" t="s">
        <v>677</v>
      </c>
      <c r="B1" s="286"/>
      <c r="C1" s="286"/>
      <c r="D1" s="286"/>
      <c r="E1" s="286"/>
      <c r="F1" s="286"/>
      <c r="G1" s="286"/>
      <c r="H1" s="286"/>
      <c r="I1" s="286"/>
      <c r="J1" s="286"/>
      <c r="K1" s="286"/>
      <c r="L1" s="286"/>
      <c r="M1" s="286"/>
    </row>
    <row r="2" spans="1:17">
      <c r="A2" s="286" t="s">
        <v>678</v>
      </c>
      <c r="B2" s="286"/>
      <c r="C2" s="286"/>
      <c r="D2" s="286"/>
      <c r="E2" s="286"/>
      <c r="F2" s="286"/>
      <c r="G2" s="286"/>
      <c r="H2" s="286"/>
      <c r="I2" s="286"/>
      <c r="J2" s="286"/>
      <c r="K2" s="286"/>
      <c r="L2" s="286"/>
      <c r="M2" s="286"/>
    </row>
    <row r="3" spans="1:17" ht="57.6">
      <c r="A3" s="24" t="s">
        <v>679</v>
      </c>
      <c r="B3" s="21"/>
      <c r="C3" s="24" t="s">
        <v>3</v>
      </c>
      <c r="D3" s="21"/>
      <c r="E3" s="24" t="s">
        <v>680</v>
      </c>
      <c r="F3" s="20"/>
      <c r="G3" s="24" t="s">
        <v>863</v>
      </c>
      <c r="H3" s="21"/>
      <c r="I3" s="29" t="s">
        <v>681</v>
      </c>
      <c r="J3" s="30"/>
      <c r="K3" s="29" t="s">
        <v>682</v>
      </c>
      <c r="M3" s="29" t="s">
        <v>683</v>
      </c>
    </row>
    <row r="4" spans="1:17" ht="14.4">
      <c r="A4" s="20"/>
      <c r="B4" s="21"/>
      <c r="C4" s="20"/>
      <c r="D4" s="21"/>
      <c r="E4" s="20"/>
      <c r="F4" s="20"/>
      <c r="G4" s="20"/>
      <c r="H4" s="21"/>
      <c r="I4" s="31" t="s">
        <v>29</v>
      </c>
      <c r="J4" s="30"/>
      <c r="K4" s="31" t="s">
        <v>29</v>
      </c>
      <c r="M4" s="31" t="s">
        <v>29</v>
      </c>
    </row>
    <row r="5" spans="1:17" ht="14.4">
      <c r="A5" s="21">
        <v>2016</v>
      </c>
      <c r="B5" s="21"/>
      <c r="C5" s="32" t="s">
        <v>691</v>
      </c>
      <c r="D5" s="28"/>
      <c r="E5" s="28">
        <v>4400001</v>
      </c>
      <c r="F5" s="28"/>
      <c r="G5" s="28">
        <v>20</v>
      </c>
      <c r="H5" s="28"/>
      <c r="I5" s="33">
        <v>221399.71</v>
      </c>
      <c r="K5" s="34">
        <v>155357.73000000001</v>
      </c>
      <c r="M5" s="35">
        <f t="shared" ref="M5:M12" si="0">+I5-K5</f>
        <v>66041.979999999981</v>
      </c>
    </row>
    <row r="6" spans="1:17" ht="14.4">
      <c r="A6" s="21"/>
      <c r="B6" s="21"/>
      <c r="C6" s="28"/>
      <c r="D6" s="28"/>
      <c r="E6" s="28">
        <v>4400002</v>
      </c>
      <c r="F6" s="28"/>
      <c r="G6" s="28">
        <v>10</v>
      </c>
      <c r="H6" s="28"/>
      <c r="I6" s="33">
        <v>85177.87</v>
      </c>
      <c r="K6" s="34">
        <v>70190.649999999994</v>
      </c>
      <c r="M6" s="35">
        <f t="shared" si="0"/>
        <v>14987.220000000001</v>
      </c>
    </row>
    <row r="7" spans="1:17" ht="14.4">
      <c r="A7" s="21"/>
      <c r="B7" s="21"/>
      <c r="C7" s="28"/>
      <c r="D7" s="28"/>
      <c r="E7" s="28">
        <v>4420001</v>
      </c>
      <c r="F7" s="28"/>
      <c r="G7" s="28" t="s">
        <v>864</v>
      </c>
      <c r="H7" s="28"/>
      <c r="I7" s="33">
        <v>108946.17000000001</v>
      </c>
      <c r="K7" s="34">
        <v>98242.82</v>
      </c>
      <c r="M7" s="35">
        <f t="shared" si="0"/>
        <v>10703.350000000006</v>
      </c>
    </row>
    <row r="8" spans="1:17" ht="14.4">
      <c r="A8" s="21"/>
      <c r="B8" s="21"/>
      <c r="C8" s="28"/>
      <c r="D8" s="28"/>
      <c r="E8" s="28">
        <v>4420002</v>
      </c>
      <c r="F8" s="28"/>
      <c r="G8" s="28" t="s">
        <v>865</v>
      </c>
      <c r="H8" s="28"/>
      <c r="I8" s="33">
        <v>123891.23</v>
      </c>
      <c r="K8" s="34">
        <v>112924.67</v>
      </c>
      <c r="M8" s="35">
        <f t="shared" si="0"/>
        <v>10966.559999999998</v>
      </c>
    </row>
    <row r="9" spans="1:17" ht="14.4">
      <c r="A9" s="21"/>
      <c r="B9" s="21"/>
      <c r="C9" s="28"/>
      <c r="D9" s="28"/>
      <c r="E9" s="28">
        <v>4420004</v>
      </c>
      <c r="F9" s="28"/>
      <c r="G9" s="28">
        <v>230</v>
      </c>
      <c r="H9" s="28"/>
      <c r="I9" s="33">
        <v>31300.62</v>
      </c>
      <c r="K9" s="34">
        <v>41920.879999999997</v>
      </c>
      <c r="M9" s="35">
        <f t="shared" si="0"/>
        <v>-10620.259999999998</v>
      </c>
      <c r="Q9" s="70"/>
    </row>
    <row r="10" spans="1:17" ht="14.4">
      <c r="A10" s="21"/>
      <c r="B10" s="21"/>
      <c r="C10" s="28"/>
      <c r="D10" s="28"/>
      <c r="E10" s="28">
        <v>4420006</v>
      </c>
      <c r="F10" s="28"/>
      <c r="G10" s="28">
        <v>213</v>
      </c>
      <c r="H10" s="28"/>
      <c r="I10" s="33">
        <v>20994.46</v>
      </c>
      <c r="K10" s="34">
        <v>17890.82</v>
      </c>
      <c r="M10" s="35">
        <f t="shared" si="0"/>
        <v>3103.6399999999994</v>
      </c>
    </row>
    <row r="11" spans="1:17" ht="14.4">
      <c r="A11" s="21"/>
      <c r="B11" s="21"/>
      <c r="C11" s="28"/>
      <c r="D11" s="28"/>
      <c r="E11" s="28">
        <v>4420007</v>
      </c>
      <c r="F11" s="28"/>
      <c r="G11" s="28">
        <v>216</v>
      </c>
      <c r="H11" s="28"/>
      <c r="I11" s="33">
        <v>21609.57</v>
      </c>
      <c r="K11" s="34">
        <v>18531.240000000002</v>
      </c>
      <c r="M11" s="35">
        <f t="shared" si="0"/>
        <v>3078.3299999999981</v>
      </c>
    </row>
    <row r="12" spans="1:17" ht="14.4">
      <c r="A12" s="21"/>
      <c r="B12" s="21"/>
      <c r="C12" s="28"/>
      <c r="D12" s="28"/>
      <c r="E12" s="28">
        <v>4440000</v>
      </c>
      <c r="F12" s="28"/>
      <c r="G12" s="28">
        <v>400</v>
      </c>
      <c r="H12" s="28"/>
      <c r="I12" s="36">
        <v>1643.04</v>
      </c>
      <c r="K12" s="37">
        <v>1607.86</v>
      </c>
      <c r="M12" s="38">
        <f t="shared" si="0"/>
        <v>35.180000000000064</v>
      </c>
    </row>
    <row r="13" spans="1:17">
      <c r="A13" s="21"/>
      <c r="B13" s="21"/>
      <c r="C13" s="28" t="s">
        <v>2</v>
      </c>
      <c r="D13" s="28"/>
      <c r="E13" s="28" t="s">
        <v>4</v>
      </c>
      <c r="F13" s="28"/>
      <c r="G13" s="28"/>
      <c r="H13" s="28"/>
      <c r="I13" s="33">
        <f>SUM(I5:I12)</f>
        <v>614962.66999999993</v>
      </c>
      <c r="K13" s="39">
        <v>516666.67</v>
      </c>
      <c r="M13" s="35">
        <f>SUM(M5:M12)</f>
        <v>98295.999999999985</v>
      </c>
    </row>
    <row r="14" spans="1:17">
      <c r="A14" s="21"/>
      <c r="B14" s="21"/>
      <c r="C14" s="28"/>
      <c r="D14" s="28"/>
      <c r="E14" s="28"/>
      <c r="F14" s="28"/>
      <c r="G14" s="28"/>
      <c r="H14" s="28"/>
      <c r="I14" s="39"/>
      <c r="K14" s="39"/>
      <c r="M14" s="35"/>
    </row>
    <row r="15" spans="1:17">
      <c r="I15" s="22"/>
    </row>
  </sheetData>
  <mergeCells count="2">
    <mergeCell ref="A1:M1"/>
    <mergeCell ref="A2:M2"/>
  </mergeCells>
  <phoneticPr fontId="0" type="noConversion"/>
  <printOptions horizontalCentered="1"/>
  <pageMargins left="0.5" right="0.5" top="0.75" bottom="0.5" header="0.5" footer="0.5"/>
  <pageSetup orientation="landscape"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10"/>
  <sheetViews>
    <sheetView workbookViewId="0">
      <selection activeCell="F10" sqref="F10"/>
    </sheetView>
  </sheetViews>
  <sheetFormatPr defaultColWidth="10.33203125" defaultRowHeight="13.2"/>
  <cols>
    <col min="1" max="1" width="4.88671875" bestFit="1" customWidth="1"/>
    <col min="2" max="2" width="13.6640625" bestFit="1" customWidth="1"/>
    <col min="3" max="3" width="14.44140625" customWidth="1"/>
    <col min="4" max="4" width="6" bestFit="1" customWidth="1"/>
    <col min="5" max="5" width="8.88671875" bestFit="1" customWidth="1"/>
    <col min="6" max="6" width="13.44140625" style="23" bestFit="1" customWidth="1"/>
    <col min="7" max="7" width="28.6640625" bestFit="1" customWidth="1"/>
    <col min="8" max="8" width="8.5546875" bestFit="1" customWidth="1"/>
    <col min="9" max="9" width="12.5546875" bestFit="1" customWidth="1"/>
    <col min="10" max="10" width="12.88671875" bestFit="1" customWidth="1"/>
    <col min="11" max="11" width="9.44140625" bestFit="1" customWidth="1"/>
    <col min="12" max="12" width="11.5546875" bestFit="1" customWidth="1"/>
    <col min="13" max="13" width="9.5546875" bestFit="1" customWidth="1"/>
    <col min="14" max="14" width="8.33203125" bestFit="1" customWidth="1"/>
    <col min="15" max="15" width="8.44140625" bestFit="1" customWidth="1"/>
  </cols>
  <sheetData>
    <row r="1" spans="1:15" ht="16.2" thickTop="1" thickBot="1">
      <c r="A1" s="12" t="s">
        <v>5</v>
      </c>
      <c r="B1" s="12" t="s">
        <v>6</v>
      </c>
      <c r="C1" s="12" t="s">
        <v>7</v>
      </c>
      <c r="D1" s="12" t="s">
        <v>8</v>
      </c>
      <c r="E1" s="12" t="s">
        <v>9</v>
      </c>
      <c r="F1" s="25" t="s">
        <v>10</v>
      </c>
      <c r="G1" s="12" t="s">
        <v>11</v>
      </c>
      <c r="H1" s="12" t="s">
        <v>12</v>
      </c>
      <c r="I1" s="12" t="s">
        <v>13</v>
      </c>
      <c r="J1" s="12" t="s">
        <v>14</v>
      </c>
      <c r="K1" s="12" t="s">
        <v>15</v>
      </c>
      <c r="L1" s="12" t="s">
        <v>16</v>
      </c>
      <c r="M1" s="12" t="s">
        <v>17</v>
      </c>
      <c r="N1" s="12" t="s">
        <v>18</v>
      </c>
      <c r="O1" s="12" t="s">
        <v>19</v>
      </c>
    </row>
    <row r="2" spans="1:15" ht="13.8" thickTop="1">
      <c r="A2" s="13" t="s">
        <v>481</v>
      </c>
      <c r="B2" s="13" t="s">
        <v>482</v>
      </c>
      <c r="C2" s="11">
        <v>42550</v>
      </c>
      <c r="D2" s="13" t="s">
        <v>20</v>
      </c>
      <c r="E2" s="13" t="s">
        <v>483</v>
      </c>
      <c r="F2" s="23">
        <v>93720.22</v>
      </c>
      <c r="G2" s="13" t="s">
        <v>480</v>
      </c>
      <c r="H2" s="13" t="s">
        <v>21</v>
      </c>
      <c r="I2" s="13" t="s">
        <v>484</v>
      </c>
      <c r="J2" s="13" t="s">
        <v>485</v>
      </c>
      <c r="K2" s="13" t="s">
        <v>486</v>
      </c>
      <c r="L2" s="13" t="s">
        <v>22</v>
      </c>
      <c r="M2" s="13" t="s">
        <v>23</v>
      </c>
      <c r="N2" s="13" t="s">
        <v>24</v>
      </c>
      <c r="O2" s="13" t="s">
        <v>21</v>
      </c>
    </row>
    <row r="3" spans="1:15">
      <c r="A3" s="13" t="s">
        <v>481</v>
      </c>
      <c r="B3" s="13" t="s">
        <v>482</v>
      </c>
      <c r="C3" s="11">
        <v>42551</v>
      </c>
      <c r="D3" s="13" t="s">
        <v>20</v>
      </c>
      <c r="E3" s="13" t="s">
        <v>483</v>
      </c>
      <c r="F3" s="23">
        <v>505474.28</v>
      </c>
      <c r="G3" s="13" t="s">
        <v>480</v>
      </c>
      <c r="H3" s="13" t="s">
        <v>21</v>
      </c>
      <c r="I3" s="13" t="s">
        <v>484</v>
      </c>
      <c r="J3" s="13" t="s">
        <v>485</v>
      </c>
      <c r="K3" s="13" t="s">
        <v>486</v>
      </c>
      <c r="L3" s="13" t="s">
        <v>22</v>
      </c>
      <c r="M3" s="13" t="s">
        <v>23</v>
      </c>
      <c r="N3" s="13" t="s">
        <v>24</v>
      </c>
      <c r="O3" s="13" t="s">
        <v>21</v>
      </c>
    </row>
    <row r="4" spans="1:15">
      <c r="A4" s="13" t="s">
        <v>481</v>
      </c>
      <c r="B4" s="13" t="s">
        <v>482</v>
      </c>
      <c r="C4" s="11">
        <v>42582</v>
      </c>
      <c r="D4" s="13" t="s">
        <v>20</v>
      </c>
      <c r="E4" s="13" t="s">
        <v>483</v>
      </c>
      <c r="F4" s="23">
        <v>61859.17</v>
      </c>
      <c r="G4" s="13" t="s">
        <v>480</v>
      </c>
      <c r="H4" s="13" t="s">
        <v>21</v>
      </c>
      <c r="I4" s="13" t="s">
        <v>484</v>
      </c>
      <c r="J4" s="13" t="s">
        <v>485</v>
      </c>
      <c r="K4" s="13" t="s">
        <v>486</v>
      </c>
      <c r="L4" s="13" t="s">
        <v>22</v>
      </c>
      <c r="M4" s="13" t="s">
        <v>23</v>
      </c>
      <c r="N4" s="13" t="s">
        <v>24</v>
      </c>
      <c r="O4" s="13" t="s">
        <v>21</v>
      </c>
    </row>
    <row r="5" spans="1:15">
      <c r="A5" s="13" t="s">
        <v>481</v>
      </c>
      <c r="B5" s="13" t="s">
        <v>482</v>
      </c>
      <c r="C5" s="11">
        <v>42613</v>
      </c>
      <c r="D5" s="13" t="s">
        <v>20</v>
      </c>
      <c r="E5" s="13" t="s">
        <v>483</v>
      </c>
      <c r="F5" s="23">
        <v>-77776.2</v>
      </c>
      <c r="G5" s="13" t="s">
        <v>480</v>
      </c>
      <c r="H5" s="13" t="s">
        <v>21</v>
      </c>
      <c r="I5" s="13" t="s">
        <v>484</v>
      </c>
      <c r="J5" s="13" t="s">
        <v>485</v>
      </c>
      <c r="K5" s="13" t="s">
        <v>486</v>
      </c>
      <c r="L5" s="13" t="s">
        <v>22</v>
      </c>
      <c r="M5" s="13" t="s">
        <v>23</v>
      </c>
      <c r="N5" s="13" t="s">
        <v>24</v>
      </c>
      <c r="O5" s="13" t="s">
        <v>21</v>
      </c>
    </row>
    <row r="6" spans="1:15">
      <c r="A6" s="13" t="s">
        <v>481</v>
      </c>
      <c r="B6" s="13" t="s">
        <v>482</v>
      </c>
      <c r="C6" s="11">
        <v>42643</v>
      </c>
      <c r="D6" s="13" t="s">
        <v>20</v>
      </c>
      <c r="E6" s="13" t="s">
        <v>483</v>
      </c>
      <c r="F6" s="67">
        <v>-70965.83</v>
      </c>
      <c r="G6" s="13" t="s">
        <v>480</v>
      </c>
      <c r="H6" s="13" t="s">
        <v>21</v>
      </c>
      <c r="I6" s="13" t="s">
        <v>484</v>
      </c>
      <c r="J6" s="13" t="s">
        <v>485</v>
      </c>
      <c r="K6" s="13" t="s">
        <v>486</v>
      </c>
      <c r="L6" s="13" t="s">
        <v>22</v>
      </c>
      <c r="M6" s="13" t="s">
        <v>23</v>
      </c>
      <c r="N6" s="13" t="s">
        <v>24</v>
      </c>
      <c r="O6" s="13" t="s">
        <v>21</v>
      </c>
    </row>
    <row r="7" spans="1:15">
      <c r="A7" s="13" t="s">
        <v>481</v>
      </c>
      <c r="B7" s="13" t="s">
        <v>482</v>
      </c>
      <c r="C7" s="11">
        <v>42674</v>
      </c>
      <c r="D7" s="13" t="s">
        <v>20</v>
      </c>
      <c r="E7" s="13" t="s">
        <v>483</v>
      </c>
      <c r="F7" s="23">
        <v>26626.52</v>
      </c>
      <c r="G7" s="13" t="s">
        <v>480</v>
      </c>
      <c r="H7" s="13" t="s">
        <v>21</v>
      </c>
      <c r="I7" s="13" t="s">
        <v>484</v>
      </c>
      <c r="J7" s="13" t="s">
        <v>485</v>
      </c>
      <c r="K7" s="13" t="s">
        <v>486</v>
      </c>
      <c r="L7" s="13" t="s">
        <v>22</v>
      </c>
      <c r="M7" s="13" t="s">
        <v>23</v>
      </c>
      <c r="N7" s="13" t="s">
        <v>24</v>
      </c>
      <c r="O7" s="13" t="s">
        <v>21</v>
      </c>
    </row>
    <row r="8" spans="1:15">
      <c r="A8" s="13" t="s">
        <v>481</v>
      </c>
      <c r="B8" s="13" t="s">
        <v>482</v>
      </c>
      <c r="C8" s="11">
        <v>42704</v>
      </c>
      <c r="D8" s="13" t="s">
        <v>20</v>
      </c>
      <c r="E8" s="13" t="s">
        <v>483</v>
      </c>
      <c r="F8" s="67">
        <v>62172.76</v>
      </c>
      <c r="G8" s="13" t="s">
        <v>480</v>
      </c>
      <c r="H8" s="13" t="s">
        <v>21</v>
      </c>
      <c r="I8" s="13" t="s">
        <v>484</v>
      </c>
      <c r="J8" s="13" t="s">
        <v>485</v>
      </c>
      <c r="K8" s="13" t="s">
        <v>486</v>
      </c>
      <c r="L8" s="13" t="s">
        <v>22</v>
      </c>
      <c r="M8" s="13" t="s">
        <v>23</v>
      </c>
      <c r="N8" s="13" t="s">
        <v>24</v>
      </c>
      <c r="O8" s="13" t="s">
        <v>21</v>
      </c>
    </row>
    <row r="9" spans="1:15">
      <c r="A9" s="13" t="s">
        <v>481</v>
      </c>
      <c r="B9" s="13" t="s">
        <v>482</v>
      </c>
      <c r="C9" s="11">
        <v>42735</v>
      </c>
      <c r="D9" s="13" t="s">
        <v>20</v>
      </c>
      <c r="E9" s="13" t="s">
        <v>483</v>
      </c>
      <c r="F9" s="23">
        <v>-98296</v>
      </c>
      <c r="G9" s="13" t="s">
        <v>480</v>
      </c>
      <c r="H9" s="13" t="s">
        <v>21</v>
      </c>
      <c r="I9" s="13" t="s">
        <v>484</v>
      </c>
      <c r="J9" s="13" t="s">
        <v>485</v>
      </c>
      <c r="K9" s="13" t="s">
        <v>486</v>
      </c>
      <c r="L9" s="13" t="s">
        <v>22</v>
      </c>
      <c r="M9" s="13" t="s">
        <v>23</v>
      </c>
      <c r="N9" s="13" t="s">
        <v>24</v>
      </c>
      <c r="O9" s="13" t="s">
        <v>21</v>
      </c>
    </row>
    <row r="10" spans="1:15">
      <c r="A10" s="13"/>
      <c r="B10" s="13"/>
      <c r="C10" s="11"/>
      <c r="D10" s="13"/>
      <c r="E10" s="13"/>
      <c r="F10" s="26">
        <f>SUM(F2:F9)</f>
        <v>502814.92000000004</v>
      </c>
      <c r="G10" s="13"/>
      <c r="H10" s="13"/>
      <c r="I10" s="13"/>
      <c r="J10" s="13"/>
      <c r="K10" s="13"/>
      <c r="L10" s="13"/>
      <c r="M10" s="13"/>
      <c r="N10" s="13"/>
      <c r="O10" s="13"/>
    </row>
  </sheetData>
  <pageMargins left="0.7" right="0.7" top="0.75" bottom="0.75" header="0.3" footer="0.3"/>
  <pageSetup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5"/>
  <sheetViews>
    <sheetView topLeftCell="A10" workbookViewId="0">
      <selection activeCell="D25" sqref="D25"/>
    </sheetView>
  </sheetViews>
  <sheetFormatPr defaultColWidth="9.109375" defaultRowHeight="15"/>
  <cols>
    <col min="1" max="1" width="14.109375" style="260" customWidth="1"/>
    <col min="2" max="2" width="15.44140625" style="260" customWidth="1"/>
    <col min="3" max="3" width="13.109375" style="260" customWidth="1"/>
    <col min="4" max="4" width="14" style="260" customWidth="1"/>
    <col min="5" max="5" width="14.33203125" style="260" customWidth="1"/>
    <col min="6" max="6" width="15.44140625" style="260" customWidth="1"/>
    <col min="7" max="7" width="14.6640625" style="260" customWidth="1"/>
    <col min="8" max="8" width="11.88671875" style="260" customWidth="1"/>
    <col min="9" max="11" width="15.44140625" style="260" customWidth="1"/>
    <col min="12" max="12" width="15" style="260" customWidth="1"/>
    <col min="13" max="15" width="15.5546875" style="260" customWidth="1"/>
    <col min="16" max="17" width="15" style="260" customWidth="1"/>
    <col min="18" max="20" width="15.6640625" style="260" customWidth="1"/>
    <col min="21" max="24" width="217.5546875" style="260" bestFit="1" customWidth="1"/>
    <col min="25" max="25" width="12.6640625" style="260" bestFit="1" customWidth="1"/>
    <col min="26" max="29" width="117.5546875" style="260" bestFit="1" customWidth="1"/>
    <col min="30" max="30" width="12.6640625" style="260" bestFit="1" customWidth="1"/>
    <col min="31" max="46" width="217.5546875" style="260" bestFit="1" customWidth="1"/>
    <col min="47" max="47" width="12.6640625" style="260" bestFit="1" customWidth="1"/>
    <col min="48" max="60" width="217.5546875" style="260" bestFit="1" customWidth="1"/>
    <col min="61" max="61" width="12.6640625" style="260" bestFit="1" customWidth="1"/>
    <col min="62" max="74" width="217.5546875" style="260" bestFit="1" customWidth="1"/>
    <col min="75" max="75" width="12.6640625" style="260" bestFit="1" customWidth="1"/>
    <col min="76" max="77" width="93.5546875" style="260" bestFit="1" customWidth="1"/>
    <col min="78" max="78" width="12.6640625" style="260" bestFit="1" customWidth="1"/>
    <col min="79" max="91" width="217.5546875" style="260" bestFit="1" customWidth="1"/>
    <col min="92" max="92" width="12.6640625" style="260" bestFit="1" customWidth="1"/>
    <col min="93" max="105" width="217.5546875" style="260" bestFit="1" customWidth="1"/>
    <col min="106" max="106" width="12.6640625" style="260" bestFit="1" customWidth="1"/>
    <col min="107" max="111" width="117.5546875" style="260" bestFit="1" customWidth="1"/>
    <col min="112" max="112" width="12.6640625" style="260" bestFit="1" customWidth="1"/>
    <col min="113" max="117" width="117.5546875" style="260" bestFit="1" customWidth="1"/>
    <col min="118" max="118" width="12.6640625" style="260" bestFit="1" customWidth="1"/>
    <col min="119" max="120" width="93.5546875" style="260" bestFit="1" customWidth="1"/>
    <col min="121" max="121" width="12.6640625" style="260" bestFit="1" customWidth="1"/>
    <col min="122" max="132" width="217.5546875" style="260" bestFit="1" customWidth="1"/>
    <col min="133" max="133" width="12.6640625" style="260" bestFit="1" customWidth="1"/>
    <col min="134" max="138" width="117.5546875" style="260" bestFit="1" customWidth="1"/>
    <col min="139" max="139" width="12.6640625" style="260" bestFit="1" customWidth="1"/>
    <col min="140" max="141" width="93.5546875" style="260" bestFit="1" customWidth="1"/>
    <col min="142" max="142" width="12.6640625" style="260" bestFit="1" customWidth="1"/>
    <col min="143" max="146" width="117.5546875" style="260" bestFit="1" customWidth="1"/>
    <col min="147" max="147" width="12.6640625" style="260" bestFit="1" customWidth="1"/>
    <col min="148" max="148" width="12.5546875" style="260" bestFit="1" customWidth="1"/>
    <col min="149" max="16384" width="9.109375" style="260"/>
  </cols>
  <sheetData>
    <row r="1" spans="1:12">
      <c r="A1" s="259" t="s">
        <v>1578</v>
      </c>
      <c r="B1" s="259" t="s">
        <v>892</v>
      </c>
    </row>
    <row r="3" spans="1:12">
      <c r="A3" s="261" t="s">
        <v>1579</v>
      </c>
      <c r="B3" s="261" t="s">
        <v>1580</v>
      </c>
      <c r="C3" s="262"/>
      <c r="D3" s="262"/>
      <c r="E3" s="262"/>
      <c r="F3" s="262"/>
      <c r="G3" s="262"/>
      <c r="H3" s="262"/>
      <c r="I3" s="262"/>
      <c r="J3" s="262"/>
      <c r="K3" s="262"/>
      <c r="L3" s="263"/>
    </row>
    <row r="4" spans="1:12" ht="240">
      <c r="A4" s="261" t="s">
        <v>9</v>
      </c>
      <c r="B4" s="264" t="s">
        <v>1581</v>
      </c>
      <c r="C4" s="265" t="s">
        <v>1582</v>
      </c>
      <c r="D4" s="265" t="s">
        <v>1583</v>
      </c>
      <c r="E4" s="265" t="s">
        <v>1584</v>
      </c>
      <c r="F4" s="265" t="s">
        <v>1585</v>
      </c>
      <c r="G4" s="265" t="s">
        <v>1586</v>
      </c>
      <c r="H4" s="265" t="s">
        <v>1587</v>
      </c>
      <c r="I4" s="265" t="s">
        <v>1588</v>
      </c>
      <c r="J4" s="265" t="s">
        <v>1589</v>
      </c>
      <c r="K4" s="265" t="s">
        <v>1590</v>
      </c>
      <c r="L4" s="266" t="s">
        <v>1591</v>
      </c>
    </row>
    <row r="5" spans="1:12">
      <c r="A5" s="261" t="s">
        <v>1594</v>
      </c>
      <c r="B5" s="267">
        <v>-166764945.47</v>
      </c>
      <c r="C5" s="268"/>
      <c r="D5" s="268"/>
      <c r="E5" s="268">
        <v>64540523.579999998</v>
      </c>
      <c r="F5" s="268">
        <v>-59859636.649999999</v>
      </c>
      <c r="G5" s="268">
        <v>40345087.709999993</v>
      </c>
      <c r="H5" s="268"/>
      <c r="I5" s="268">
        <v>-1149544.7</v>
      </c>
      <c r="J5" s="268">
        <v>105995.45999999999</v>
      </c>
      <c r="K5" s="268">
        <v>-155504.74</v>
      </c>
      <c r="L5" s="269">
        <v>-122938024.81</v>
      </c>
    </row>
    <row r="6" spans="1:12">
      <c r="A6" s="270" t="s">
        <v>1595</v>
      </c>
      <c r="B6" s="271">
        <v>-78531474.650000051</v>
      </c>
      <c r="C6" s="272"/>
      <c r="D6" s="272"/>
      <c r="E6" s="272">
        <v>30862816.699999996</v>
      </c>
      <c r="F6" s="272">
        <v>-29235019.379999999</v>
      </c>
      <c r="G6" s="272">
        <v>18360056.529999997</v>
      </c>
      <c r="H6" s="272"/>
      <c r="I6" s="272">
        <v>-382727.59000000008</v>
      </c>
      <c r="J6" s="272">
        <v>67834.399999999994</v>
      </c>
      <c r="K6" s="272">
        <v>-83958.99</v>
      </c>
      <c r="L6" s="273">
        <v>-58942472.980000064</v>
      </c>
    </row>
    <row r="7" spans="1:12">
      <c r="A7" s="270" t="s">
        <v>1596</v>
      </c>
      <c r="B7" s="271"/>
      <c r="C7" s="272"/>
      <c r="D7" s="272"/>
      <c r="E7" s="272"/>
      <c r="F7" s="272"/>
      <c r="G7" s="272">
        <v>-58705144.24000001</v>
      </c>
      <c r="H7" s="272"/>
      <c r="I7" s="272">
        <v>1532272.29</v>
      </c>
      <c r="J7" s="272"/>
      <c r="K7" s="272"/>
      <c r="L7" s="273">
        <v>-57172871.95000001</v>
      </c>
    </row>
    <row r="8" spans="1:12">
      <c r="A8" s="270" t="s">
        <v>1597</v>
      </c>
      <c r="B8" s="271">
        <v>-113159591.33000001</v>
      </c>
      <c r="C8" s="272">
        <v>424467</v>
      </c>
      <c r="D8" s="272">
        <v>-632226</v>
      </c>
      <c r="E8" s="272">
        <v>43989592.949999996</v>
      </c>
      <c r="F8" s="272">
        <v>-42096904.189999998</v>
      </c>
      <c r="G8" s="272">
        <v>26959798.649999999</v>
      </c>
      <c r="H8" s="272">
        <v>70679.039999999994</v>
      </c>
      <c r="I8" s="272">
        <v>-433098.75</v>
      </c>
      <c r="J8" s="272">
        <v>44394.21</v>
      </c>
      <c r="K8" s="272">
        <v>-132799.82</v>
      </c>
      <c r="L8" s="273">
        <v>-84965688.24000001</v>
      </c>
    </row>
    <row r="9" spans="1:12">
      <c r="A9" s="270" t="s">
        <v>1598</v>
      </c>
      <c r="B9" s="271">
        <v>-127741738.78000005</v>
      </c>
      <c r="C9" s="272">
        <v>28647911</v>
      </c>
      <c r="D9" s="272">
        <v>-29558689</v>
      </c>
      <c r="E9" s="272">
        <v>15988843.530000003</v>
      </c>
      <c r="F9" s="272">
        <v>-15499674.530000001</v>
      </c>
      <c r="G9" s="272">
        <v>58850976.550000004</v>
      </c>
      <c r="H9" s="272">
        <v>414962.11999999994</v>
      </c>
      <c r="I9" s="272">
        <v>-145628.91000000003</v>
      </c>
      <c r="J9" s="272">
        <v>164372.11000000004</v>
      </c>
      <c r="K9" s="272">
        <v>68540.19</v>
      </c>
      <c r="L9" s="273">
        <v>-68810125.720000044</v>
      </c>
    </row>
    <row r="10" spans="1:12">
      <c r="A10" s="270" t="s">
        <v>1599</v>
      </c>
      <c r="B10" s="271">
        <v>-33111500.52</v>
      </c>
      <c r="C10" s="272">
        <v>475183</v>
      </c>
      <c r="D10" s="272">
        <v>-369939</v>
      </c>
      <c r="E10" s="272">
        <v>8490230.459999999</v>
      </c>
      <c r="F10" s="272">
        <v>-8044744.2399999993</v>
      </c>
      <c r="G10" s="272">
        <v>10487098.279999999</v>
      </c>
      <c r="H10" s="272">
        <v>-37901.85</v>
      </c>
      <c r="I10" s="272">
        <v>-122272.15000000002</v>
      </c>
      <c r="J10" s="272">
        <v>-153596.96000000002</v>
      </c>
      <c r="K10" s="272">
        <v>-159385.76</v>
      </c>
      <c r="L10" s="273">
        <v>-22546828.740000006</v>
      </c>
    </row>
    <row r="11" spans="1:12">
      <c r="A11" s="270" t="s">
        <v>1600</v>
      </c>
      <c r="B11" s="271"/>
      <c r="C11" s="272"/>
      <c r="D11" s="272"/>
      <c r="E11" s="272"/>
      <c r="F11" s="272"/>
      <c r="G11" s="272">
        <v>0</v>
      </c>
      <c r="H11" s="272"/>
      <c r="I11" s="272">
        <v>0</v>
      </c>
      <c r="J11" s="272"/>
      <c r="K11" s="272"/>
      <c r="L11" s="273">
        <v>0</v>
      </c>
    </row>
    <row r="12" spans="1:12">
      <c r="A12" s="270" t="s">
        <v>1601</v>
      </c>
      <c r="B12" s="271">
        <v>-19626445.74000001</v>
      </c>
      <c r="C12" s="272">
        <v>32268</v>
      </c>
      <c r="D12" s="272">
        <v>-30240</v>
      </c>
      <c r="E12" s="272">
        <v>7402285.1600000001</v>
      </c>
      <c r="F12" s="272">
        <v>-7041170.2999999998</v>
      </c>
      <c r="G12" s="272">
        <v>4746457.6899999995</v>
      </c>
      <c r="H12" s="272">
        <v>-519.99</v>
      </c>
      <c r="I12" s="272">
        <v>-86084.97</v>
      </c>
      <c r="J12" s="272">
        <v>12596.449999999999</v>
      </c>
      <c r="K12" s="272">
        <v>-20595.66</v>
      </c>
      <c r="L12" s="273">
        <v>-14611449.360000012</v>
      </c>
    </row>
    <row r="13" spans="1:12">
      <c r="A13" s="270" t="s">
        <v>1602</v>
      </c>
      <c r="B13" s="271">
        <v>-21794295.840000015</v>
      </c>
      <c r="C13" s="272">
        <v>19909</v>
      </c>
      <c r="D13" s="272">
        <v>-39254</v>
      </c>
      <c r="E13" s="272">
        <v>8422954.2599999998</v>
      </c>
      <c r="F13" s="272">
        <v>-8088072.8100000005</v>
      </c>
      <c r="G13" s="272">
        <v>5348721.34</v>
      </c>
      <c r="H13" s="272">
        <v>4614.21</v>
      </c>
      <c r="I13" s="272">
        <v>-79766.329999999987</v>
      </c>
      <c r="J13" s="272">
        <v>17174.79</v>
      </c>
      <c r="K13" s="272">
        <v>-16195.99</v>
      </c>
      <c r="L13" s="273">
        <v>-16204211.370000016</v>
      </c>
    </row>
    <row r="14" spans="1:12">
      <c r="A14" s="270" t="s">
        <v>1603</v>
      </c>
      <c r="B14" s="271"/>
      <c r="C14" s="272"/>
      <c r="D14" s="272"/>
      <c r="E14" s="272"/>
      <c r="F14" s="272"/>
      <c r="G14" s="272">
        <v>-37054977.679999992</v>
      </c>
      <c r="H14" s="272">
        <v>-74773.260000000009</v>
      </c>
      <c r="I14" s="272">
        <v>598950.05000000005</v>
      </c>
      <c r="J14" s="272"/>
      <c r="K14" s="272"/>
      <c r="L14" s="273">
        <v>-36530800.889999993</v>
      </c>
    </row>
    <row r="15" spans="1:12">
      <c r="A15" s="270" t="s">
        <v>1604</v>
      </c>
      <c r="B15" s="271"/>
      <c r="C15" s="272"/>
      <c r="D15" s="272"/>
      <c r="E15" s="272"/>
      <c r="F15" s="272"/>
      <c r="G15" s="272">
        <v>-69338074.829999998</v>
      </c>
      <c r="H15" s="272">
        <v>-377060.26999999996</v>
      </c>
      <c r="I15" s="272">
        <v>267901.06000000006</v>
      </c>
      <c r="J15" s="272"/>
      <c r="K15" s="272"/>
      <c r="L15" s="273">
        <v>-69447234.039999992</v>
      </c>
    </row>
    <row r="16" spans="1:12">
      <c r="A16" s="270" t="s">
        <v>1605</v>
      </c>
      <c r="B16" s="271"/>
      <c r="C16" s="272"/>
      <c r="D16" s="272"/>
      <c r="E16" s="272"/>
      <c r="F16" s="272"/>
      <c r="G16" s="272">
        <v>0</v>
      </c>
      <c r="H16" s="272"/>
      <c r="I16" s="272">
        <v>0</v>
      </c>
      <c r="J16" s="272"/>
      <c r="K16" s="272"/>
      <c r="L16" s="273">
        <v>0</v>
      </c>
    </row>
    <row r="17" spans="1:12">
      <c r="A17" s="270" t="s">
        <v>1606</v>
      </c>
      <c r="B17" s="271">
        <v>-1977263.8299999991</v>
      </c>
      <c r="C17" s="272"/>
      <c r="D17" s="272"/>
      <c r="E17" s="272">
        <v>138076.85</v>
      </c>
      <c r="F17" s="272">
        <v>-133212.96000000002</v>
      </c>
      <c r="G17" s="272">
        <v>304775.01999999996</v>
      </c>
      <c r="H17" s="272">
        <v>0</v>
      </c>
      <c r="I17" s="272">
        <v>-832.46</v>
      </c>
      <c r="J17" s="272">
        <v>-2997.0500000000006</v>
      </c>
      <c r="K17" s="272">
        <v>-5573.51</v>
      </c>
      <c r="L17" s="273">
        <v>-1677027.939999999</v>
      </c>
    </row>
    <row r="18" spans="1:12">
      <c r="A18" s="270" t="s">
        <v>1607</v>
      </c>
      <c r="B18" s="271"/>
      <c r="C18" s="272"/>
      <c r="D18" s="272"/>
      <c r="E18" s="272"/>
      <c r="F18" s="272"/>
      <c r="G18" s="272">
        <v>-304775.01999999996</v>
      </c>
      <c r="H18" s="272">
        <v>0</v>
      </c>
      <c r="I18" s="272">
        <v>832.46</v>
      </c>
      <c r="J18" s="272"/>
      <c r="K18" s="272"/>
      <c r="L18" s="273">
        <v>-303942.55999999994</v>
      </c>
    </row>
    <row r="19" spans="1:12">
      <c r="A19" s="270" t="s">
        <v>1608</v>
      </c>
      <c r="B19" s="271"/>
      <c r="C19" s="272"/>
      <c r="D19" s="272"/>
      <c r="E19" s="272"/>
      <c r="F19" s="272"/>
      <c r="G19" s="272">
        <v>0</v>
      </c>
      <c r="H19" s="272"/>
      <c r="I19" s="272">
        <v>0</v>
      </c>
      <c r="J19" s="272"/>
      <c r="K19" s="272"/>
      <c r="L19" s="273">
        <v>0</v>
      </c>
    </row>
    <row r="20" spans="1:12">
      <c r="A20" s="270" t="s">
        <v>1609</v>
      </c>
      <c r="B20" s="271"/>
      <c r="C20" s="272"/>
      <c r="D20" s="272"/>
      <c r="E20" s="272"/>
      <c r="F20" s="272"/>
      <c r="G20" s="272">
        <v>0</v>
      </c>
      <c r="H20" s="272"/>
      <c r="I20" s="272">
        <v>0</v>
      </c>
      <c r="J20" s="272"/>
      <c r="K20" s="272"/>
      <c r="L20" s="273">
        <v>0</v>
      </c>
    </row>
    <row r="21" spans="1:12">
      <c r="A21" s="274" t="s">
        <v>1591</v>
      </c>
      <c r="B21" s="275">
        <v>-562707256.16000009</v>
      </c>
      <c r="C21" s="276">
        <v>29599738</v>
      </c>
      <c r="D21" s="276">
        <v>-30630348</v>
      </c>
      <c r="E21" s="276">
        <v>179835323.48999998</v>
      </c>
      <c r="F21" s="276">
        <v>-169998435.06000003</v>
      </c>
      <c r="G21" s="276">
        <v>0</v>
      </c>
      <c r="H21" s="276">
        <v>0</v>
      </c>
      <c r="I21" s="276">
        <v>1.1641532182693481E-10</v>
      </c>
      <c r="J21" s="276">
        <v>255773.41000000006</v>
      </c>
      <c r="K21" s="276">
        <v>-505474.27999999997</v>
      </c>
      <c r="L21" s="277">
        <v>-554150678.60000014</v>
      </c>
    </row>
    <row r="23" spans="1:12">
      <c r="G23" s="278" t="s">
        <v>1592</v>
      </c>
      <c r="I23" s="272">
        <f>SUM(B21:I21)</f>
        <v>-553900977.73000014</v>
      </c>
    </row>
    <row r="24" spans="1:12">
      <c r="G24" s="279" t="s">
        <v>1593</v>
      </c>
      <c r="H24" s="280"/>
      <c r="I24" s="281">
        <f>SUM(J21:K21)</f>
        <v>-249700.86999999991</v>
      </c>
    </row>
    <row r="25" spans="1:12">
      <c r="G25" s="278" t="s">
        <v>4</v>
      </c>
      <c r="I25" s="272">
        <f>SUM(I23:I24)</f>
        <v>-554150678.60000014</v>
      </c>
    </row>
  </sheetData>
  <pageMargins left="0.7" right="0.7" top="0.75" bottom="0.75" header="0.3" footer="0.3"/>
  <pageSetup orientation="portrait"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1242"/>
  <sheetViews>
    <sheetView topLeftCell="B194" workbookViewId="0">
      <selection activeCell="C100" sqref="C100"/>
    </sheetView>
  </sheetViews>
  <sheetFormatPr defaultColWidth="8.88671875" defaultRowHeight="13.2" outlineLevelRow="2" outlineLevelCol="1"/>
  <cols>
    <col min="1" max="1" width="0" style="18" hidden="1" customWidth="1"/>
    <col min="2" max="2" width="14.33203125" style="18" customWidth="1"/>
    <col min="3" max="3" width="62.109375" style="18" customWidth="1"/>
    <col min="4" max="5" width="0" style="18" hidden="1" customWidth="1"/>
    <col min="6" max="8" width="22.44140625" style="167" customWidth="1"/>
    <col min="9" max="9" width="1.88671875" style="167" customWidth="1"/>
    <col min="10" max="11" width="22.109375" style="167" customWidth="1"/>
    <col min="12" max="12" width="2.6640625" style="167" customWidth="1"/>
    <col min="13" max="14" width="22.109375" style="167" customWidth="1"/>
    <col min="15" max="15" width="2.33203125" style="167" customWidth="1"/>
    <col min="16" max="16" width="18.109375" style="16" customWidth="1" collapsed="1"/>
    <col min="17" max="27" width="18.109375" style="16" hidden="1" customWidth="1" outlineLevel="1"/>
    <col min="28" max="28" width="18.109375" style="16" hidden="1" customWidth="1" outlineLevel="1" collapsed="1"/>
    <col min="29" max="40" width="18.109375" style="16" hidden="1" customWidth="1" outlineLevel="1"/>
    <col min="41" max="41" width="4.6640625" style="16" customWidth="1"/>
    <col min="42" max="43" width="8.88671875" style="16"/>
    <col min="44" max="16384" width="8.88671875" style="18"/>
  </cols>
  <sheetData>
    <row r="1" spans="1:41" s="62" customFormat="1" ht="15.75" hidden="1" customHeight="1">
      <c r="A1" s="61" t="s">
        <v>889</v>
      </c>
      <c r="B1" s="61" t="s">
        <v>742</v>
      </c>
      <c r="C1" s="71" t="s">
        <v>26</v>
      </c>
      <c r="D1" s="72" t="s">
        <v>27</v>
      </c>
      <c r="E1" s="73" t="s">
        <v>27</v>
      </c>
      <c r="F1" s="62" t="s">
        <v>25</v>
      </c>
      <c r="G1" s="62" t="s">
        <v>28</v>
      </c>
      <c r="H1" s="62" t="s">
        <v>27</v>
      </c>
      <c r="J1" s="62" t="s">
        <v>866</v>
      </c>
      <c r="K1" s="62" t="s">
        <v>27</v>
      </c>
      <c r="M1" s="62" t="s">
        <v>867</v>
      </c>
      <c r="N1" s="62" t="s">
        <v>27</v>
      </c>
      <c r="P1" s="74" t="s">
        <v>743</v>
      </c>
      <c r="Q1" s="61" t="s">
        <v>744</v>
      </c>
      <c r="R1" s="61" t="s">
        <v>745</v>
      </c>
      <c r="S1" s="61" t="s">
        <v>746</v>
      </c>
      <c r="T1" s="62" t="s">
        <v>747</v>
      </c>
      <c r="U1" s="61" t="s">
        <v>748</v>
      </c>
      <c r="V1" s="61" t="s">
        <v>749</v>
      </c>
      <c r="W1" s="61" t="s">
        <v>750</v>
      </c>
      <c r="X1" s="61" t="s">
        <v>751</v>
      </c>
      <c r="Y1" s="61" t="s">
        <v>752</v>
      </c>
      <c r="Z1" s="61" t="s">
        <v>753</v>
      </c>
      <c r="AA1" s="61" t="s">
        <v>754</v>
      </c>
      <c r="AB1" s="75" t="s">
        <v>28</v>
      </c>
      <c r="AC1" s="61" t="s">
        <v>755</v>
      </c>
      <c r="AD1" s="61" t="s">
        <v>756</v>
      </c>
      <c r="AE1" s="61" t="s">
        <v>757</v>
      </c>
      <c r="AF1" s="62" t="s">
        <v>758</v>
      </c>
      <c r="AG1" s="61" t="s">
        <v>759</v>
      </c>
      <c r="AH1" s="61" t="s">
        <v>760</v>
      </c>
      <c r="AI1" s="61" t="s">
        <v>761</v>
      </c>
      <c r="AJ1" s="61" t="s">
        <v>762</v>
      </c>
      <c r="AK1" s="61" t="s">
        <v>763</v>
      </c>
      <c r="AL1" s="61" t="s">
        <v>764</v>
      </c>
      <c r="AM1" s="61" t="s">
        <v>765</v>
      </c>
      <c r="AN1" s="75" t="s">
        <v>766</v>
      </c>
    </row>
    <row r="2" spans="1:41" s="16" customFormat="1" ht="15" customHeight="1">
      <c r="A2" s="76"/>
      <c r="C2" s="77" t="s">
        <v>890</v>
      </c>
      <c r="D2" s="78"/>
      <c r="E2" s="79"/>
      <c r="F2" s="64"/>
      <c r="G2" s="64"/>
      <c r="H2" s="64"/>
      <c r="I2" s="64"/>
      <c r="J2" s="64"/>
      <c r="K2" s="64"/>
      <c r="L2" s="64"/>
      <c r="M2" s="64"/>
      <c r="N2" s="64"/>
      <c r="O2" s="80"/>
      <c r="P2" s="81"/>
      <c r="Q2" s="81"/>
      <c r="R2" s="64"/>
      <c r="S2" s="64"/>
      <c r="T2" s="64"/>
      <c r="U2" s="64"/>
      <c r="V2" s="64"/>
      <c r="W2" s="64"/>
      <c r="X2" s="64"/>
      <c r="Y2" s="64"/>
      <c r="Z2" s="64"/>
      <c r="AA2" s="64"/>
      <c r="AB2" s="82"/>
      <c r="AC2" s="64"/>
      <c r="AD2" s="64"/>
      <c r="AE2" s="64"/>
      <c r="AF2" s="64"/>
      <c r="AG2" s="64"/>
      <c r="AH2" s="64"/>
      <c r="AI2" s="64"/>
      <c r="AJ2" s="64"/>
      <c r="AK2" s="64"/>
      <c r="AL2" s="64"/>
      <c r="AM2" s="64"/>
      <c r="AN2" s="82"/>
      <c r="AO2" s="64"/>
    </row>
    <row r="3" spans="1:41" s="92" customFormat="1" ht="15" customHeight="1" thickBot="1">
      <c r="A3" s="83"/>
      <c r="B3" s="84"/>
      <c r="C3" s="85" t="s">
        <v>891</v>
      </c>
      <c r="D3" s="86"/>
      <c r="E3" s="87"/>
      <c r="F3" s="64"/>
      <c r="G3" s="64"/>
      <c r="H3" s="68"/>
      <c r="I3" s="68"/>
      <c r="J3" s="68"/>
      <c r="K3" s="68"/>
      <c r="L3" s="68"/>
      <c r="M3" s="68"/>
      <c r="N3" s="68"/>
      <c r="O3" s="88"/>
      <c r="P3" s="89"/>
      <c r="Q3" s="90"/>
      <c r="R3" s="90"/>
      <c r="S3" s="90"/>
      <c r="T3" s="90"/>
      <c r="U3" s="90"/>
      <c r="V3" s="90"/>
      <c r="W3" s="90"/>
      <c r="X3" s="90"/>
      <c r="Y3" s="90"/>
      <c r="Z3" s="90"/>
      <c r="AA3" s="90"/>
      <c r="AB3" s="91"/>
      <c r="AC3" s="90"/>
      <c r="AD3" s="90"/>
      <c r="AE3" s="90"/>
      <c r="AF3" s="90"/>
      <c r="AG3" s="90"/>
      <c r="AH3" s="90"/>
      <c r="AI3" s="90"/>
      <c r="AJ3" s="90"/>
      <c r="AK3" s="90"/>
      <c r="AL3" s="90"/>
      <c r="AM3" s="90"/>
      <c r="AN3" s="91"/>
      <c r="AO3" s="90"/>
    </row>
    <row r="4" spans="1:41" s="16" customFormat="1" ht="15" customHeight="1" thickTop="1">
      <c r="A4" s="93"/>
      <c r="B4" s="94" t="s">
        <v>481</v>
      </c>
      <c r="C4" s="94"/>
      <c r="D4" s="78"/>
      <c r="E4" s="79"/>
      <c r="F4" s="69" t="s">
        <v>892</v>
      </c>
      <c r="G4" s="69"/>
      <c r="H4" s="69"/>
      <c r="I4" s="69"/>
      <c r="J4" s="69"/>
      <c r="K4" s="69"/>
      <c r="L4" s="69"/>
      <c r="M4" s="69"/>
      <c r="N4" s="69"/>
      <c r="O4" s="80"/>
      <c r="P4" s="95"/>
      <c r="Q4" s="64"/>
      <c r="R4" s="64"/>
      <c r="S4" s="64"/>
      <c r="T4" s="64"/>
      <c r="U4" s="64"/>
      <c r="V4" s="64"/>
      <c r="W4" s="64"/>
      <c r="X4" s="64"/>
      <c r="Y4" s="64"/>
      <c r="Z4" s="64"/>
      <c r="AA4" s="64"/>
      <c r="AB4" s="82"/>
      <c r="AC4" s="64"/>
      <c r="AD4" s="64"/>
      <c r="AE4" s="64"/>
      <c r="AF4" s="64"/>
      <c r="AG4" s="64"/>
      <c r="AH4" s="64"/>
      <c r="AI4" s="64"/>
      <c r="AJ4" s="64"/>
      <c r="AK4" s="64"/>
      <c r="AL4" s="64"/>
      <c r="AM4" s="64"/>
      <c r="AN4" s="82"/>
      <c r="AO4" s="64"/>
    </row>
    <row r="5" spans="1:41" s="16" customFormat="1" ht="15" customHeight="1" thickBot="1">
      <c r="A5" s="96">
        <v>42745.794747685184</v>
      </c>
      <c r="B5" s="97" t="s">
        <v>893</v>
      </c>
      <c r="C5" s="98" t="s">
        <v>21</v>
      </c>
      <c r="D5" s="99"/>
      <c r="E5" s="100"/>
      <c r="F5" s="69" t="s">
        <v>894</v>
      </c>
      <c r="G5" s="69" t="s">
        <v>895</v>
      </c>
      <c r="H5" s="69"/>
      <c r="I5" s="69"/>
      <c r="J5" s="69" t="s">
        <v>894</v>
      </c>
      <c r="K5" s="69"/>
      <c r="L5" s="69"/>
      <c r="M5" s="69" t="s">
        <v>894</v>
      </c>
      <c r="N5" s="69"/>
      <c r="O5" s="80"/>
      <c r="P5" s="101" t="s">
        <v>895</v>
      </c>
      <c r="Q5" s="64"/>
      <c r="R5" s="64"/>
      <c r="S5" s="64"/>
      <c r="T5" s="64"/>
      <c r="U5" s="64"/>
      <c r="V5" s="64"/>
      <c r="W5" s="64"/>
      <c r="X5" s="64"/>
      <c r="Y5" s="64"/>
      <c r="Z5" s="64"/>
      <c r="AA5" s="64"/>
      <c r="AB5" s="102" t="s">
        <v>895</v>
      </c>
      <c r="AC5" s="64"/>
      <c r="AD5" s="64"/>
      <c r="AE5" s="64"/>
      <c r="AF5" s="64"/>
      <c r="AG5" s="64"/>
      <c r="AH5" s="64"/>
      <c r="AI5" s="64"/>
      <c r="AJ5" s="64"/>
      <c r="AK5" s="64"/>
      <c r="AL5" s="64"/>
      <c r="AM5" s="64"/>
      <c r="AN5" s="82"/>
      <c r="AO5" s="64"/>
    </row>
    <row r="6" spans="1:41" s="16" customFormat="1" ht="15" customHeight="1" thickTop="1">
      <c r="A6" s="76" t="s">
        <v>481</v>
      </c>
      <c r="B6" s="103" t="s">
        <v>883</v>
      </c>
      <c r="C6" s="104" t="s">
        <v>896</v>
      </c>
      <c r="D6" s="78"/>
      <c r="E6" s="79"/>
      <c r="F6" s="69" t="s">
        <v>691</v>
      </c>
      <c r="G6" s="69" t="s">
        <v>691</v>
      </c>
      <c r="H6" s="69" t="s">
        <v>897</v>
      </c>
      <c r="I6" s="69"/>
      <c r="J6" s="69" t="s">
        <v>691</v>
      </c>
      <c r="K6" s="69" t="s">
        <v>897</v>
      </c>
      <c r="L6" s="69"/>
      <c r="M6" s="105" t="s">
        <v>690</v>
      </c>
      <c r="N6" s="69" t="s">
        <v>897</v>
      </c>
      <c r="O6" s="69"/>
      <c r="P6" s="101" t="s">
        <v>691</v>
      </c>
      <c r="Q6" s="69" t="s">
        <v>898</v>
      </c>
      <c r="R6" s="69" t="s">
        <v>898</v>
      </c>
      <c r="S6" s="69" t="s">
        <v>898</v>
      </c>
      <c r="T6" s="69" t="s">
        <v>898</v>
      </c>
      <c r="U6" s="69" t="s">
        <v>898</v>
      </c>
      <c r="V6" s="69" t="s">
        <v>898</v>
      </c>
      <c r="W6" s="69" t="s">
        <v>898</v>
      </c>
      <c r="X6" s="69" t="s">
        <v>898</v>
      </c>
      <c r="Y6" s="69" t="s">
        <v>898</v>
      </c>
      <c r="Z6" s="69" t="s">
        <v>898</v>
      </c>
      <c r="AA6" s="69" t="s">
        <v>898</v>
      </c>
      <c r="AB6" s="102" t="s">
        <v>691</v>
      </c>
      <c r="AC6" s="69" t="s">
        <v>898</v>
      </c>
      <c r="AD6" s="69" t="s">
        <v>898</v>
      </c>
      <c r="AE6" s="69" t="s">
        <v>898</v>
      </c>
      <c r="AF6" s="69" t="s">
        <v>898</v>
      </c>
      <c r="AG6" s="69" t="s">
        <v>898</v>
      </c>
      <c r="AH6" s="69" t="s">
        <v>898</v>
      </c>
      <c r="AI6" s="69" t="s">
        <v>898</v>
      </c>
      <c r="AJ6" s="69" t="s">
        <v>898</v>
      </c>
      <c r="AK6" s="69" t="s">
        <v>898</v>
      </c>
      <c r="AL6" s="69" t="s">
        <v>898</v>
      </c>
      <c r="AM6" s="69" t="s">
        <v>898</v>
      </c>
      <c r="AN6" s="102" t="s">
        <v>898</v>
      </c>
      <c r="AO6" s="69"/>
    </row>
    <row r="7" spans="1:41" s="17" customFormat="1" ht="15" customHeight="1" thickBot="1">
      <c r="A7" s="76" t="s">
        <v>899</v>
      </c>
      <c r="B7" s="106" t="s">
        <v>900</v>
      </c>
      <c r="C7" s="15" t="s">
        <v>901</v>
      </c>
      <c r="D7" s="99"/>
      <c r="E7" s="107"/>
      <c r="F7" s="108" t="s">
        <v>902</v>
      </c>
      <c r="G7" s="109">
        <v>2015</v>
      </c>
      <c r="H7" s="109" t="s">
        <v>903</v>
      </c>
      <c r="I7" s="69"/>
      <c r="J7" s="109">
        <v>2015</v>
      </c>
      <c r="K7" s="109" t="s">
        <v>904</v>
      </c>
      <c r="L7" s="69"/>
      <c r="M7" s="109" t="s">
        <v>902</v>
      </c>
      <c r="N7" s="109" t="s">
        <v>905</v>
      </c>
      <c r="O7" s="69"/>
      <c r="P7" s="110" t="s">
        <v>906</v>
      </c>
      <c r="Q7" s="111" t="s">
        <v>907</v>
      </c>
      <c r="R7" s="111" t="s">
        <v>908</v>
      </c>
      <c r="S7" s="111" t="s">
        <v>909</v>
      </c>
      <c r="T7" s="111" t="s">
        <v>910</v>
      </c>
      <c r="U7" s="111" t="s">
        <v>911</v>
      </c>
      <c r="V7" s="111" t="s">
        <v>912</v>
      </c>
      <c r="W7" s="111" t="s">
        <v>913</v>
      </c>
      <c r="X7" s="111" t="s">
        <v>914</v>
      </c>
      <c r="Y7" s="111" t="s">
        <v>915</v>
      </c>
      <c r="Z7" s="111" t="s">
        <v>916</v>
      </c>
      <c r="AA7" s="111" t="s">
        <v>917</v>
      </c>
      <c r="AB7" s="112" t="s">
        <v>918</v>
      </c>
      <c r="AC7" s="111" t="s">
        <v>919</v>
      </c>
      <c r="AD7" s="111" t="s">
        <v>920</v>
      </c>
      <c r="AE7" s="111" t="s">
        <v>921</v>
      </c>
      <c r="AF7" s="111" t="s">
        <v>922</v>
      </c>
      <c r="AG7" s="111" t="s">
        <v>923</v>
      </c>
      <c r="AH7" s="111" t="s">
        <v>924</v>
      </c>
      <c r="AI7" s="111" t="s">
        <v>925</v>
      </c>
      <c r="AJ7" s="111" t="s">
        <v>926</v>
      </c>
      <c r="AK7" s="111" t="s">
        <v>927</v>
      </c>
      <c r="AL7" s="111" t="s">
        <v>928</v>
      </c>
      <c r="AM7" s="111" t="s">
        <v>929</v>
      </c>
      <c r="AN7" s="112" t="s">
        <v>930</v>
      </c>
      <c r="AO7" s="69"/>
    </row>
    <row r="8" spans="1:41" s="114" customFormat="1" ht="13.8" thickTop="1">
      <c r="A8" s="113"/>
      <c r="C8" s="115" t="s">
        <v>931</v>
      </c>
      <c r="D8" s="116"/>
      <c r="E8" s="117"/>
      <c r="F8" s="118"/>
      <c r="G8" s="119"/>
      <c r="H8" s="119"/>
      <c r="I8" s="119"/>
      <c r="J8" s="119"/>
      <c r="K8" s="119"/>
      <c r="L8" s="119"/>
      <c r="M8" s="119"/>
      <c r="N8" s="119"/>
      <c r="O8" s="119"/>
      <c r="P8" s="120"/>
      <c r="Q8" s="119"/>
      <c r="R8" s="119"/>
      <c r="S8" s="119"/>
      <c r="T8" s="119"/>
      <c r="U8" s="119"/>
      <c r="V8" s="119"/>
      <c r="W8" s="119"/>
      <c r="X8" s="119"/>
      <c r="Y8" s="119"/>
      <c r="Z8" s="119"/>
      <c r="AA8" s="119"/>
      <c r="AB8" s="121"/>
      <c r="AC8" s="119"/>
      <c r="AD8" s="119"/>
      <c r="AE8" s="119"/>
      <c r="AF8" s="119"/>
      <c r="AG8" s="119"/>
      <c r="AH8" s="119"/>
      <c r="AI8" s="119"/>
      <c r="AJ8" s="119"/>
      <c r="AK8" s="119"/>
      <c r="AL8" s="119"/>
      <c r="AM8" s="119"/>
      <c r="AN8" s="121"/>
      <c r="AO8" s="119"/>
    </row>
    <row r="9" spans="1:41" s="114" customFormat="1" ht="7.5" hidden="1" customHeight="1" outlineLevel="1">
      <c r="A9" s="113"/>
      <c r="C9" s="115"/>
      <c r="D9" s="116"/>
      <c r="E9" s="117"/>
      <c r="F9" s="122"/>
      <c r="G9" s="123"/>
      <c r="H9" s="123"/>
      <c r="I9" s="123"/>
      <c r="J9" s="123"/>
      <c r="K9" s="123"/>
      <c r="L9" s="123"/>
      <c r="M9" s="123"/>
      <c r="N9" s="123"/>
      <c r="O9" s="123"/>
      <c r="P9" s="124"/>
      <c r="Q9" s="123"/>
      <c r="R9" s="123"/>
      <c r="S9" s="123"/>
      <c r="T9" s="123"/>
      <c r="U9" s="123"/>
      <c r="V9" s="123"/>
      <c r="W9" s="123"/>
      <c r="X9" s="123"/>
      <c r="Y9" s="123"/>
      <c r="Z9" s="123"/>
      <c r="AA9" s="123"/>
      <c r="AB9" s="125"/>
      <c r="AC9" s="123"/>
      <c r="AD9" s="123"/>
      <c r="AE9" s="123"/>
      <c r="AF9" s="123"/>
      <c r="AG9" s="123"/>
      <c r="AH9" s="123"/>
      <c r="AI9" s="123"/>
      <c r="AJ9" s="123"/>
      <c r="AK9" s="123"/>
      <c r="AL9" s="123"/>
      <c r="AM9" s="123"/>
      <c r="AN9" s="125"/>
      <c r="AO9" s="119"/>
    </row>
    <row r="10" spans="1:41" s="62" customFormat="1" hidden="1" outlineLevel="2">
      <c r="A10" s="61" t="s">
        <v>502</v>
      </c>
      <c r="B10" s="61" t="s">
        <v>503</v>
      </c>
      <c r="C10" s="71" t="s">
        <v>504</v>
      </c>
      <c r="D10" s="72" t="s">
        <v>932</v>
      </c>
      <c r="E10" s="73"/>
      <c r="F10" s="62">
        <v>859326.23</v>
      </c>
      <c r="G10" s="62">
        <v>866903.05</v>
      </c>
      <c r="H10" s="62">
        <f t="shared" ref="H10:H73" si="0">+F10-G10</f>
        <v>-7576.8200000000652</v>
      </c>
      <c r="J10" s="62">
        <v>866903.05</v>
      </c>
      <c r="K10" s="62">
        <f t="shared" ref="K10:K73" si="1">+F10-J10</f>
        <v>-7576.8200000000652</v>
      </c>
      <c r="M10" s="62">
        <v>603687.62</v>
      </c>
      <c r="N10" s="62">
        <f t="shared" ref="N10:N73" si="2">+F10-M10</f>
        <v>255638.61</v>
      </c>
      <c r="P10" s="74">
        <v>795138.92</v>
      </c>
      <c r="Q10" s="61">
        <v>983685.24</v>
      </c>
      <c r="R10" s="61">
        <v>1091522.7</v>
      </c>
      <c r="S10" s="61">
        <v>835403.58000000007</v>
      </c>
      <c r="T10" s="62">
        <v>599708.28</v>
      </c>
      <c r="U10" s="61">
        <v>722484.49</v>
      </c>
      <c r="V10" s="61">
        <v>514928.44</v>
      </c>
      <c r="W10" s="61">
        <v>630153.36</v>
      </c>
      <c r="X10" s="61">
        <v>846436.11</v>
      </c>
      <c r="Y10" s="61">
        <v>540817.46</v>
      </c>
      <c r="Z10" s="61">
        <v>628460.86</v>
      </c>
      <c r="AA10" s="61">
        <v>546155.06000000006</v>
      </c>
      <c r="AB10" s="75">
        <v>866903.05</v>
      </c>
      <c r="AC10" s="61">
        <v>757588.84</v>
      </c>
      <c r="AD10" s="61">
        <v>1406176.23</v>
      </c>
      <c r="AE10" s="61">
        <v>1370607.98</v>
      </c>
      <c r="AF10" s="62">
        <v>915794.25</v>
      </c>
      <c r="AG10" s="61">
        <v>1158103.57</v>
      </c>
      <c r="AH10" s="61">
        <v>1053072.03</v>
      </c>
      <c r="AI10" s="61">
        <v>791046.68</v>
      </c>
      <c r="AJ10" s="61">
        <v>641976.59</v>
      </c>
      <c r="AK10" s="61">
        <v>912548.98</v>
      </c>
      <c r="AL10" s="61">
        <v>934192.09</v>
      </c>
      <c r="AM10" s="61">
        <v>603687.62</v>
      </c>
      <c r="AN10" s="75">
        <v>859326.23</v>
      </c>
    </row>
    <row r="11" spans="1:41" s="114" customFormat="1" ht="15" hidden="1" customHeight="1" outlineLevel="1">
      <c r="A11" s="113" t="s">
        <v>933</v>
      </c>
      <c r="B11" s="114" t="s">
        <v>2</v>
      </c>
      <c r="C11" s="126" t="s">
        <v>934</v>
      </c>
      <c r="D11" s="127" t="s">
        <v>932</v>
      </c>
      <c r="E11" s="117"/>
      <c r="F11" s="128">
        <v>859326.23</v>
      </c>
      <c r="G11" s="129">
        <v>866903.05</v>
      </c>
      <c r="H11" s="129">
        <f t="shared" si="0"/>
        <v>-7576.8200000000652</v>
      </c>
      <c r="I11" s="130"/>
      <c r="J11" s="129">
        <v>866903.05</v>
      </c>
      <c r="K11" s="129">
        <f t="shared" si="1"/>
        <v>-7576.8200000000652</v>
      </c>
      <c r="L11" s="129"/>
      <c r="M11" s="129">
        <v>603687.62</v>
      </c>
      <c r="N11" s="129">
        <f t="shared" si="2"/>
        <v>255638.61</v>
      </c>
      <c r="O11" s="131"/>
      <c r="P11" s="132">
        <v>795138.92</v>
      </c>
      <c r="Q11" s="129">
        <v>983685.24</v>
      </c>
      <c r="R11" s="129">
        <v>1091522.7</v>
      </c>
      <c r="S11" s="129">
        <v>835403.58000000007</v>
      </c>
      <c r="T11" s="129">
        <v>599708.28</v>
      </c>
      <c r="U11" s="129">
        <v>722484.49</v>
      </c>
      <c r="V11" s="129">
        <v>514928.44</v>
      </c>
      <c r="W11" s="129">
        <v>630153.36</v>
      </c>
      <c r="X11" s="129">
        <v>846436.11</v>
      </c>
      <c r="Y11" s="129">
        <v>540817.46</v>
      </c>
      <c r="Z11" s="129">
        <v>628460.86</v>
      </c>
      <c r="AA11" s="129">
        <v>546155.06000000006</v>
      </c>
      <c r="AB11" s="133">
        <v>866903.05</v>
      </c>
      <c r="AC11" s="129">
        <v>757588.84</v>
      </c>
      <c r="AD11" s="129">
        <v>1406176.23</v>
      </c>
      <c r="AE11" s="129">
        <v>1370607.98</v>
      </c>
      <c r="AF11" s="129">
        <v>915794.25</v>
      </c>
      <c r="AG11" s="129">
        <v>1158103.57</v>
      </c>
      <c r="AH11" s="129">
        <v>1053072.03</v>
      </c>
      <c r="AI11" s="129">
        <v>791046.68</v>
      </c>
      <c r="AJ11" s="129">
        <v>641976.59</v>
      </c>
      <c r="AK11" s="129">
        <v>912548.98</v>
      </c>
      <c r="AL11" s="129">
        <v>934192.09</v>
      </c>
      <c r="AM11" s="129">
        <v>603687.62</v>
      </c>
      <c r="AN11" s="133">
        <v>859326.23</v>
      </c>
      <c r="AO11" s="134"/>
    </row>
    <row r="12" spans="1:41" s="114" customFormat="1" ht="15" hidden="1" customHeight="1" outlineLevel="1">
      <c r="A12" s="113" t="s">
        <v>935</v>
      </c>
      <c r="B12" s="114" t="s">
        <v>2</v>
      </c>
      <c r="C12" s="126" t="s">
        <v>936</v>
      </c>
      <c r="D12" s="127" t="s">
        <v>932</v>
      </c>
      <c r="E12" s="117"/>
      <c r="F12" s="128">
        <v>0</v>
      </c>
      <c r="G12" s="129">
        <v>0</v>
      </c>
      <c r="H12" s="129">
        <f t="shared" si="0"/>
        <v>0</v>
      </c>
      <c r="I12" s="130"/>
      <c r="J12" s="129">
        <v>0</v>
      </c>
      <c r="K12" s="129">
        <f t="shared" si="1"/>
        <v>0</v>
      </c>
      <c r="L12" s="129"/>
      <c r="M12" s="129">
        <v>0</v>
      </c>
      <c r="N12" s="129">
        <f t="shared" si="2"/>
        <v>0</v>
      </c>
      <c r="O12" s="131"/>
      <c r="P12" s="132">
        <v>0</v>
      </c>
      <c r="Q12" s="129">
        <v>0</v>
      </c>
      <c r="R12" s="129">
        <v>0</v>
      </c>
      <c r="S12" s="129">
        <v>0</v>
      </c>
      <c r="T12" s="129">
        <v>0</v>
      </c>
      <c r="U12" s="129">
        <v>0</v>
      </c>
      <c r="V12" s="129">
        <v>0</v>
      </c>
      <c r="W12" s="129">
        <v>0</v>
      </c>
      <c r="X12" s="129">
        <v>0</v>
      </c>
      <c r="Y12" s="129">
        <v>0</v>
      </c>
      <c r="Z12" s="129">
        <v>0</v>
      </c>
      <c r="AA12" s="129">
        <v>0</v>
      </c>
      <c r="AB12" s="133">
        <v>0</v>
      </c>
      <c r="AC12" s="129">
        <v>0</v>
      </c>
      <c r="AD12" s="129">
        <v>0</v>
      </c>
      <c r="AE12" s="129">
        <v>0</v>
      </c>
      <c r="AF12" s="129">
        <v>0</v>
      </c>
      <c r="AG12" s="129">
        <v>0</v>
      </c>
      <c r="AH12" s="129">
        <v>0</v>
      </c>
      <c r="AI12" s="129">
        <v>0</v>
      </c>
      <c r="AJ12" s="129">
        <v>0</v>
      </c>
      <c r="AK12" s="129">
        <v>0</v>
      </c>
      <c r="AL12" s="129">
        <v>0</v>
      </c>
      <c r="AM12" s="129">
        <v>0</v>
      </c>
      <c r="AN12" s="133">
        <v>0</v>
      </c>
      <c r="AO12" s="134"/>
    </row>
    <row r="13" spans="1:41" s="114" customFormat="1" ht="15" hidden="1" customHeight="1" outlineLevel="1">
      <c r="A13" s="113" t="s">
        <v>937</v>
      </c>
      <c r="B13" s="114" t="s">
        <v>2</v>
      </c>
      <c r="C13" s="135" t="s">
        <v>938</v>
      </c>
      <c r="D13" s="127" t="s">
        <v>932</v>
      </c>
      <c r="E13" s="117"/>
      <c r="F13" s="128">
        <v>0</v>
      </c>
      <c r="G13" s="129">
        <v>0</v>
      </c>
      <c r="H13" s="129">
        <f t="shared" si="0"/>
        <v>0</v>
      </c>
      <c r="I13" s="130"/>
      <c r="J13" s="129">
        <v>0</v>
      </c>
      <c r="K13" s="129">
        <f t="shared" si="1"/>
        <v>0</v>
      </c>
      <c r="L13" s="129"/>
      <c r="M13" s="129">
        <v>0</v>
      </c>
      <c r="N13" s="129">
        <f t="shared" si="2"/>
        <v>0</v>
      </c>
      <c r="O13" s="131"/>
      <c r="P13" s="132">
        <v>0</v>
      </c>
      <c r="Q13" s="129">
        <v>0</v>
      </c>
      <c r="R13" s="129">
        <v>0</v>
      </c>
      <c r="S13" s="129">
        <v>0</v>
      </c>
      <c r="T13" s="129">
        <v>0</v>
      </c>
      <c r="U13" s="129">
        <v>0</v>
      </c>
      <c r="V13" s="129">
        <v>0</v>
      </c>
      <c r="W13" s="129">
        <v>0</v>
      </c>
      <c r="X13" s="129">
        <v>0</v>
      </c>
      <c r="Y13" s="129">
        <v>0</v>
      </c>
      <c r="Z13" s="129">
        <v>0</v>
      </c>
      <c r="AA13" s="129">
        <v>0</v>
      </c>
      <c r="AB13" s="133">
        <v>0</v>
      </c>
      <c r="AC13" s="129">
        <v>0</v>
      </c>
      <c r="AD13" s="129">
        <v>0</v>
      </c>
      <c r="AE13" s="129">
        <v>0</v>
      </c>
      <c r="AF13" s="129">
        <v>0</v>
      </c>
      <c r="AG13" s="129">
        <v>0</v>
      </c>
      <c r="AH13" s="129">
        <v>0</v>
      </c>
      <c r="AI13" s="129">
        <v>0</v>
      </c>
      <c r="AJ13" s="129">
        <v>0</v>
      </c>
      <c r="AK13" s="129">
        <v>0</v>
      </c>
      <c r="AL13" s="129">
        <v>0</v>
      </c>
      <c r="AM13" s="129">
        <v>0</v>
      </c>
      <c r="AN13" s="133">
        <v>0</v>
      </c>
      <c r="AO13" s="134"/>
    </row>
    <row r="14" spans="1:41" s="114" customFormat="1" ht="15" hidden="1" customHeight="1" outlineLevel="1">
      <c r="A14" s="113" t="s">
        <v>939</v>
      </c>
      <c r="B14" s="114" t="s">
        <v>2</v>
      </c>
      <c r="C14" s="135" t="s">
        <v>940</v>
      </c>
      <c r="D14" s="127" t="s">
        <v>932</v>
      </c>
      <c r="E14" s="117"/>
      <c r="F14" s="128">
        <v>0</v>
      </c>
      <c r="G14" s="129">
        <v>0</v>
      </c>
      <c r="H14" s="129">
        <f t="shared" si="0"/>
        <v>0</v>
      </c>
      <c r="I14" s="130"/>
      <c r="J14" s="129">
        <v>0</v>
      </c>
      <c r="K14" s="129">
        <f t="shared" si="1"/>
        <v>0</v>
      </c>
      <c r="L14" s="129"/>
      <c r="M14" s="129">
        <v>0</v>
      </c>
      <c r="N14" s="129">
        <f t="shared" si="2"/>
        <v>0</v>
      </c>
      <c r="O14" s="131"/>
      <c r="P14" s="132">
        <v>0</v>
      </c>
      <c r="Q14" s="129">
        <v>0</v>
      </c>
      <c r="R14" s="129">
        <v>0</v>
      </c>
      <c r="S14" s="129">
        <v>0</v>
      </c>
      <c r="T14" s="129">
        <v>0</v>
      </c>
      <c r="U14" s="129">
        <v>0</v>
      </c>
      <c r="V14" s="129">
        <v>0</v>
      </c>
      <c r="W14" s="129">
        <v>0</v>
      </c>
      <c r="X14" s="129">
        <v>0</v>
      </c>
      <c r="Y14" s="129">
        <v>0</v>
      </c>
      <c r="Z14" s="129">
        <v>0</v>
      </c>
      <c r="AA14" s="129">
        <v>0</v>
      </c>
      <c r="AB14" s="133">
        <v>0</v>
      </c>
      <c r="AC14" s="129">
        <v>0</v>
      </c>
      <c r="AD14" s="129">
        <v>0</v>
      </c>
      <c r="AE14" s="129">
        <v>0</v>
      </c>
      <c r="AF14" s="129">
        <v>0</v>
      </c>
      <c r="AG14" s="129">
        <v>0</v>
      </c>
      <c r="AH14" s="129">
        <v>0</v>
      </c>
      <c r="AI14" s="129">
        <v>0</v>
      </c>
      <c r="AJ14" s="129">
        <v>0</v>
      </c>
      <c r="AK14" s="129">
        <v>0</v>
      </c>
      <c r="AL14" s="129">
        <v>0</v>
      </c>
      <c r="AM14" s="129">
        <v>0</v>
      </c>
      <c r="AN14" s="133">
        <v>0</v>
      </c>
      <c r="AO14" s="134"/>
    </row>
    <row r="15" spans="1:41" s="114" customFormat="1" ht="15" hidden="1" customHeight="1" outlineLevel="1">
      <c r="A15" s="113"/>
      <c r="B15" s="114" t="s">
        <v>2</v>
      </c>
      <c r="C15" s="126" t="s">
        <v>941</v>
      </c>
      <c r="D15" s="127" t="s">
        <v>932</v>
      </c>
      <c r="E15" s="117"/>
      <c r="F15" s="128">
        <f>+F14+F13</f>
        <v>0</v>
      </c>
      <c r="G15" s="129">
        <f>+G14+G13</f>
        <v>0</v>
      </c>
      <c r="H15" s="129">
        <f t="shared" si="0"/>
        <v>0</v>
      </c>
      <c r="I15" s="130"/>
      <c r="J15" s="129">
        <f>+J14+J13</f>
        <v>0</v>
      </c>
      <c r="K15" s="129">
        <f t="shared" si="1"/>
        <v>0</v>
      </c>
      <c r="L15" s="129"/>
      <c r="M15" s="129">
        <f>+M14+M13</f>
        <v>0</v>
      </c>
      <c r="N15" s="129">
        <f t="shared" si="2"/>
        <v>0</v>
      </c>
      <c r="O15" s="131"/>
      <c r="P15" s="132">
        <f t="shared" ref="P15:AN15" si="3">+P14+P13</f>
        <v>0</v>
      </c>
      <c r="Q15" s="129">
        <f t="shared" si="3"/>
        <v>0</v>
      </c>
      <c r="R15" s="129">
        <f t="shared" si="3"/>
        <v>0</v>
      </c>
      <c r="S15" s="129">
        <f t="shared" si="3"/>
        <v>0</v>
      </c>
      <c r="T15" s="129">
        <f t="shared" si="3"/>
        <v>0</v>
      </c>
      <c r="U15" s="129">
        <f t="shared" si="3"/>
        <v>0</v>
      </c>
      <c r="V15" s="129">
        <f t="shared" si="3"/>
        <v>0</v>
      </c>
      <c r="W15" s="129">
        <f t="shared" si="3"/>
        <v>0</v>
      </c>
      <c r="X15" s="129">
        <f t="shared" si="3"/>
        <v>0</v>
      </c>
      <c r="Y15" s="129">
        <f t="shared" si="3"/>
        <v>0</v>
      </c>
      <c r="Z15" s="129">
        <f t="shared" si="3"/>
        <v>0</v>
      </c>
      <c r="AA15" s="129">
        <f t="shared" si="3"/>
        <v>0</v>
      </c>
      <c r="AB15" s="133">
        <f t="shared" si="3"/>
        <v>0</v>
      </c>
      <c r="AC15" s="129">
        <f t="shared" si="3"/>
        <v>0</v>
      </c>
      <c r="AD15" s="129">
        <f t="shared" si="3"/>
        <v>0</v>
      </c>
      <c r="AE15" s="129">
        <f t="shared" si="3"/>
        <v>0</v>
      </c>
      <c r="AF15" s="129">
        <f t="shared" si="3"/>
        <v>0</v>
      </c>
      <c r="AG15" s="129">
        <f t="shared" si="3"/>
        <v>0</v>
      </c>
      <c r="AH15" s="129">
        <f t="shared" si="3"/>
        <v>0</v>
      </c>
      <c r="AI15" s="129">
        <f t="shared" si="3"/>
        <v>0</v>
      </c>
      <c r="AJ15" s="129">
        <f t="shared" si="3"/>
        <v>0</v>
      </c>
      <c r="AK15" s="129">
        <f t="shared" si="3"/>
        <v>0</v>
      </c>
      <c r="AL15" s="129">
        <f t="shared" si="3"/>
        <v>0</v>
      </c>
      <c r="AM15" s="129">
        <f t="shared" si="3"/>
        <v>0</v>
      </c>
      <c r="AN15" s="133">
        <f t="shared" si="3"/>
        <v>0</v>
      </c>
      <c r="AO15" s="134"/>
    </row>
    <row r="16" spans="1:41" s="137" customFormat="1" ht="15" customHeight="1" collapsed="1">
      <c r="A16" s="136"/>
      <c r="B16" s="137" t="s">
        <v>2</v>
      </c>
      <c r="C16" s="138" t="s">
        <v>942</v>
      </c>
      <c r="D16" s="127" t="s">
        <v>932</v>
      </c>
      <c r="E16" s="117"/>
      <c r="F16" s="139">
        <f>+F12+F11+F15</f>
        <v>859326.23</v>
      </c>
      <c r="G16" s="140">
        <f>+G12+G11+G15</f>
        <v>866903.05</v>
      </c>
      <c r="H16" s="140">
        <f t="shared" si="0"/>
        <v>-7576.8200000000652</v>
      </c>
      <c r="I16" s="141"/>
      <c r="J16" s="140">
        <f>+J12+J11+J15</f>
        <v>866903.05</v>
      </c>
      <c r="K16" s="140">
        <f t="shared" si="1"/>
        <v>-7576.8200000000652</v>
      </c>
      <c r="L16" s="140"/>
      <c r="M16" s="140">
        <f>+M12+M11+M15</f>
        <v>603687.62</v>
      </c>
      <c r="N16" s="140">
        <f t="shared" si="2"/>
        <v>255638.61</v>
      </c>
      <c r="O16" s="131"/>
      <c r="P16" s="142">
        <f t="shared" ref="P16:AN16" si="4">+P12+P11+P15</f>
        <v>795138.92</v>
      </c>
      <c r="Q16" s="140">
        <f t="shared" si="4"/>
        <v>983685.24</v>
      </c>
      <c r="R16" s="140">
        <f t="shared" si="4"/>
        <v>1091522.7</v>
      </c>
      <c r="S16" s="140">
        <f t="shared" si="4"/>
        <v>835403.58000000007</v>
      </c>
      <c r="T16" s="140">
        <f t="shared" si="4"/>
        <v>599708.28</v>
      </c>
      <c r="U16" s="140">
        <f t="shared" si="4"/>
        <v>722484.49</v>
      </c>
      <c r="V16" s="140">
        <f t="shared" si="4"/>
        <v>514928.44</v>
      </c>
      <c r="W16" s="140">
        <f t="shared" si="4"/>
        <v>630153.36</v>
      </c>
      <c r="X16" s="140">
        <f t="shared" si="4"/>
        <v>846436.11</v>
      </c>
      <c r="Y16" s="140">
        <f t="shared" si="4"/>
        <v>540817.46</v>
      </c>
      <c r="Z16" s="140">
        <f t="shared" si="4"/>
        <v>628460.86</v>
      </c>
      <c r="AA16" s="140">
        <f t="shared" si="4"/>
        <v>546155.06000000006</v>
      </c>
      <c r="AB16" s="143">
        <f t="shared" si="4"/>
        <v>866903.05</v>
      </c>
      <c r="AC16" s="140">
        <f t="shared" si="4"/>
        <v>757588.84</v>
      </c>
      <c r="AD16" s="140">
        <f t="shared" si="4"/>
        <v>1406176.23</v>
      </c>
      <c r="AE16" s="140">
        <f t="shared" si="4"/>
        <v>1370607.98</v>
      </c>
      <c r="AF16" s="140">
        <f t="shared" si="4"/>
        <v>915794.25</v>
      </c>
      <c r="AG16" s="140">
        <f t="shared" si="4"/>
        <v>1158103.57</v>
      </c>
      <c r="AH16" s="140">
        <f t="shared" si="4"/>
        <v>1053072.03</v>
      </c>
      <c r="AI16" s="140">
        <f t="shared" si="4"/>
        <v>791046.68</v>
      </c>
      <c r="AJ16" s="140">
        <f t="shared" si="4"/>
        <v>641976.59</v>
      </c>
      <c r="AK16" s="140">
        <f t="shared" si="4"/>
        <v>912548.98</v>
      </c>
      <c r="AL16" s="140">
        <f t="shared" si="4"/>
        <v>934192.09</v>
      </c>
      <c r="AM16" s="140">
        <f t="shared" si="4"/>
        <v>603687.62</v>
      </c>
      <c r="AN16" s="143">
        <f t="shared" si="4"/>
        <v>859326.23</v>
      </c>
      <c r="AO16" s="144"/>
    </row>
    <row r="17" spans="1:41" s="114" customFormat="1" ht="5.25" hidden="1" customHeight="1" outlineLevel="1">
      <c r="A17" s="113"/>
      <c r="C17" s="145"/>
      <c r="D17" s="146"/>
      <c r="E17" s="117"/>
      <c r="F17" s="128"/>
      <c r="G17" s="129"/>
      <c r="H17" s="129">
        <f t="shared" si="0"/>
        <v>0</v>
      </c>
      <c r="I17" s="130"/>
      <c r="J17" s="129"/>
      <c r="K17" s="129">
        <f t="shared" si="1"/>
        <v>0</v>
      </c>
      <c r="L17" s="129"/>
      <c r="M17" s="129"/>
      <c r="N17" s="129">
        <f t="shared" si="2"/>
        <v>0</v>
      </c>
      <c r="O17" s="131"/>
      <c r="P17" s="132"/>
      <c r="Q17" s="129"/>
      <c r="R17" s="129"/>
      <c r="S17" s="129"/>
      <c r="T17" s="129"/>
      <c r="U17" s="129"/>
      <c r="V17" s="129"/>
      <c r="W17" s="129"/>
      <c r="X17" s="129"/>
      <c r="Y17" s="129"/>
      <c r="Z17" s="129"/>
      <c r="AA17" s="129"/>
      <c r="AB17" s="133"/>
      <c r="AC17" s="129"/>
      <c r="AD17" s="129"/>
      <c r="AE17" s="129"/>
      <c r="AF17" s="129"/>
      <c r="AG17" s="129"/>
      <c r="AH17" s="129"/>
      <c r="AI17" s="129"/>
      <c r="AJ17" s="129"/>
      <c r="AK17" s="129"/>
      <c r="AL17" s="129"/>
      <c r="AM17" s="129"/>
      <c r="AN17" s="133"/>
      <c r="AO17" s="134"/>
    </row>
    <row r="18" spans="1:41" s="62" customFormat="1" hidden="1" outlineLevel="2">
      <c r="A18" s="61" t="s">
        <v>420</v>
      </c>
      <c r="B18" s="61" t="s">
        <v>421</v>
      </c>
      <c r="C18" s="71" t="s">
        <v>422</v>
      </c>
      <c r="D18" s="72" t="s">
        <v>943</v>
      </c>
      <c r="E18" s="73"/>
      <c r="F18" s="62">
        <v>4769.25</v>
      </c>
      <c r="G18" s="62">
        <v>4887</v>
      </c>
      <c r="H18" s="62">
        <f t="shared" si="0"/>
        <v>-117.75</v>
      </c>
      <c r="J18" s="62">
        <v>4887</v>
      </c>
      <c r="K18" s="62">
        <f t="shared" si="1"/>
        <v>-117.75</v>
      </c>
      <c r="M18" s="62">
        <v>5786</v>
      </c>
      <c r="N18" s="62">
        <f t="shared" si="2"/>
        <v>-1016.75</v>
      </c>
      <c r="P18" s="74">
        <v>0</v>
      </c>
      <c r="Q18" s="61">
        <v>0</v>
      </c>
      <c r="R18" s="61">
        <v>0</v>
      </c>
      <c r="S18" s="61">
        <v>0</v>
      </c>
      <c r="T18" s="62">
        <v>0</v>
      </c>
      <c r="U18" s="61">
        <v>0</v>
      </c>
      <c r="V18" s="61">
        <v>0</v>
      </c>
      <c r="W18" s="61">
        <v>0</v>
      </c>
      <c r="X18" s="61">
        <v>0</v>
      </c>
      <c r="Y18" s="61">
        <v>0</v>
      </c>
      <c r="Z18" s="61">
        <v>0</v>
      </c>
      <c r="AA18" s="61">
        <v>0</v>
      </c>
      <c r="AB18" s="75">
        <v>4887</v>
      </c>
      <c r="AC18" s="61">
        <v>4887</v>
      </c>
      <c r="AD18" s="61">
        <v>5786</v>
      </c>
      <c r="AE18" s="61">
        <v>5786</v>
      </c>
      <c r="AF18" s="62">
        <v>5786</v>
      </c>
      <c r="AG18" s="61">
        <v>5786</v>
      </c>
      <c r="AH18" s="61">
        <v>5786</v>
      </c>
      <c r="AI18" s="61">
        <v>5786</v>
      </c>
      <c r="AJ18" s="61">
        <v>5786</v>
      </c>
      <c r="AK18" s="61">
        <v>5786</v>
      </c>
      <c r="AL18" s="61">
        <v>5786</v>
      </c>
      <c r="AM18" s="61">
        <v>5786</v>
      </c>
      <c r="AN18" s="75">
        <v>4769.25</v>
      </c>
    </row>
    <row r="19" spans="1:41" s="114" customFormat="1" ht="15" hidden="1" customHeight="1" outlineLevel="1">
      <c r="A19" s="113" t="s">
        <v>944</v>
      </c>
      <c r="B19" s="114" t="s">
        <v>2</v>
      </c>
      <c r="C19" s="126" t="s">
        <v>945</v>
      </c>
      <c r="D19" s="147" t="s">
        <v>943</v>
      </c>
      <c r="E19" s="117"/>
      <c r="F19" s="128">
        <v>4769.25</v>
      </c>
      <c r="G19" s="129">
        <v>4887</v>
      </c>
      <c r="H19" s="129">
        <f t="shared" si="0"/>
        <v>-117.75</v>
      </c>
      <c r="I19" s="130"/>
      <c r="J19" s="129">
        <v>4887</v>
      </c>
      <c r="K19" s="129">
        <f t="shared" si="1"/>
        <v>-117.75</v>
      </c>
      <c r="L19" s="129"/>
      <c r="M19" s="129">
        <v>5786</v>
      </c>
      <c r="N19" s="129">
        <f t="shared" si="2"/>
        <v>-1016.75</v>
      </c>
      <c r="O19" s="131"/>
      <c r="P19" s="132">
        <v>0</v>
      </c>
      <c r="Q19" s="129">
        <v>0</v>
      </c>
      <c r="R19" s="129">
        <v>0</v>
      </c>
      <c r="S19" s="129">
        <v>0</v>
      </c>
      <c r="T19" s="129">
        <v>0</v>
      </c>
      <c r="U19" s="129">
        <v>0</v>
      </c>
      <c r="V19" s="129">
        <v>0</v>
      </c>
      <c r="W19" s="129">
        <v>0</v>
      </c>
      <c r="X19" s="129">
        <v>0</v>
      </c>
      <c r="Y19" s="129">
        <v>0</v>
      </c>
      <c r="Z19" s="129">
        <v>0</v>
      </c>
      <c r="AA19" s="129">
        <v>0</v>
      </c>
      <c r="AB19" s="133">
        <v>4887</v>
      </c>
      <c r="AC19" s="129">
        <v>4887</v>
      </c>
      <c r="AD19" s="129">
        <v>5786</v>
      </c>
      <c r="AE19" s="129">
        <v>5786</v>
      </c>
      <c r="AF19" s="129">
        <v>5786</v>
      </c>
      <c r="AG19" s="129">
        <v>5786</v>
      </c>
      <c r="AH19" s="129">
        <v>5786</v>
      </c>
      <c r="AI19" s="129">
        <v>5786</v>
      </c>
      <c r="AJ19" s="129">
        <v>5786</v>
      </c>
      <c r="AK19" s="129">
        <v>5786</v>
      </c>
      <c r="AL19" s="129">
        <v>5786</v>
      </c>
      <c r="AM19" s="129">
        <v>5786</v>
      </c>
      <c r="AN19" s="133">
        <v>4769.25</v>
      </c>
      <c r="AO19" s="134"/>
    </row>
    <row r="20" spans="1:41" s="114" customFormat="1" ht="15" hidden="1" customHeight="1" outlineLevel="1">
      <c r="A20" s="113" t="s">
        <v>946</v>
      </c>
      <c r="B20" s="114" t="s">
        <v>2</v>
      </c>
      <c r="C20" s="126" t="s">
        <v>947</v>
      </c>
      <c r="D20" s="147" t="s">
        <v>943</v>
      </c>
      <c r="E20" s="117"/>
      <c r="F20" s="128">
        <v>0</v>
      </c>
      <c r="G20" s="129">
        <v>0</v>
      </c>
      <c r="H20" s="129">
        <f t="shared" si="0"/>
        <v>0</v>
      </c>
      <c r="I20" s="130"/>
      <c r="J20" s="129">
        <v>0</v>
      </c>
      <c r="K20" s="129">
        <f t="shared" si="1"/>
        <v>0</v>
      </c>
      <c r="L20" s="129"/>
      <c r="M20" s="129">
        <v>0</v>
      </c>
      <c r="N20" s="129">
        <f t="shared" si="2"/>
        <v>0</v>
      </c>
      <c r="O20" s="131"/>
      <c r="P20" s="132">
        <v>0</v>
      </c>
      <c r="Q20" s="129">
        <v>0</v>
      </c>
      <c r="R20" s="129">
        <v>0</v>
      </c>
      <c r="S20" s="129">
        <v>0</v>
      </c>
      <c r="T20" s="129">
        <v>0</v>
      </c>
      <c r="U20" s="129">
        <v>0</v>
      </c>
      <c r="V20" s="129">
        <v>0</v>
      </c>
      <c r="W20" s="129">
        <v>0</v>
      </c>
      <c r="X20" s="129">
        <v>0</v>
      </c>
      <c r="Y20" s="129">
        <v>0</v>
      </c>
      <c r="Z20" s="129">
        <v>0</v>
      </c>
      <c r="AA20" s="129">
        <v>0</v>
      </c>
      <c r="AB20" s="133">
        <v>0</v>
      </c>
      <c r="AC20" s="129">
        <v>0</v>
      </c>
      <c r="AD20" s="129">
        <v>0</v>
      </c>
      <c r="AE20" s="129">
        <v>0</v>
      </c>
      <c r="AF20" s="129">
        <v>0</v>
      </c>
      <c r="AG20" s="129">
        <v>0</v>
      </c>
      <c r="AH20" s="129">
        <v>0</v>
      </c>
      <c r="AI20" s="129">
        <v>0</v>
      </c>
      <c r="AJ20" s="129">
        <v>0</v>
      </c>
      <c r="AK20" s="129">
        <v>0</v>
      </c>
      <c r="AL20" s="129">
        <v>0</v>
      </c>
      <c r="AM20" s="129">
        <v>0</v>
      </c>
      <c r="AN20" s="133">
        <v>0</v>
      </c>
      <c r="AO20" s="134"/>
    </row>
    <row r="21" spans="1:41" s="137" customFormat="1" ht="15" customHeight="1" collapsed="1">
      <c r="A21" s="136"/>
      <c r="B21" s="137" t="s">
        <v>2</v>
      </c>
      <c r="C21" s="138" t="s">
        <v>948</v>
      </c>
      <c r="D21" s="146"/>
      <c r="E21" s="117"/>
      <c r="F21" s="139">
        <f>+F19+F20</f>
        <v>4769.25</v>
      </c>
      <c r="G21" s="140">
        <f>+G19+G20</f>
        <v>4887</v>
      </c>
      <c r="H21" s="140">
        <f t="shared" si="0"/>
        <v>-117.75</v>
      </c>
      <c r="I21" s="141"/>
      <c r="J21" s="140">
        <f>+J19+J20</f>
        <v>4887</v>
      </c>
      <c r="K21" s="140">
        <f t="shared" si="1"/>
        <v>-117.75</v>
      </c>
      <c r="L21" s="140"/>
      <c r="M21" s="140">
        <f>+M19+M20</f>
        <v>5786</v>
      </c>
      <c r="N21" s="140">
        <f t="shared" si="2"/>
        <v>-1016.75</v>
      </c>
      <c r="O21" s="131"/>
      <c r="P21" s="142">
        <f t="shared" ref="P21:AN21" si="5">+P19+P20</f>
        <v>0</v>
      </c>
      <c r="Q21" s="140">
        <f t="shared" si="5"/>
        <v>0</v>
      </c>
      <c r="R21" s="140">
        <f t="shared" si="5"/>
        <v>0</v>
      </c>
      <c r="S21" s="140">
        <f t="shared" si="5"/>
        <v>0</v>
      </c>
      <c r="T21" s="140">
        <f t="shared" si="5"/>
        <v>0</v>
      </c>
      <c r="U21" s="140">
        <f t="shared" si="5"/>
        <v>0</v>
      </c>
      <c r="V21" s="140">
        <f t="shared" si="5"/>
        <v>0</v>
      </c>
      <c r="W21" s="140">
        <f t="shared" si="5"/>
        <v>0</v>
      </c>
      <c r="X21" s="140">
        <f t="shared" si="5"/>
        <v>0</v>
      </c>
      <c r="Y21" s="140">
        <f t="shared" si="5"/>
        <v>0</v>
      </c>
      <c r="Z21" s="140">
        <f t="shared" si="5"/>
        <v>0</v>
      </c>
      <c r="AA21" s="140">
        <f t="shared" si="5"/>
        <v>0</v>
      </c>
      <c r="AB21" s="143">
        <f t="shared" si="5"/>
        <v>4887</v>
      </c>
      <c r="AC21" s="140">
        <f t="shared" si="5"/>
        <v>4887</v>
      </c>
      <c r="AD21" s="140">
        <f t="shared" si="5"/>
        <v>5786</v>
      </c>
      <c r="AE21" s="140">
        <f t="shared" si="5"/>
        <v>5786</v>
      </c>
      <c r="AF21" s="140">
        <f t="shared" si="5"/>
        <v>5786</v>
      </c>
      <c r="AG21" s="140">
        <f t="shared" si="5"/>
        <v>5786</v>
      </c>
      <c r="AH21" s="140">
        <f t="shared" si="5"/>
        <v>5786</v>
      </c>
      <c r="AI21" s="140">
        <f t="shared" si="5"/>
        <v>5786</v>
      </c>
      <c r="AJ21" s="140">
        <f t="shared" si="5"/>
        <v>5786</v>
      </c>
      <c r="AK21" s="140">
        <f t="shared" si="5"/>
        <v>5786</v>
      </c>
      <c r="AL21" s="140">
        <f t="shared" si="5"/>
        <v>5786</v>
      </c>
      <c r="AM21" s="140">
        <f t="shared" si="5"/>
        <v>5786</v>
      </c>
      <c r="AN21" s="143">
        <f t="shared" si="5"/>
        <v>4769.25</v>
      </c>
      <c r="AO21" s="144"/>
    </row>
    <row r="22" spans="1:41" s="114" customFormat="1" ht="3.75" hidden="1" customHeight="1" outlineLevel="1">
      <c r="A22" s="113"/>
      <c r="C22" s="148"/>
      <c r="D22" s="146"/>
      <c r="E22" s="117"/>
      <c r="F22" s="128"/>
      <c r="G22" s="129"/>
      <c r="H22" s="129">
        <f t="shared" si="0"/>
        <v>0</v>
      </c>
      <c r="I22" s="130"/>
      <c r="J22" s="129"/>
      <c r="K22" s="129">
        <f t="shared" si="1"/>
        <v>0</v>
      </c>
      <c r="L22" s="129"/>
      <c r="M22" s="129"/>
      <c r="N22" s="129">
        <f t="shared" si="2"/>
        <v>0</v>
      </c>
      <c r="O22" s="131"/>
      <c r="P22" s="132"/>
      <c r="Q22" s="129"/>
      <c r="R22" s="129"/>
      <c r="S22" s="129"/>
      <c r="T22" s="129"/>
      <c r="U22" s="129"/>
      <c r="V22" s="129"/>
      <c r="W22" s="129"/>
      <c r="X22" s="129"/>
      <c r="Y22" s="129"/>
      <c r="Z22" s="129"/>
      <c r="AA22" s="129"/>
      <c r="AB22" s="133"/>
      <c r="AC22" s="129"/>
      <c r="AD22" s="129"/>
      <c r="AE22" s="129"/>
      <c r="AF22" s="129"/>
      <c r="AG22" s="129"/>
      <c r="AH22" s="129"/>
      <c r="AI22" s="129"/>
      <c r="AJ22" s="129"/>
      <c r="AK22" s="129"/>
      <c r="AL22" s="129"/>
      <c r="AM22" s="129"/>
      <c r="AN22" s="133"/>
      <c r="AO22" s="134"/>
    </row>
    <row r="23" spans="1:41" s="114" customFormat="1" ht="15" hidden="1" customHeight="1" outlineLevel="1">
      <c r="A23" s="113" t="s">
        <v>949</v>
      </c>
      <c r="B23" s="114" t="s">
        <v>2</v>
      </c>
      <c r="C23" s="149" t="s">
        <v>950</v>
      </c>
      <c r="D23" s="147" t="s">
        <v>951</v>
      </c>
      <c r="E23" s="117"/>
      <c r="F23" s="128">
        <v>0</v>
      </c>
      <c r="G23" s="129">
        <v>0</v>
      </c>
      <c r="H23" s="129">
        <f t="shared" si="0"/>
        <v>0</v>
      </c>
      <c r="I23" s="130"/>
      <c r="J23" s="129">
        <v>0</v>
      </c>
      <c r="K23" s="129">
        <f t="shared" si="1"/>
        <v>0</v>
      </c>
      <c r="L23" s="129"/>
      <c r="M23" s="129">
        <v>0</v>
      </c>
      <c r="N23" s="129">
        <f t="shared" si="2"/>
        <v>0</v>
      </c>
      <c r="O23" s="131"/>
      <c r="P23" s="132">
        <v>0</v>
      </c>
      <c r="Q23" s="129">
        <v>0</v>
      </c>
      <c r="R23" s="129">
        <v>0</v>
      </c>
      <c r="S23" s="129">
        <v>0</v>
      </c>
      <c r="T23" s="129">
        <v>0</v>
      </c>
      <c r="U23" s="129">
        <v>0</v>
      </c>
      <c r="V23" s="129">
        <v>0</v>
      </c>
      <c r="W23" s="129">
        <v>0</v>
      </c>
      <c r="X23" s="129">
        <v>0</v>
      </c>
      <c r="Y23" s="129">
        <v>0</v>
      </c>
      <c r="Z23" s="129">
        <v>0</v>
      </c>
      <c r="AA23" s="129">
        <v>0</v>
      </c>
      <c r="AB23" s="133">
        <v>0</v>
      </c>
      <c r="AC23" s="129">
        <v>0</v>
      </c>
      <c r="AD23" s="129">
        <v>0</v>
      </c>
      <c r="AE23" s="129">
        <v>0</v>
      </c>
      <c r="AF23" s="129">
        <v>0</v>
      </c>
      <c r="AG23" s="129">
        <v>0</v>
      </c>
      <c r="AH23" s="129">
        <v>0</v>
      </c>
      <c r="AI23" s="129">
        <v>0</v>
      </c>
      <c r="AJ23" s="129">
        <v>0</v>
      </c>
      <c r="AK23" s="129">
        <v>0</v>
      </c>
      <c r="AL23" s="129">
        <v>0</v>
      </c>
      <c r="AM23" s="129">
        <v>0</v>
      </c>
      <c r="AN23" s="133">
        <v>0</v>
      </c>
      <c r="AO23" s="134"/>
    </row>
    <row r="24" spans="1:41" s="114" customFormat="1" ht="15" hidden="1" customHeight="1" outlineLevel="1">
      <c r="A24" s="113" t="s">
        <v>952</v>
      </c>
      <c r="B24" s="114" t="s">
        <v>2</v>
      </c>
      <c r="C24" s="149" t="s">
        <v>953</v>
      </c>
      <c r="D24" s="147" t="s">
        <v>951</v>
      </c>
      <c r="E24" s="117" t="s">
        <v>2</v>
      </c>
      <c r="F24" s="128">
        <v>0</v>
      </c>
      <c r="G24" s="129">
        <v>0</v>
      </c>
      <c r="H24" s="129">
        <f t="shared" si="0"/>
        <v>0</v>
      </c>
      <c r="I24" s="130"/>
      <c r="J24" s="129">
        <v>0</v>
      </c>
      <c r="K24" s="129">
        <f t="shared" si="1"/>
        <v>0</v>
      </c>
      <c r="L24" s="129"/>
      <c r="M24" s="129">
        <v>0</v>
      </c>
      <c r="N24" s="129">
        <f t="shared" si="2"/>
        <v>0</v>
      </c>
      <c r="O24" s="131"/>
      <c r="P24" s="132">
        <v>0</v>
      </c>
      <c r="Q24" s="129">
        <v>0</v>
      </c>
      <c r="R24" s="129">
        <v>0</v>
      </c>
      <c r="S24" s="129">
        <v>0</v>
      </c>
      <c r="T24" s="129">
        <v>0</v>
      </c>
      <c r="U24" s="129">
        <v>0</v>
      </c>
      <c r="V24" s="129">
        <v>0</v>
      </c>
      <c r="W24" s="129">
        <v>0</v>
      </c>
      <c r="X24" s="129">
        <v>0</v>
      </c>
      <c r="Y24" s="129">
        <v>0</v>
      </c>
      <c r="Z24" s="129">
        <v>0</v>
      </c>
      <c r="AA24" s="129">
        <v>0</v>
      </c>
      <c r="AB24" s="133">
        <v>0</v>
      </c>
      <c r="AC24" s="129">
        <v>0</v>
      </c>
      <c r="AD24" s="129">
        <v>0</v>
      </c>
      <c r="AE24" s="129">
        <v>0</v>
      </c>
      <c r="AF24" s="129">
        <v>0</v>
      </c>
      <c r="AG24" s="129">
        <v>0</v>
      </c>
      <c r="AH24" s="129">
        <v>0</v>
      </c>
      <c r="AI24" s="129">
        <v>0</v>
      </c>
      <c r="AJ24" s="129">
        <v>0</v>
      </c>
      <c r="AK24" s="129">
        <v>0</v>
      </c>
      <c r="AL24" s="129">
        <v>0</v>
      </c>
      <c r="AM24" s="129">
        <v>0</v>
      </c>
      <c r="AN24" s="133">
        <v>0</v>
      </c>
      <c r="AO24" s="134"/>
    </row>
    <row r="25" spans="1:41" s="114" customFormat="1" ht="15" hidden="1" customHeight="1" outlineLevel="1">
      <c r="A25" s="113" t="s">
        <v>954</v>
      </c>
      <c r="B25" s="114" t="s">
        <v>2</v>
      </c>
      <c r="C25" s="149" t="s">
        <v>955</v>
      </c>
      <c r="D25" s="147" t="s">
        <v>951</v>
      </c>
      <c r="E25" s="117" t="s">
        <v>956</v>
      </c>
      <c r="F25" s="128">
        <v>0</v>
      </c>
      <c r="G25" s="129">
        <v>0</v>
      </c>
      <c r="H25" s="129">
        <f t="shared" si="0"/>
        <v>0</v>
      </c>
      <c r="I25" s="130"/>
      <c r="J25" s="129">
        <v>0</v>
      </c>
      <c r="K25" s="129">
        <f t="shared" si="1"/>
        <v>0</v>
      </c>
      <c r="L25" s="129"/>
      <c r="M25" s="129">
        <v>0</v>
      </c>
      <c r="N25" s="129">
        <f t="shared" si="2"/>
        <v>0</v>
      </c>
      <c r="O25" s="131"/>
      <c r="P25" s="132">
        <v>0</v>
      </c>
      <c r="Q25" s="129">
        <v>0</v>
      </c>
      <c r="R25" s="129">
        <v>0</v>
      </c>
      <c r="S25" s="129">
        <v>0</v>
      </c>
      <c r="T25" s="129">
        <v>0</v>
      </c>
      <c r="U25" s="129">
        <v>0</v>
      </c>
      <c r="V25" s="129">
        <v>0</v>
      </c>
      <c r="W25" s="129">
        <v>0</v>
      </c>
      <c r="X25" s="129">
        <v>0</v>
      </c>
      <c r="Y25" s="129">
        <v>0</v>
      </c>
      <c r="Z25" s="129">
        <v>0</v>
      </c>
      <c r="AA25" s="129">
        <v>0</v>
      </c>
      <c r="AB25" s="133">
        <v>0</v>
      </c>
      <c r="AC25" s="129">
        <v>0</v>
      </c>
      <c r="AD25" s="129">
        <v>0</v>
      </c>
      <c r="AE25" s="129">
        <v>0</v>
      </c>
      <c r="AF25" s="129">
        <v>0</v>
      </c>
      <c r="AG25" s="129">
        <v>0</v>
      </c>
      <c r="AH25" s="129">
        <v>0</v>
      </c>
      <c r="AI25" s="129">
        <v>0</v>
      </c>
      <c r="AJ25" s="129">
        <v>0</v>
      </c>
      <c r="AK25" s="129">
        <v>0</v>
      </c>
      <c r="AL25" s="129">
        <v>0</v>
      </c>
      <c r="AM25" s="129">
        <v>0</v>
      </c>
      <c r="AN25" s="133">
        <v>0</v>
      </c>
      <c r="AO25" s="134"/>
    </row>
    <row r="26" spans="1:41" s="62" customFormat="1" hidden="1" outlineLevel="2">
      <c r="A26" s="61" t="s">
        <v>511</v>
      </c>
      <c r="B26" s="61" t="s">
        <v>512</v>
      </c>
      <c r="C26" s="71" t="s">
        <v>513</v>
      </c>
      <c r="D26" s="72" t="s">
        <v>951</v>
      </c>
      <c r="E26" s="73" t="s">
        <v>956</v>
      </c>
      <c r="F26" s="62">
        <v>398060</v>
      </c>
      <c r="G26" s="62">
        <v>605052</v>
      </c>
      <c r="H26" s="62">
        <f t="shared" si="0"/>
        <v>-206992</v>
      </c>
      <c r="J26" s="62">
        <v>605052</v>
      </c>
      <c r="K26" s="62">
        <f t="shared" si="1"/>
        <v>-206992</v>
      </c>
      <c r="M26" s="62">
        <v>764055</v>
      </c>
      <c r="N26" s="62">
        <f t="shared" si="2"/>
        <v>-365995</v>
      </c>
      <c r="P26" s="74">
        <v>991873</v>
      </c>
      <c r="Q26" s="61">
        <v>126996</v>
      </c>
      <c r="R26" s="61">
        <v>3665</v>
      </c>
      <c r="S26" s="61">
        <v>0</v>
      </c>
      <c r="T26" s="62">
        <v>0</v>
      </c>
      <c r="U26" s="61">
        <v>0</v>
      </c>
      <c r="V26" s="61">
        <v>0</v>
      </c>
      <c r="W26" s="61">
        <v>0</v>
      </c>
      <c r="X26" s="61">
        <v>0</v>
      </c>
      <c r="Y26" s="61">
        <v>0</v>
      </c>
      <c r="Z26" s="61">
        <v>0</v>
      </c>
      <c r="AA26" s="61">
        <v>695253</v>
      </c>
      <c r="AB26" s="75">
        <v>605052</v>
      </c>
      <c r="AC26" s="61">
        <v>267766.22000000003</v>
      </c>
      <c r="AD26" s="61">
        <v>57348</v>
      </c>
      <c r="AE26" s="61">
        <v>1092</v>
      </c>
      <c r="AF26" s="62">
        <v>1092</v>
      </c>
      <c r="AG26" s="61">
        <v>0</v>
      </c>
      <c r="AH26" s="61">
        <v>0</v>
      </c>
      <c r="AI26" s="61">
        <v>0</v>
      </c>
      <c r="AJ26" s="61">
        <v>0</v>
      </c>
      <c r="AK26" s="61">
        <v>0</v>
      </c>
      <c r="AL26" s="61">
        <v>0</v>
      </c>
      <c r="AM26" s="61">
        <v>764055</v>
      </c>
      <c r="AN26" s="75">
        <v>398060</v>
      </c>
    </row>
    <row r="27" spans="1:41" s="62" customFormat="1" hidden="1" outlineLevel="2">
      <c r="A27" s="61" t="s">
        <v>773</v>
      </c>
      <c r="B27" s="61" t="s">
        <v>774</v>
      </c>
      <c r="C27" s="71" t="s">
        <v>775</v>
      </c>
      <c r="D27" s="72" t="s">
        <v>951</v>
      </c>
      <c r="E27" s="73" t="s">
        <v>956</v>
      </c>
      <c r="F27" s="62">
        <v>0</v>
      </c>
      <c r="G27" s="62">
        <v>0</v>
      </c>
      <c r="H27" s="62">
        <f t="shared" si="0"/>
        <v>0</v>
      </c>
      <c r="J27" s="62">
        <v>0</v>
      </c>
      <c r="K27" s="62">
        <f t="shared" si="1"/>
        <v>0</v>
      </c>
      <c r="M27" s="62">
        <v>0</v>
      </c>
      <c r="N27" s="62">
        <f t="shared" si="2"/>
        <v>0</v>
      </c>
      <c r="P27" s="74">
        <v>0</v>
      </c>
      <c r="Q27" s="61">
        <v>712733.11</v>
      </c>
      <c r="R27" s="61">
        <v>891986.71</v>
      </c>
      <c r="S27" s="61">
        <v>261606.81</v>
      </c>
      <c r="T27" s="62">
        <v>53.84</v>
      </c>
      <c r="U27" s="61">
        <v>0</v>
      </c>
      <c r="V27" s="61">
        <v>0</v>
      </c>
      <c r="W27" s="61">
        <v>0</v>
      </c>
      <c r="X27" s="61">
        <v>0</v>
      </c>
      <c r="Y27" s="61">
        <v>0</v>
      </c>
      <c r="Z27" s="61">
        <v>0</v>
      </c>
      <c r="AA27" s="61">
        <v>0</v>
      </c>
      <c r="AB27" s="75">
        <v>0</v>
      </c>
      <c r="AC27" s="61">
        <v>455325.38</v>
      </c>
      <c r="AD27" s="61">
        <v>703612.16</v>
      </c>
      <c r="AE27" s="61">
        <v>16763.63</v>
      </c>
      <c r="AF27" s="62">
        <v>115086.55</v>
      </c>
      <c r="AG27" s="61">
        <v>912.5</v>
      </c>
      <c r="AH27" s="61">
        <v>0</v>
      </c>
      <c r="AI27" s="61">
        <v>0</v>
      </c>
      <c r="AJ27" s="61">
        <v>0</v>
      </c>
      <c r="AK27" s="61">
        <v>0</v>
      </c>
      <c r="AL27" s="61">
        <v>0</v>
      </c>
      <c r="AM27" s="61">
        <v>0</v>
      </c>
      <c r="AN27" s="75">
        <v>0</v>
      </c>
    </row>
    <row r="28" spans="1:41" s="62" customFormat="1" hidden="1" outlineLevel="2">
      <c r="A28" s="61" t="s">
        <v>514</v>
      </c>
      <c r="B28" s="61" t="s">
        <v>515</v>
      </c>
      <c r="C28" s="71" t="s">
        <v>516</v>
      </c>
      <c r="D28" s="72" t="s">
        <v>951</v>
      </c>
      <c r="E28" s="73" t="s">
        <v>956</v>
      </c>
      <c r="F28" s="62">
        <v>1264628</v>
      </c>
      <c r="G28" s="62">
        <v>743000.17</v>
      </c>
      <c r="H28" s="62">
        <f t="shared" si="0"/>
        <v>521627.82999999996</v>
      </c>
      <c r="J28" s="62">
        <v>743000.17</v>
      </c>
      <c r="K28" s="62">
        <f t="shared" si="1"/>
        <v>521627.82999999996</v>
      </c>
      <c r="M28" s="62">
        <v>463164</v>
      </c>
      <c r="N28" s="62">
        <f t="shared" si="2"/>
        <v>801464</v>
      </c>
      <c r="P28" s="74">
        <v>123407.49</v>
      </c>
      <c r="Q28" s="61">
        <v>4444614.03</v>
      </c>
      <c r="R28" s="61">
        <v>94314.430000000008</v>
      </c>
      <c r="S28" s="61">
        <v>202372</v>
      </c>
      <c r="T28" s="62">
        <v>203116.06</v>
      </c>
      <c r="U28" s="61">
        <v>820841</v>
      </c>
      <c r="V28" s="61">
        <v>5879089</v>
      </c>
      <c r="W28" s="61">
        <v>4534083.6399999997</v>
      </c>
      <c r="X28" s="61">
        <v>5117402.34</v>
      </c>
      <c r="Y28" s="61">
        <v>448011</v>
      </c>
      <c r="Z28" s="61">
        <v>4097522.45</v>
      </c>
      <c r="AA28" s="61">
        <v>576067</v>
      </c>
      <c r="AB28" s="75">
        <v>743000.17</v>
      </c>
      <c r="AC28" s="61">
        <v>527609.29</v>
      </c>
      <c r="AD28" s="61">
        <v>591684.04</v>
      </c>
      <c r="AE28" s="61">
        <v>500183</v>
      </c>
      <c r="AF28" s="62">
        <v>5658407.5099999998</v>
      </c>
      <c r="AG28" s="61">
        <v>5755759</v>
      </c>
      <c r="AH28" s="61">
        <v>5382879</v>
      </c>
      <c r="AI28" s="61">
        <v>5314362</v>
      </c>
      <c r="AJ28" s="61">
        <v>463433</v>
      </c>
      <c r="AK28" s="61">
        <v>471218</v>
      </c>
      <c r="AL28" s="61">
        <v>389738</v>
      </c>
      <c r="AM28" s="61">
        <v>463164</v>
      </c>
      <c r="AN28" s="75">
        <v>1264628</v>
      </c>
    </row>
    <row r="29" spans="1:41" s="62" customFormat="1" hidden="1" outlineLevel="2">
      <c r="A29" s="61" t="s">
        <v>517</v>
      </c>
      <c r="B29" s="61" t="s">
        <v>518</v>
      </c>
      <c r="C29" s="71" t="s">
        <v>519</v>
      </c>
      <c r="D29" s="72" t="s">
        <v>951</v>
      </c>
      <c r="E29" s="73" t="s">
        <v>956</v>
      </c>
      <c r="F29" s="62">
        <v>-111681.33</v>
      </c>
      <c r="G29" s="62">
        <v>-10700.86</v>
      </c>
      <c r="H29" s="62">
        <f t="shared" si="0"/>
        <v>-100980.47</v>
      </c>
      <c r="J29" s="62">
        <v>-10700.86</v>
      </c>
      <c r="K29" s="62">
        <f t="shared" si="1"/>
        <v>-100980.47</v>
      </c>
      <c r="M29" s="62">
        <v>-107457.2</v>
      </c>
      <c r="N29" s="62">
        <f t="shared" si="2"/>
        <v>-4224.1300000000047</v>
      </c>
      <c r="P29" s="74">
        <v>0</v>
      </c>
      <c r="Q29" s="61">
        <v>0</v>
      </c>
      <c r="R29" s="61">
        <v>0</v>
      </c>
      <c r="S29" s="61">
        <v>0</v>
      </c>
      <c r="T29" s="62">
        <v>0</v>
      </c>
      <c r="U29" s="61">
        <v>0</v>
      </c>
      <c r="V29" s="61">
        <v>0</v>
      </c>
      <c r="W29" s="61">
        <v>0</v>
      </c>
      <c r="X29" s="61">
        <v>0</v>
      </c>
      <c r="Y29" s="61">
        <v>0</v>
      </c>
      <c r="Z29" s="61">
        <v>-4.99</v>
      </c>
      <c r="AA29" s="61">
        <v>-3430.3</v>
      </c>
      <c r="AB29" s="75">
        <v>-10700.86</v>
      </c>
      <c r="AC29" s="61">
        <v>-16841.810000000001</v>
      </c>
      <c r="AD29" s="61">
        <v>-29847.34</v>
      </c>
      <c r="AE29" s="61">
        <v>-41655.700000000004</v>
      </c>
      <c r="AF29" s="62">
        <v>-52339.26</v>
      </c>
      <c r="AG29" s="61">
        <v>-57710.080000000002</v>
      </c>
      <c r="AH29" s="61">
        <v>-69931.45</v>
      </c>
      <c r="AI29" s="61">
        <v>-76942.490000000005</v>
      </c>
      <c r="AJ29" s="61">
        <v>-93397.25</v>
      </c>
      <c r="AK29" s="61">
        <v>-103440.22</v>
      </c>
      <c r="AL29" s="61">
        <v>-112686.83</v>
      </c>
      <c r="AM29" s="61">
        <v>-107457.2</v>
      </c>
      <c r="AN29" s="75">
        <v>-111681.33</v>
      </c>
    </row>
    <row r="30" spans="1:41" s="62" customFormat="1" hidden="1" outlineLevel="2">
      <c r="A30" s="61" t="s">
        <v>520</v>
      </c>
      <c r="B30" s="61" t="s">
        <v>521</v>
      </c>
      <c r="C30" s="71" t="s">
        <v>522</v>
      </c>
      <c r="D30" s="72" t="s">
        <v>951</v>
      </c>
      <c r="E30" s="73" t="s">
        <v>956</v>
      </c>
      <c r="F30" s="62">
        <v>20102.62</v>
      </c>
      <c r="G30" s="62">
        <v>1926.16</v>
      </c>
      <c r="H30" s="62">
        <f t="shared" si="0"/>
        <v>18176.46</v>
      </c>
      <c r="J30" s="62">
        <v>1926.16</v>
      </c>
      <c r="K30" s="62">
        <f t="shared" si="1"/>
        <v>18176.46</v>
      </c>
      <c r="M30" s="62">
        <v>19342.28</v>
      </c>
      <c r="N30" s="62">
        <f t="shared" si="2"/>
        <v>760.34000000000015</v>
      </c>
      <c r="P30" s="74">
        <v>0</v>
      </c>
      <c r="Q30" s="61">
        <v>0</v>
      </c>
      <c r="R30" s="61">
        <v>0</v>
      </c>
      <c r="S30" s="61">
        <v>0</v>
      </c>
      <c r="T30" s="62">
        <v>0</v>
      </c>
      <c r="U30" s="61">
        <v>0</v>
      </c>
      <c r="V30" s="61">
        <v>0</v>
      </c>
      <c r="W30" s="61">
        <v>0</v>
      </c>
      <c r="X30" s="61">
        <v>0</v>
      </c>
      <c r="Y30" s="61">
        <v>0</v>
      </c>
      <c r="Z30" s="61">
        <v>0</v>
      </c>
      <c r="AA30" s="61">
        <v>616.56000000000006</v>
      </c>
      <c r="AB30" s="75">
        <v>1926.16</v>
      </c>
      <c r="AC30" s="61">
        <v>3031.53</v>
      </c>
      <c r="AD30" s="61">
        <v>5372.53</v>
      </c>
      <c r="AE30" s="61">
        <v>7498.04</v>
      </c>
      <c r="AF30" s="62">
        <v>9421.08</v>
      </c>
      <c r="AG30" s="61">
        <v>10387.82</v>
      </c>
      <c r="AH30" s="61">
        <v>12587.67</v>
      </c>
      <c r="AI30" s="61">
        <v>13849.65</v>
      </c>
      <c r="AJ30" s="61">
        <v>16811.5</v>
      </c>
      <c r="AK30" s="61">
        <v>18619.23</v>
      </c>
      <c r="AL30" s="61">
        <v>20283.62</v>
      </c>
      <c r="AM30" s="61">
        <v>19342.28</v>
      </c>
      <c r="AN30" s="75">
        <v>20102.62</v>
      </c>
    </row>
    <row r="31" spans="1:41" s="62" customFormat="1" hidden="1" outlineLevel="2">
      <c r="A31" s="61" t="s">
        <v>78</v>
      </c>
      <c r="B31" s="61" t="s">
        <v>79</v>
      </c>
      <c r="C31" s="71" t="s">
        <v>80</v>
      </c>
      <c r="D31" s="72" t="s">
        <v>951</v>
      </c>
      <c r="E31" s="73" t="s">
        <v>956</v>
      </c>
      <c r="F31" s="62">
        <v>619687.87</v>
      </c>
      <c r="G31" s="62">
        <v>986157.34</v>
      </c>
      <c r="H31" s="62">
        <f t="shared" si="0"/>
        <v>-366469.47</v>
      </c>
      <c r="J31" s="62">
        <v>986157.34</v>
      </c>
      <c r="K31" s="62">
        <f t="shared" si="1"/>
        <v>-366469.47</v>
      </c>
      <c r="M31" s="62">
        <v>876931.38</v>
      </c>
      <c r="N31" s="62">
        <f t="shared" si="2"/>
        <v>-257243.51</v>
      </c>
      <c r="P31" s="74">
        <v>549362.61</v>
      </c>
      <c r="Q31" s="61">
        <v>649365.15</v>
      </c>
      <c r="R31" s="61">
        <v>1223760.79</v>
      </c>
      <c r="S31" s="61">
        <v>1208407.8900000001</v>
      </c>
      <c r="T31" s="62">
        <v>820992.48</v>
      </c>
      <c r="U31" s="61">
        <v>967022.19000000006</v>
      </c>
      <c r="V31" s="61">
        <v>3292689.64</v>
      </c>
      <c r="W31" s="61">
        <v>3149833.13</v>
      </c>
      <c r="X31" s="61">
        <v>599657.95000000007</v>
      </c>
      <c r="Y31" s="61">
        <v>748819.61</v>
      </c>
      <c r="Z31" s="61">
        <v>564886.20000000007</v>
      </c>
      <c r="AA31" s="61">
        <v>435890.35000000003</v>
      </c>
      <c r="AB31" s="75">
        <v>986157.34</v>
      </c>
      <c r="AC31" s="61">
        <v>803365.27</v>
      </c>
      <c r="AD31" s="61">
        <v>1027242.91</v>
      </c>
      <c r="AE31" s="61">
        <v>918777.81</v>
      </c>
      <c r="AF31" s="62">
        <v>913635.28</v>
      </c>
      <c r="AG31" s="61">
        <v>762525.95000000007</v>
      </c>
      <c r="AH31" s="61">
        <v>3596426.58</v>
      </c>
      <c r="AI31" s="61">
        <v>3323653.6</v>
      </c>
      <c r="AJ31" s="61">
        <v>790269.45000000007</v>
      </c>
      <c r="AK31" s="61">
        <v>770571.32000000007</v>
      </c>
      <c r="AL31" s="61">
        <v>978239.04</v>
      </c>
      <c r="AM31" s="61">
        <v>876931.38</v>
      </c>
      <c r="AN31" s="75">
        <v>619687.87</v>
      </c>
    </row>
    <row r="32" spans="1:41" s="62" customFormat="1" hidden="1" outlineLevel="2">
      <c r="A32" s="61" t="s">
        <v>529</v>
      </c>
      <c r="B32" s="61" t="s">
        <v>530</v>
      </c>
      <c r="C32" s="71" t="s">
        <v>531</v>
      </c>
      <c r="D32" s="72" t="s">
        <v>951</v>
      </c>
      <c r="E32" s="73" t="s">
        <v>956</v>
      </c>
      <c r="F32" s="62">
        <v>3053848.53</v>
      </c>
      <c r="G32" s="62">
        <v>2596748.88</v>
      </c>
      <c r="H32" s="62">
        <f t="shared" si="0"/>
        <v>457099.64999999991</v>
      </c>
      <c r="J32" s="62">
        <v>2596748.88</v>
      </c>
      <c r="K32" s="62">
        <f t="shared" si="1"/>
        <v>457099.64999999991</v>
      </c>
      <c r="M32" s="62">
        <v>2772053.81</v>
      </c>
      <c r="N32" s="62">
        <f t="shared" si="2"/>
        <v>281794.71999999974</v>
      </c>
      <c r="P32" s="74">
        <v>2918733.09</v>
      </c>
      <c r="Q32" s="61">
        <v>3148693.34</v>
      </c>
      <c r="R32" s="61">
        <v>3378653.55</v>
      </c>
      <c r="S32" s="61">
        <v>3608613.76</v>
      </c>
      <c r="T32" s="62">
        <v>3838573.9699999997</v>
      </c>
      <c r="U32" s="61">
        <v>4068534.18</v>
      </c>
      <c r="V32" s="61">
        <v>1403057.4100000001</v>
      </c>
      <c r="W32" s="61">
        <v>1656313.73</v>
      </c>
      <c r="X32" s="61">
        <v>1844400.76</v>
      </c>
      <c r="Y32" s="61">
        <v>2032487.79</v>
      </c>
      <c r="Z32" s="61">
        <v>2220574.8199999998</v>
      </c>
      <c r="AA32" s="61">
        <v>2408661.85</v>
      </c>
      <c r="AB32" s="75">
        <v>2596748.88</v>
      </c>
      <c r="AC32" s="61">
        <v>2813005.87</v>
      </c>
      <c r="AD32" s="61">
        <v>3029262.86</v>
      </c>
      <c r="AE32" s="61">
        <v>3245519.85</v>
      </c>
      <c r="AF32" s="62">
        <v>3461776.84</v>
      </c>
      <c r="AG32" s="61">
        <v>3678033.83</v>
      </c>
      <c r="AH32" s="61">
        <v>1363079.76</v>
      </c>
      <c r="AI32" s="61">
        <v>1644874.57</v>
      </c>
      <c r="AJ32" s="61">
        <v>1926669.38</v>
      </c>
      <c r="AK32" s="61">
        <v>2208464.19</v>
      </c>
      <c r="AL32" s="61">
        <v>2490259</v>
      </c>
      <c r="AM32" s="61">
        <v>2772053.81</v>
      </c>
      <c r="AN32" s="75">
        <v>3053848.53</v>
      </c>
    </row>
    <row r="33" spans="1:41" s="114" customFormat="1" ht="15" hidden="1" customHeight="1" outlineLevel="1">
      <c r="A33" s="113" t="s">
        <v>957</v>
      </c>
      <c r="B33" s="114" t="s">
        <v>2</v>
      </c>
      <c r="C33" s="149" t="s">
        <v>958</v>
      </c>
      <c r="D33" s="147" t="s">
        <v>951</v>
      </c>
      <c r="E33" s="117" t="s">
        <v>956</v>
      </c>
      <c r="F33" s="128">
        <v>5244645.6899999995</v>
      </c>
      <c r="G33" s="129">
        <v>4922183.6899999995</v>
      </c>
      <c r="H33" s="129">
        <f t="shared" si="0"/>
        <v>322462</v>
      </c>
      <c r="I33" s="130"/>
      <c r="J33" s="129">
        <v>4922183.6899999995</v>
      </c>
      <c r="K33" s="129">
        <f t="shared" si="1"/>
        <v>322462</v>
      </c>
      <c r="L33" s="129"/>
      <c r="M33" s="129">
        <v>4788089.2699999996</v>
      </c>
      <c r="N33" s="129">
        <f t="shared" si="2"/>
        <v>456556.41999999993</v>
      </c>
      <c r="O33" s="131"/>
      <c r="P33" s="132">
        <v>4583376.1899999995</v>
      </c>
      <c r="Q33" s="129">
        <v>9082401.6300000008</v>
      </c>
      <c r="R33" s="129">
        <v>5592380.4800000004</v>
      </c>
      <c r="S33" s="129">
        <v>5281000.46</v>
      </c>
      <c r="T33" s="129">
        <v>4862736.3499999996</v>
      </c>
      <c r="U33" s="129">
        <v>5856397.3700000001</v>
      </c>
      <c r="V33" s="129">
        <v>10574836.050000001</v>
      </c>
      <c r="W33" s="129">
        <v>9340230.5</v>
      </c>
      <c r="X33" s="129">
        <v>7561461.0499999998</v>
      </c>
      <c r="Y33" s="129">
        <v>3229318.4</v>
      </c>
      <c r="Z33" s="129">
        <v>6882978.4800000004</v>
      </c>
      <c r="AA33" s="129">
        <v>4113058.46</v>
      </c>
      <c r="AB33" s="133">
        <v>4922183.6899999995</v>
      </c>
      <c r="AC33" s="129">
        <v>4853261.75</v>
      </c>
      <c r="AD33" s="129">
        <v>5384675.1600000001</v>
      </c>
      <c r="AE33" s="129">
        <v>4648178.63</v>
      </c>
      <c r="AF33" s="129">
        <v>10107080</v>
      </c>
      <c r="AG33" s="129">
        <v>10149909.02</v>
      </c>
      <c r="AH33" s="129">
        <v>10285041.560000001</v>
      </c>
      <c r="AI33" s="129">
        <v>10219797.33</v>
      </c>
      <c r="AJ33" s="129">
        <v>3103786.08</v>
      </c>
      <c r="AK33" s="129">
        <v>3365432.52</v>
      </c>
      <c r="AL33" s="129">
        <v>3765832.83</v>
      </c>
      <c r="AM33" s="129">
        <v>4788089.2699999996</v>
      </c>
      <c r="AN33" s="133">
        <v>5244645.6899999995</v>
      </c>
      <c r="AO33" s="134"/>
    </row>
    <row r="34" spans="1:41" s="62" customFormat="1" hidden="1" outlineLevel="2">
      <c r="A34" s="61" t="s">
        <v>508</v>
      </c>
      <c r="B34" s="61" t="s">
        <v>509</v>
      </c>
      <c r="C34" s="71" t="s">
        <v>510</v>
      </c>
      <c r="D34" s="72" t="s">
        <v>951</v>
      </c>
      <c r="E34" s="73"/>
      <c r="F34" s="62">
        <v>-33614001.829999998</v>
      </c>
      <c r="G34" s="62">
        <v>-24566849.210000001</v>
      </c>
      <c r="H34" s="62">
        <f t="shared" si="0"/>
        <v>-9047152.6199999973</v>
      </c>
      <c r="J34" s="62">
        <v>-24566849.210000001</v>
      </c>
      <c r="K34" s="62">
        <f t="shared" si="1"/>
        <v>-9047152.6199999973</v>
      </c>
      <c r="M34" s="62">
        <v>-26582192.149999999</v>
      </c>
      <c r="N34" s="62">
        <f t="shared" si="2"/>
        <v>-7031809.6799999997</v>
      </c>
      <c r="P34" s="74">
        <v>-30344977.350000001</v>
      </c>
      <c r="Q34" s="61">
        <v>-35365875.850000001</v>
      </c>
      <c r="R34" s="61">
        <v>-35477464.039999999</v>
      </c>
      <c r="S34" s="61">
        <v>-35865432.840000004</v>
      </c>
      <c r="T34" s="62">
        <v>-28315535.690000001</v>
      </c>
      <c r="U34" s="61">
        <v>-21998918.379999999</v>
      </c>
      <c r="V34" s="61">
        <v>-27955029.84</v>
      </c>
      <c r="W34" s="61">
        <v>-25298381.27</v>
      </c>
      <c r="X34" s="61">
        <v>-24896545.940000001</v>
      </c>
      <c r="Y34" s="61">
        <v>-22641189</v>
      </c>
      <c r="Z34" s="61">
        <v>-19935872.510000002</v>
      </c>
      <c r="AA34" s="61">
        <v>-16389389.48</v>
      </c>
      <c r="AB34" s="75">
        <v>-24566849.210000001</v>
      </c>
      <c r="AC34" s="61">
        <v>-30503223.920000002</v>
      </c>
      <c r="AD34" s="61">
        <v>-36157491.030000001</v>
      </c>
      <c r="AE34" s="61">
        <v>-32222254.75</v>
      </c>
      <c r="AF34" s="62">
        <v>-30347309.5</v>
      </c>
      <c r="AG34" s="61">
        <v>-27058265.870000001</v>
      </c>
      <c r="AH34" s="61">
        <v>-30602073.739999998</v>
      </c>
      <c r="AI34" s="61">
        <v>-32043578.100000001</v>
      </c>
      <c r="AJ34" s="61">
        <v>-34706298.75</v>
      </c>
      <c r="AK34" s="61">
        <v>-34128027.200000003</v>
      </c>
      <c r="AL34" s="61">
        <v>-28528275.030000001</v>
      </c>
      <c r="AM34" s="61">
        <v>-26582192.149999999</v>
      </c>
      <c r="AN34" s="75">
        <v>-33614001.829999998</v>
      </c>
    </row>
    <row r="35" spans="1:41" s="114" customFormat="1" ht="15" hidden="1" customHeight="1" outlineLevel="1">
      <c r="A35" s="113" t="s">
        <v>959</v>
      </c>
      <c r="B35" s="114" t="s">
        <v>2</v>
      </c>
      <c r="C35" s="149" t="s">
        <v>960</v>
      </c>
      <c r="D35" s="147" t="s">
        <v>951</v>
      </c>
      <c r="E35" s="117"/>
      <c r="F35" s="128">
        <v>-33614001.829999998</v>
      </c>
      <c r="G35" s="129">
        <v>-24566849.210000001</v>
      </c>
      <c r="H35" s="129">
        <f t="shared" si="0"/>
        <v>-9047152.6199999973</v>
      </c>
      <c r="I35" s="130"/>
      <c r="J35" s="129">
        <v>-24566849.210000001</v>
      </c>
      <c r="K35" s="129">
        <f t="shared" si="1"/>
        <v>-9047152.6199999973</v>
      </c>
      <c r="L35" s="129"/>
      <c r="M35" s="129">
        <v>-26582192.149999999</v>
      </c>
      <c r="N35" s="129">
        <f t="shared" si="2"/>
        <v>-7031809.6799999997</v>
      </c>
      <c r="O35" s="131"/>
      <c r="P35" s="132">
        <v>-30344977.350000001</v>
      </c>
      <c r="Q35" s="129">
        <v>-35365875.850000001</v>
      </c>
      <c r="R35" s="129">
        <v>-35477464.039999999</v>
      </c>
      <c r="S35" s="129">
        <v>-35865432.840000004</v>
      </c>
      <c r="T35" s="129">
        <v>-28315535.690000001</v>
      </c>
      <c r="U35" s="129">
        <v>-21998918.379999999</v>
      </c>
      <c r="V35" s="129">
        <v>-27955029.84</v>
      </c>
      <c r="W35" s="129">
        <v>-25298381.27</v>
      </c>
      <c r="X35" s="129">
        <v>-24896545.940000001</v>
      </c>
      <c r="Y35" s="129">
        <v>-22641189</v>
      </c>
      <c r="Z35" s="129">
        <v>-19935872.510000002</v>
      </c>
      <c r="AA35" s="129">
        <v>-16389389.48</v>
      </c>
      <c r="AB35" s="133">
        <v>-24566849.210000001</v>
      </c>
      <c r="AC35" s="129">
        <v>-30503223.920000002</v>
      </c>
      <c r="AD35" s="129">
        <v>-36157491.030000001</v>
      </c>
      <c r="AE35" s="129">
        <v>-32222254.75</v>
      </c>
      <c r="AF35" s="129">
        <v>-30347309.5</v>
      </c>
      <c r="AG35" s="129">
        <v>-27058265.870000001</v>
      </c>
      <c r="AH35" s="129">
        <v>-30602073.739999998</v>
      </c>
      <c r="AI35" s="129">
        <v>-32043578.100000001</v>
      </c>
      <c r="AJ35" s="129">
        <v>-34706298.75</v>
      </c>
      <c r="AK35" s="129">
        <v>-34128027.200000003</v>
      </c>
      <c r="AL35" s="129">
        <v>-28528275.030000001</v>
      </c>
      <c r="AM35" s="129">
        <v>-26582192.149999999</v>
      </c>
      <c r="AN35" s="133">
        <v>-33614001.829999998</v>
      </c>
      <c r="AO35" s="134"/>
    </row>
    <row r="36" spans="1:41" s="114" customFormat="1" ht="15" hidden="1" customHeight="1" outlineLevel="1">
      <c r="A36" s="113" t="s">
        <v>961</v>
      </c>
      <c r="B36" s="114" t="s">
        <v>2</v>
      </c>
      <c r="C36" s="149" t="s">
        <v>962</v>
      </c>
      <c r="D36" s="147" t="s">
        <v>951</v>
      </c>
      <c r="E36" s="117"/>
      <c r="F36" s="128">
        <v>0</v>
      </c>
      <c r="G36" s="129">
        <v>0</v>
      </c>
      <c r="H36" s="129">
        <f t="shared" si="0"/>
        <v>0</v>
      </c>
      <c r="I36" s="130"/>
      <c r="J36" s="129">
        <v>0</v>
      </c>
      <c r="K36" s="129">
        <f t="shared" si="1"/>
        <v>0</v>
      </c>
      <c r="L36" s="129"/>
      <c r="M36" s="129">
        <v>0</v>
      </c>
      <c r="N36" s="129">
        <f t="shared" si="2"/>
        <v>0</v>
      </c>
      <c r="O36" s="131"/>
      <c r="P36" s="132">
        <v>0</v>
      </c>
      <c r="Q36" s="129">
        <v>0</v>
      </c>
      <c r="R36" s="129">
        <v>0</v>
      </c>
      <c r="S36" s="129">
        <v>0</v>
      </c>
      <c r="T36" s="129">
        <v>0</v>
      </c>
      <c r="U36" s="129">
        <v>0</v>
      </c>
      <c r="V36" s="129">
        <v>0</v>
      </c>
      <c r="W36" s="129">
        <v>0</v>
      </c>
      <c r="X36" s="129">
        <v>0</v>
      </c>
      <c r="Y36" s="129">
        <v>0</v>
      </c>
      <c r="Z36" s="129">
        <v>0</v>
      </c>
      <c r="AA36" s="129">
        <v>0</v>
      </c>
      <c r="AB36" s="133">
        <v>0</v>
      </c>
      <c r="AC36" s="129">
        <v>0</v>
      </c>
      <c r="AD36" s="129">
        <v>0</v>
      </c>
      <c r="AE36" s="129">
        <v>0</v>
      </c>
      <c r="AF36" s="129">
        <v>0</v>
      </c>
      <c r="AG36" s="129">
        <v>0</v>
      </c>
      <c r="AH36" s="129">
        <v>0</v>
      </c>
      <c r="AI36" s="129">
        <v>0</v>
      </c>
      <c r="AJ36" s="129">
        <v>0</v>
      </c>
      <c r="AK36" s="129">
        <v>0</v>
      </c>
      <c r="AL36" s="129">
        <v>0</v>
      </c>
      <c r="AM36" s="129">
        <v>0</v>
      </c>
      <c r="AN36" s="133">
        <v>0</v>
      </c>
      <c r="AO36" s="134"/>
    </row>
    <row r="37" spans="1:41" s="114" customFormat="1" ht="15" hidden="1" customHeight="1" outlineLevel="1">
      <c r="A37" s="113" t="s">
        <v>963</v>
      </c>
      <c r="B37" s="114" t="s">
        <v>2</v>
      </c>
      <c r="C37" s="149" t="s">
        <v>964</v>
      </c>
      <c r="D37" s="147" t="s">
        <v>951</v>
      </c>
      <c r="E37" s="117"/>
      <c r="F37" s="128">
        <v>0</v>
      </c>
      <c r="G37" s="129">
        <v>0</v>
      </c>
      <c r="H37" s="129">
        <f t="shared" si="0"/>
        <v>0</v>
      </c>
      <c r="I37" s="130"/>
      <c r="J37" s="129">
        <v>0</v>
      </c>
      <c r="K37" s="129">
        <f t="shared" si="1"/>
        <v>0</v>
      </c>
      <c r="L37" s="129"/>
      <c r="M37" s="129">
        <v>0</v>
      </c>
      <c r="N37" s="129">
        <f t="shared" si="2"/>
        <v>0</v>
      </c>
      <c r="O37" s="131"/>
      <c r="P37" s="132">
        <v>0</v>
      </c>
      <c r="Q37" s="129">
        <v>0</v>
      </c>
      <c r="R37" s="129">
        <v>0</v>
      </c>
      <c r="S37" s="129">
        <v>0</v>
      </c>
      <c r="T37" s="129">
        <v>0</v>
      </c>
      <c r="U37" s="129">
        <v>0</v>
      </c>
      <c r="V37" s="129">
        <v>0</v>
      </c>
      <c r="W37" s="129">
        <v>0</v>
      </c>
      <c r="X37" s="129">
        <v>0</v>
      </c>
      <c r="Y37" s="129">
        <v>0</v>
      </c>
      <c r="Z37" s="129">
        <v>0</v>
      </c>
      <c r="AA37" s="129">
        <v>0</v>
      </c>
      <c r="AB37" s="133">
        <v>0</v>
      </c>
      <c r="AC37" s="129">
        <v>0</v>
      </c>
      <c r="AD37" s="129">
        <v>0</v>
      </c>
      <c r="AE37" s="129">
        <v>0</v>
      </c>
      <c r="AF37" s="129">
        <v>0</v>
      </c>
      <c r="AG37" s="129">
        <v>0</v>
      </c>
      <c r="AH37" s="129">
        <v>0</v>
      </c>
      <c r="AI37" s="129">
        <v>0</v>
      </c>
      <c r="AJ37" s="129">
        <v>0</v>
      </c>
      <c r="AK37" s="129">
        <v>0</v>
      </c>
      <c r="AL37" s="129">
        <v>0</v>
      </c>
      <c r="AM37" s="129">
        <v>0</v>
      </c>
      <c r="AN37" s="133">
        <v>0</v>
      </c>
      <c r="AO37" s="134"/>
    </row>
    <row r="38" spans="1:41" s="62" customFormat="1" hidden="1" outlineLevel="2">
      <c r="A38" s="61" t="s">
        <v>505</v>
      </c>
      <c r="B38" s="61" t="s">
        <v>506</v>
      </c>
      <c r="C38" s="71" t="s">
        <v>507</v>
      </c>
      <c r="D38" s="72" t="s">
        <v>951</v>
      </c>
      <c r="E38" s="73"/>
      <c r="F38" s="62">
        <v>40689245.535999998</v>
      </c>
      <c r="G38" s="62">
        <v>29985605.215999998</v>
      </c>
      <c r="H38" s="62">
        <f t="shared" si="0"/>
        <v>10703640.32</v>
      </c>
      <c r="J38" s="62">
        <v>29985605.215999998</v>
      </c>
      <c r="K38" s="62">
        <f t="shared" si="1"/>
        <v>10703640.32</v>
      </c>
      <c r="M38" s="62">
        <v>32068672.625999998</v>
      </c>
      <c r="N38" s="62">
        <f t="shared" si="2"/>
        <v>8620572.9100000001</v>
      </c>
      <c r="P38" s="74">
        <v>38301161.916000001</v>
      </c>
      <c r="Q38" s="61">
        <v>37824414.365999997</v>
      </c>
      <c r="R38" s="61">
        <v>43572564.636</v>
      </c>
      <c r="S38" s="61">
        <v>42768434.865999997</v>
      </c>
      <c r="T38" s="62">
        <v>35846761.816</v>
      </c>
      <c r="U38" s="61">
        <v>30462861.375999998</v>
      </c>
      <c r="V38" s="61">
        <v>26934347.726</v>
      </c>
      <c r="W38" s="61">
        <v>26144234.776000001</v>
      </c>
      <c r="X38" s="61">
        <v>26386031.765999999</v>
      </c>
      <c r="Y38" s="61">
        <v>29155687.015999999</v>
      </c>
      <c r="Z38" s="61">
        <v>22028662.146000002</v>
      </c>
      <c r="AA38" s="61">
        <v>25086744.535999998</v>
      </c>
      <c r="AB38" s="75">
        <v>29985605.215999998</v>
      </c>
      <c r="AC38" s="61">
        <v>40891787.285999998</v>
      </c>
      <c r="AD38" s="61">
        <v>44673853.825999998</v>
      </c>
      <c r="AE38" s="61">
        <v>39714768.895999998</v>
      </c>
      <c r="AF38" s="62">
        <v>32417722.576000001</v>
      </c>
      <c r="AG38" s="61">
        <v>29064408.556000002</v>
      </c>
      <c r="AH38" s="61">
        <v>31115698.186000001</v>
      </c>
      <c r="AI38" s="61">
        <v>34329657.045999996</v>
      </c>
      <c r="AJ38" s="61">
        <v>37581990.855999999</v>
      </c>
      <c r="AK38" s="61">
        <v>36693470.855999999</v>
      </c>
      <c r="AL38" s="61">
        <v>32176027.675999999</v>
      </c>
      <c r="AM38" s="61">
        <v>32068672.625999998</v>
      </c>
      <c r="AN38" s="75">
        <v>40689245.535999998</v>
      </c>
    </row>
    <row r="39" spans="1:41" s="114" customFormat="1" ht="15" hidden="1" customHeight="1" outlineLevel="1">
      <c r="A39" s="113" t="s">
        <v>965</v>
      </c>
      <c r="B39" s="114" t="s">
        <v>2</v>
      </c>
      <c r="C39" s="149" t="s">
        <v>966</v>
      </c>
      <c r="D39" s="147" t="s">
        <v>951</v>
      </c>
      <c r="E39" s="117"/>
      <c r="F39" s="128">
        <v>40689245.535999998</v>
      </c>
      <c r="G39" s="129">
        <v>29985605.215999998</v>
      </c>
      <c r="H39" s="129">
        <f t="shared" si="0"/>
        <v>10703640.32</v>
      </c>
      <c r="I39" s="130"/>
      <c r="J39" s="129">
        <v>29985605.215999998</v>
      </c>
      <c r="K39" s="129">
        <f t="shared" si="1"/>
        <v>10703640.32</v>
      </c>
      <c r="L39" s="129"/>
      <c r="M39" s="129">
        <v>32068672.625999998</v>
      </c>
      <c r="N39" s="129">
        <f t="shared" si="2"/>
        <v>8620572.9100000001</v>
      </c>
      <c r="O39" s="131"/>
      <c r="P39" s="132">
        <v>38301161.916000001</v>
      </c>
      <c r="Q39" s="129">
        <v>37824414.365999997</v>
      </c>
      <c r="R39" s="129">
        <v>43572564.636</v>
      </c>
      <c r="S39" s="129">
        <v>42768434.865999997</v>
      </c>
      <c r="T39" s="129">
        <v>35846761.816</v>
      </c>
      <c r="U39" s="129">
        <v>30462861.375999998</v>
      </c>
      <c r="V39" s="129">
        <v>26934347.726</v>
      </c>
      <c r="W39" s="129">
        <v>26144234.776000001</v>
      </c>
      <c r="X39" s="129">
        <v>26386031.765999999</v>
      </c>
      <c r="Y39" s="129">
        <v>29155687.015999999</v>
      </c>
      <c r="Z39" s="129">
        <v>22028662.146000002</v>
      </c>
      <c r="AA39" s="129">
        <v>25086744.535999998</v>
      </c>
      <c r="AB39" s="133">
        <v>29985605.215999998</v>
      </c>
      <c r="AC39" s="129">
        <v>40891787.285999998</v>
      </c>
      <c r="AD39" s="129">
        <v>44673853.825999998</v>
      </c>
      <c r="AE39" s="129">
        <v>39714768.895999998</v>
      </c>
      <c r="AF39" s="129">
        <v>32417722.576000001</v>
      </c>
      <c r="AG39" s="129">
        <v>29064408.556000002</v>
      </c>
      <c r="AH39" s="129">
        <v>31115698.186000001</v>
      </c>
      <c r="AI39" s="129">
        <v>34329657.045999996</v>
      </c>
      <c r="AJ39" s="129">
        <v>37581990.855999999</v>
      </c>
      <c r="AK39" s="129">
        <v>36693470.855999999</v>
      </c>
      <c r="AL39" s="129">
        <v>32176027.675999999</v>
      </c>
      <c r="AM39" s="129">
        <v>32068672.625999998</v>
      </c>
      <c r="AN39" s="133">
        <v>40689245.535999998</v>
      </c>
      <c r="AO39" s="134"/>
    </row>
    <row r="40" spans="1:41" s="114" customFormat="1" ht="15" hidden="1" customHeight="1" outlineLevel="1">
      <c r="A40" s="113" t="s">
        <v>967</v>
      </c>
      <c r="B40" s="114" t="s">
        <v>2</v>
      </c>
      <c r="C40" s="149" t="s">
        <v>968</v>
      </c>
      <c r="D40" s="147" t="s">
        <v>951</v>
      </c>
      <c r="E40" s="117"/>
      <c r="F40" s="128">
        <v>0</v>
      </c>
      <c r="G40" s="129">
        <v>0</v>
      </c>
      <c r="H40" s="129">
        <f t="shared" si="0"/>
        <v>0</v>
      </c>
      <c r="I40" s="130"/>
      <c r="J40" s="129">
        <v>0</v>
      </c>
      <c r="K40" s="129">
        <f t="shared" si="1"/>
        <v>0</v>
      </c>
      <c r="L40" s="129"/>
      <c r="M40" s="129">
        <v>0</v>
      </c>
      <c r="N40" s="129">
        <f t="shared" si="2"/>
        <v>0</v>
      </c>
      <c r="O40" s="131"/>
      <c r="P40" s="132">
        <v>0</v>
      </c>
      <c r="Q40" s="129">
        <v>0</v>
      </c>
      <c r="R40" s="129">
        <v>0</v>
      </c>
      <c r="S40" s="129">
        <v>0</v>
      </c>
      <c r="T40" s="129">
        <v>0</v>
      </c>
      <c r="U40" s="129">
        <v>0</v>
      </c>
      <c r="V40" s="129">
        <v>0</v>
      </c>
      <c r="W40" s="129">
        <v>0</v>
      </c>
      <c r="X40" s="129">
        <v>0</v>
      </c>
      <c r="Y40" s="129">
        <v>0</v>
      </c>
      <c r="Z40" s="129">
        <v>0</v>
      </c>
      <c r="AA40" s="129">
        <v>0</v>
      </c>
      <c r="AB40" s="133">
        <v>0</v>
      </c>
      <c r="AC40" s="129">
        <v>0</v>
      </c>
      <c r="AD40" s="129">
        <v>0</v>
      </c>
      <c r="AE40" s="129">
        <v>0</v>
      </c>
      <c r="AF40" s="129">
        <v>0</v>
      </c>
      <c r="AG40" s="129">
        <v>0</v>
      </c>
      <c r="AH40" s="129">
        <v>0</v>
      </c>
      <c r="AI40" s="129">
        <v>0</v>
      </c>
      <c r="AJ40" s="129">
        <v>0</v>
      </c>
      <c r="AK40" s="129">
        <v>0</v>
      </c>
      <c r="AL40" s="129">
        <v>0</v>
      </c>
      <c r="AM40" s="129">
        <v>0</v>
      </c>
      <c r="AN40" s="133">
        <v>0</v>
      </c>
      <c r="AO40" s="134"/>
    </row>
    <row r="41" spans="1:41" s="62" customFormat="1" hidden="1" outlineLevel="2">
      <c r="A41" s="61" t="s">
        <v>523</v>
      </c>
      <c r="B41" s="61" t="s">
        <v>524</v>
      </c>
      <c r="C41" s="71" t="s">
        <v>525</v>
      </c>
      <c r="D41" s="72" t="s">
        <v>951</v>
      </c>
      <c r="E41" s="73"/>
      <c r="F41" s="62">
        <v>0</v>
      </c>
      <c r="G41" s="62">
        <v>0</v>
      </c>
      <c r="H41" s="62">
        <f t="shared" si="0"/>
        <v>0</v>
      </c>
      <c r="J41" s="62">
        <v>0</v>
      </c>
      <c r="K41" s="62">
        <f t="shared" si="1"/>
        <v>0</v>
      </c>
      <c r="M41" s="62">
        <v>-1760.38</v>
      </c>
      <c r="N41" s="62">
        <f t="shared" si="2"/>
        <v>1760.38</v>
      </c>
      <c r="P41" s="74">
        <v>0</v>
      </c>
      <c r="Q41" s="61">
        <v>0</v>
      </c>
      <c r="R41" s="61">
        <v>-9124.75</v>
      </c>
      <c r="S41" s="61">
        <v>0</v>
      </c>
      <c r="T41" s="62">
        <v>-25041.46</v>
      </c>
      <c r="U41" s="61">
        <v>-71911.75</v>
      </c>
      <c r="V41" s="61">
        <v>0</v>
      </c>
      <c r="W41" s="61">
        <v>-23010.639999999999</v>
      </c>
      <c r="X41" s="61">
        <v>-3041.75</v>
      </c>
      <c r="Y41" s="61">
        <v>0</v>
      </c>
      <c r="Z41" s="61">
        <v>-7917.56</v>
      </c>
      <c r="AA41" s="61">
        <v>-600</v>
      </c>
      <c r="AB41" s="75">
        <v>0</v>
      </c>
      <c r="AC41" s="61">
        <v>-64931.23</v>
      </c>
      <c r="AD41" s="61">
        <v>-1971</v>
      </c>
      <c r="AE41" s="61">
        <v>0</v>
      </c>
      <c r="AF41" s="62">
        <v>-97816.12</v>
      </c>
      <c r="AG41" s="61">
        <v>-72511.75</v>
      </c>
      <c r="AH41" s="61">
        <v>0</v>
      </c>
      <c r="AI41" s="61">
        <v>0</v>
      </c>
      <c r="AJ41" s="61">
        <v>0</v>
      </c>
      <c r="AK41" s="61">
        <v>0</v>
      </c>
      <c r="AL41" s="61">
        <v>0</v>
      </c>
      <c r="AM41" s="61">
        <v>-1760.38</v>
      </c>
      <c r="AN41" s="75">
        <v>0</v>
      </c>
    </row>
    <row r="42" spans="1:41" s="114" customFormat="1" ht="15" hidden="1" customHeight="1" outlineLevel="1">
      <c r="A42" s="113" t="s">
        <v>969</v>
      </c>
      <c r="B42" s="114" t="s">
        <v>2</v>
      </c>
      <c r="C42" s="149" t="s">
        <v>970</v>
      </c>
      <c r="D42" s="147" t="s">
        <v>951</v>
      </c>
      <c r="E42" s="117"/>
      <c r="F42" s="128">
        <v>0</v>
      </c>
      <c r="G42" s="129">
        <v>0</v>
      </c>
      <c r="H42" s="129">
        <f t="shared" si="0"/>
        <v>0</v>
      </c>
      <c r="I42" s="130"/>
      <c r="J42" s="129">
        <v>0</v>
      </c>
      <c r="K42" s="129">
        <f t="shared" si="1"/>
        <v>0</v>
      </c>
      <c r="L42" s="129"/>
      <c r="M42" s="129">
        <v>-1760.38</v>
      </c>
      <c r="N42" s="129">
        <f t="shared" si="2"/>
        <v>1760.38</v>
      </c>
      <c r="O42" s="131"/>
      <c r="P42" s="132">
        <v>0</v>
      </c>
      <c r="Q42" s="129">
        <v>0</v>
      </c>
      <c r="R42" s="129">
        <v>-9124.75</v>
      </c>
      <c r="S42" s="129">
        <v>0</v>
      </c>
      <c r="T42" s="129">
        <v>-25041.46</v>
      </c>
      <c r="U42" s="129">
        <v>-71911.75</v>
      </c>
      <c r="V42" s="129">
        <v>0</v>
      </c>
      <c r="W42" s="129">
        <v>-23010.639999999999</v>
      </c>
      <c r="X42" s="129">
        <v>-3041.75</v>
      </c>
      <c r="Y42" s="129">
        <v>0</v>
      </c>
      <c r="Z42" s="129">
        <v>-7917.56</v>
      </c>
      <c r="AA42" s="129">
        <v>-600</v>
      </c>
      <c r="AB42" s="133">
        <v>0</v>
      </c>
      <c r="AC42" s="129">
        <v>-64931.23</v>
      </c>
      <c r="AD42" s="129">
        <v>-1971</v>
      </c>
      <c r="AE42" s="129">
        <v>0</v>
      </c>
      <c r="AF42" s="129">
        <v>-97816.12</v>
      </c>
      <c r="AG42" s="129">
        <v>-72511.75</v>
      </c>
      <c r="AH42" s="129">
        <v>0</v>
      </c>
      <c r="AI42" s="129">
        <v>0</v>
      </c>
      <c r="AJ42" s="129">
        <v>0</v>
      </c>
      <c r="AK42" s="129">
        <v>0</v>
      </c>
      <c r="AL42" s="129">
        <v>0</v>
      </c>
      <c r="AM42" s="129">
        <v>-1760.38</v>
      </c>
      <c r="AN42" s="133">
        <v>0</v>
      </c>
      <c r="AO42" s="134"/>
    </row>
    <row r="43" spans="1:41" s="114" customFormat="1" ht="15" hidden="1" customHeight="1" outlineLevel="1">
      <c r="A43" s="113" t="s">
        <v>971</v>
      </c>
      <c r="B43" s="114" t="s">
        <v>2</v>
      </c>
      <c r="C43" s="149" t="s">
        <v>972</v>
      </c>
      <c r="D43" s="147" t="s">
        <v>951</v>
      </c>
      <c r="E43" s="117"/>
      <c r="F43" s="128">
        <v>0</v>
      </c>
      <c r="G43" s="129">
        <v>0</v>
      </c>
      <c r="H43" s="129">
        <f t="shared" si="0"/>
        <v>0</v>
      </c>
      <c r="I43" s="130"/>
      <c r="J43" s="129">
        <v>0</v>
      </c>
      <c r="K43" s="129">
        <f t="shared" si="1"/>
        <v>0</v>
      </c>
      <c r="L43" s="129"/>
      <c r="M43" s="129">
        <v>0</v>
      </c>
      <c r="N43" s="129">
        <f t="shared" si="2"/>
        <v>0</v>
      </c>
      <c r="O43" s="131"/>
      <c r="P43" s="132">
        <v>0</v>
      </c>
      <c r="Q43" s="129">
        <v>0</v>
      </c>
      <c r="R43" s="129">
        <v>0</v>
      </c>
      <c r="S43" s="129">
        <v>0</v>
      </c>
      <c r="T43" s="129">
        <v>0</v>
      </c>
      <c r="U43" s="129">
        <v>0</v>
      </c>
      <c r="V43" s="129">
        <v>0</v>
      </c>
      <c r="W43" s="129">
        <v>0</v>
      </c>
      <c r="X43" s="129">
        <v>0</v>
      </c>
      <c r="Y43" s="129">
        <v>0</v>
      </c>
      <c r="Z43" s="129">
        <v>0</v>
      </c>
      <c r="AA43" s="129">
        <v>0</v>
      </c>
      <c r="AB43" s="133">
        <v>0</v>
      </c>
      <c r="AC43" s="129">
        <v>0</v>
      </c>
      <c r="AD43" s="129">
        <v>0</v>
      </c>
      <c r="AE43" s="129">
        <v>0</v>
      </c>
      <c r="AF43" s="129">
        <v>0</v>
      </c>
      <c r="AG43" s="129">
        <v>0</v>
      </c>
      <c r="AH43" s="129">
        <v>0</v>
      </c>
      <c r="AI43" s="129">
        <v>0</v>
      </c>
      <c r="AJ43" s="129">
        <v>0</v>
      </c>
      <c r="AK43" s="129">
        <v>0</v>
      </c>
      <c r="AL43" s="129">
        <v>0</v>
      </c>
      <c r="AM43" s="129">
        <v>0</v>
      </c>
      <c r="AN43" s="133">
        <v>0</v>
      </c>
      <c r="AO43" s="134"/>
    </row>
    <row r="44" spans="1:41" s="114" customFormat="1" ht="15" hidden="1" customHeight="1" outlineLevel="1">
      <c r="A44" s="113" t="s">
        <v>973</v>
      </c>
      <c r="B44" s="114" t="s">
        <v>2</v>
      </c>
      <c r="C44" s="149" t="s">
        <v>974</v>
      </c>
      <c r="D44" s="147" t="s">
        <v>951</v>
      </c>
      <c r="E44" s="117"/>
      <c r="F44" s="128">
        <v>0</v>
      </c>
      <c r="G44" s="129">
        <v>0</v>
      </c>
      <c r="H44" s="129">
        <f t="shared" si="0"/>
        <v>0</v>
      </c>
      <c r="I44" s="130"/>
      <c r="J44" s="129">
        <v>0</v>
      </c>
      <c r="K44" s="129">
        <f t="shared" si="1"/>
        <v>0</v>
      </c>
      <c r="L44" s="129"/>
      <c r="M44" s="129">
        <v>0</v>
      </c>
      <c r="N44" s="129">
        <f t="shared" si="2"/>
        <v>0</v>
      </c>
      <c r="O44" s="131"/>
      <c r="P44" s="132">
        <v>0</v>
      </c>
      <c r="Q44" s="129">
        <v>0</v>
      </c>
      <c r="R44" s="129">
        <v>0</v>
      </c>
      <c r="S44" s="129">
        <v>0</v>
      </c>
      <c r="T44" s="129">
        <v>0</v>
      </c>
      <c r="U44" s="129">
        <v>0</v>
      </c>
      <c r="V44" s="129">
        <v>0</v>
      </c>
      <c r="W44" s="129">
        <v>0</v>
      </c>
      <c r="X44" s="129">
        <v>0</v>
      </c>
      <c r="Y44" s="129">
        <v>0</v>
      </c>
      <c r="Z44" s="129">
        <v>0</v>
      </c>
      <c r="AA44" s="129">
        <v>0</v>
      </c>
      <c r="AB44" s="133">
        <v>0</v>
      </c>
      <c r="AC44" s="129">
        <v>0</v>
      </c>
      <c r="AD44" s="129">
        <v>0</v>
      </c>
      <c r="AE44" s="129">
        <v>0</v>
      </c>
      <c r="AF44" s="129">
        <v>0</v>
      </c>
      <c r="AG44" s="129">
        <v>0</v>
      </c>
      <c r="AH44" s="129">
        <v>0</v>
      </c>
      <c r="AI44" s="129">
        <v>0</v>
      </c>
      <c r="AJ44" s="129">
        <v>0</v>
      </c>
      <c r="AK44" s="129">
        <v>0</v>
      </c>
      <c r="AL44" s="129">
        <v>0</v>
      </c>
      <c r="AM44" s="129">
        <v>0</v>
      </c>
      <c r="AN44" s="133">
        <v>0</v>
      </c>
      <c r="AO44" s="134"/>
    </row>
    <row r="45" spans="1:41" s="114" customFormat="1" ht="15" customHeight="1" collapsed="1">
      <c r="A45" s="113"/>
      <c r="B45" s="114" t="s">
        <v>2</v>
      </c>
      <c r="C45" s="126" t="s">
        <v>975</v>
      </c>
      <c r="D45" s="146"/>
      <c r="E45" s="117"/>
      <c r="F45" s="128">
        <f>+F44+F43+F42+F40+F39+F37+F36+F35+F33+F25+F24+F23</f>
        <v>12319889.396</v>
      </c>
      <c r="G45" s="129">
        <f>+G44+G43+G42+G40+G39+G37+G36+G35+G33+G25+G24+G23</f>
        <v>10340939.695999997</v>
      </c>
      <c r="H45" s="129">
        <f t="shared" si="0"/>
        <v>1978949.700000003</v>
      </c>
      <c r="I45" s="130"/>
      <c r="J45" s="129">
        <f>+J44+J43+J42+J40+J39+J37+J36+J35+J33+J25+J24+J23</f>
        <v>10340939.695999997</v>
      </c>
      <c r="K45" s="129">
        <f t="shared" si="1"/>
        <v>1978949.700000003</v>
      </c>
      <c r="L45" s="129"/>
      <c r="M45" s="129">
        <f>+M44+M43+M42+M40+M39+M37+M36+M35+M33+M25+M24+M23</f>
        <v>10272809.366</v>
      </c>
      <c r="N45" s="129">
        <f t="shared" si="2"/>
        <v>2047080.0299999993</v>
      </c>
      <c r="O45" s="131"/>
      <c r="P45" s="132">
        <f t="shared" ref="P45:AN45" si="6">+P44+P43+P42+P40+P39+P37+P36+P35+P33+P25+P24+P23</f>
        <v>12539560.755999999</v>
      </c>
      <c r="Q45" s="129">
        <f t="shared" si="6"/>
        <v>11540940.145999996</v>
      </c>
      <c r="R45" s="129">
        <f t="shared" si="6"/>
        <v>13678356.326000001</v>
      </c>
      <c r="S45" s="129">
        <f t="shared" si="6"/>
        <v>12184002.485999994</v>
      </c>
      <c r="T45" s="129">
        <f t="shared" si="6"/>
        <v>12368921.015999997</v>
      </c>
      <c r="U45" s="129">
        <f t="shared" si="6"/>
        <v>14248428.616</v>
      </c>
      <c r="V45" s="129">
        <f t="shared" si="6"/>
        <v>9554153.9360000007</v>
      </c>
      <c r="W45" s="129">
        <f t="shared" si="6"/>
        <v>10163073.366</v>
      </c>
      <c r="X45" s="129">
        <f t="shared" si="6"/>
        <v>9047905.1259999983</v>
      </c>
      <c r="Y45" s="129">
        <f t="shared" si="6"/>
        <v>9743816.4159999993</v>
      </c>
      <c r="Z45" s="129">
        <f t="shared" si="6"/>
        <v>8967850.5560000017</v>
      </c>
      <c r="AA45" s="129">
        <f t="shared" si="6"/>
        <v>12809813.515999999</v>
      </c>
      <c r="AB45" s="133">
        <f t="shared" si="6"/>
        <v>10340939.695999997</v>
      </c>
      <c r="AC45" s="129">
        <f t="shared" si="6"/>
        <v>15176893.886</v>
      </c>
      <c r="AD45" s="129">
        <f t="shared" si="6"/>
        <v>13899066.955999997</v>
      </c>
      <c r="AE45" s="129">
        <f t="shared" si="6"/>
        <v>12140692.775999997</v>
      </c>
      <c r="AF45" s="129">
        <f t="shared" si="6"/>
        <v>12079676.956</v>
      </c>
      <c r="AG45" s="129">
        <f t="shared" si="6"/>
        <v>12083539.956</v>
      </c>
      <c r="AH45" s="129">
        <f t="shared" si="6"/>
        <v>10798666.006000003</v>
      </c>
      <c r="AI45" s="129">
        <f t="shared" si="6"/>
        <v>12505876.275999995</v>
      </c>
      <c r="AJ45" s="129">
        <f t="shared" si="6"/>
        <v>5979478.1859999988</v>
      </c>
      <c r="AK45" s="129">
        <f t="shared" si="6"/>
        <v>5930876.1759999953</v>
      </c>
      <c r="AL45" s="129">
        <f t="shared" si="6"/>
        <v>7413585.4759999979</v>
      </c>
      <c r="AM45" s="129">
        <f t="shared" si="6"/>
        <v>10272809.366</v>
      </c>
      <c r="AN45" s="133">
        <f t="shared" si="6"/>
        <v>12319889.396</v>
      </c>
      <c r="AO45" s="134"/>
    </row>
    <row r="46" spans="1:41" s="114" customFormat="1" ht="3.75" hidden="1" customHeight="1" outlineLevel="1">
      <c r="A46" s="113"/>
      <c r="C46" s="126"/>
      <c r="D46" s="146"/>
      <c r="E46" s="117"/>
      <c r="F46" s="128"/>
      <c r="G46" s="129"/>
      <c r="H46" s="129">
        <f t="shared" si="0"/>
        <v>0</v>
      </c>
      <c r="I46" s="130"/>
      <c r="J46" s="129"/>
      <c r="K46" s="129">
        <f t="shared" si="1"/>
        <v>0</v>
      </c>
      <c r="L46" s="129"/>
      <c r="M46" s="129"/>
      <c r="N46" s="129">
        <f t="shared" si="2"/>
        <v>0</v>
      </c>
      <c r="O46" s="131"/>
      <c r="P46" s="132"/>
      <c r="Q46" s="129"/>
      <c r="R46" s="129"/>
      <c r="S46" s="129"/>
      <c r="T46" s="129"/>
      <c r="U46" s="129"/>
      <c r="V46" s="129"/>
      <c r="W46" s="129"/>
      <c r="X46" s="129"/>
      <c r="Y46" s="129"/>
      <c r="Z46" s="129"/>
      <c r="AA46" s="129"/>
      <c r="AB46" s="133"/>
      <c r="AC46" s="129"/>
      <c r="AD46" s="129"/>
      <c r="AE46" s="129"/>
      <c r="AF46" s="129"/>
      <c r="AG46" s="129"/>
      <c r="AH46" s="129"/>
      <c r="AI46" s="129"/>
      <c r="AJ46" s="129"/>
      <c r="AK46" s="129"/>
      <c r="AL46" s="129"/>
      <c r="AM46" s="129"/>
      <c r="AN46" s="133"/>
      <c r="AO46" s="134"/>
    </row>
    <row r="47" spans="1:41" s="62" customFormat="1" hidden="1" outlineLevel="2">
      <c r="A47" s="61" t="s">
        <v>105</v>
      </c>
      <c r="B47" s="61" t="s">
        <v>106</v>
      </c>
      <c r="C47" s="71" t="s">
        <v>107</v>
      </c>
      <c r="D47" s="72" t="s">
        <v>976</v>
      </c>
      <c r="E47" s="73"/>
      <c r="F47" s="62">
        <v>20273491.82</v>
      </c>
      <c r="G47" s="62">
        <v>13152123.970000001</v>
      </c>
      <c r="H47" s="62">
        <f t="shared" si="0"/>
        <v>7121367.8499999996</v>
      </c>
      <c r="J47" s="62">
        <v>13152123.970000001</v>
      </c>
      <c r="K47" s="62">
        <f t="shared" si="1"/>
        <v>7121367.8499999996</v>
      </c>
      <c r="M47" s="62">
        <v>19760667.5</v>
      </c>
      <c r="N47" s="62">
        <f t="shared" si="2"/>
        <v>512824.3200000003</v>
      </c>
      <c r="P47" s="74">
        <v>17271624.469999999</v>
      </c>
      <c r="Q47" s="61">
        <v>13964814.51</v>
      </c>
      <c r="R47" s="61">
        <v>17316457.91</v>
      </c>
      <c r="S47" s="61">
        <v>9694744</v>
      </c>
      <c r="T47" s="62">
        <v>6090267.0599999996</v>
      </c>
      <c r="U47" s="61">
        <v>11264969.16</v>
      </c>
      <c r="V47" s="61">
        <v>10865139.369999999</v>
      </c>
      <c r="W47" s="61">
        <v>14037358.449999999</v>
      </c>
      <c r="X47" s="61">
        <v>13726165.67</v>
      </c>
      <c r="Y47" s="61">
        <v>11685470.029999999</v>
      </c>
      <c r="Z47" s="61">
        <v>12164318.48</v>
      </c>
      <c r="AA47" s="61">
        <v>15766241.52</v>
      </c>
      <c r="AB47" s="75">
        <v>13152123.970000001</v>
      </c>
      <c r="AC47" s="61">
        <v>23087831.920000002</v>
      </c>
      <c r="AD47" s="61">
        <v>16508373.27</v>
      </c>
      <c r="AE47" s="61">
        <v>9810762</v>
      </c>
      <c r="AF47" s="62">
        <v>10501199.75</v>
      </c>
      <c r="AG47" s="61">
        <v>14376774.17</v>
      </c>
      <c r="AH47" s="61">
        <v>14936591.039999999</v>
      </c>
      <c r="AI47" s="61">
        <v>17090731.32</v>
      </c>
      <c r="AJ47" s="61">
        <v>19690374.510000002</v>
      </c>
      <c r="AK47" s="61">
        <v>11698120.02</v>
      </c>
      <c r="AL47" s="61">
        <v>12004250.4</v>
      </c>
      <c r="AM47" s="61">
        <v>19760667.5</v>
      </c>
      <c r="AN47" s="75">
        <v>20273491.82</v>
      </c>
    </row>
    <row r="48" spans="1:41" s="114" customFormat="1" ht="15" hidden="1" customHeight="1" outlineLevel="1">
      <c r="A48" s="113" t="s">
        <v>977</v>
      </c>
      <c r="B48" s="114" t="s">
        <v>2</v>
      </c>
      <c r="C48" s="149" t="s">
        <v>978</v>
      </c>
      <c r="D48" s="147" t="s">
        <v>976</v>
      </c>
      <c r="E48" s="117"/>
      <c r="F48" s="128">
        <v>20273491.82</v>
      </c>
      <c r="G48" s="129">
        <v>13152123.970000001</v>
      </c>
      <c r="H48" s="129">
        <f t="shared" si="0"/>
        <v>7121367.8499999996</v>
      </c>
      <c r="I48" s="130"/>
      <c r="J48" s="129">
        <v>13152123.970000001</v>
      </c>
      <c r="K48" s="129">
        <f t="shared" si="1"/>
        <v>7121367.8499999996</v>
      </c>
      <c r="L48" s="129"/>
      <c r="M48" s="129">
        <v>19760667.5</v>
      </c>
      <c r="N48" s="129">
        <f t="shared" si="2"/>
        <v>512824.3200000003</v>
      </c>
      <c r="O48" s="131"/>
      <c r="P48" s="132">
        <v>17271624.469999999</v>
      </c>
      <c r="Q48" s="129">
        <v>13964814.51</v>
      </c>
      <c r="R48" s="129">
        <v>17316457.91</v>
      </c>
      <c r="S48" s="129">
        <v>9694744</v>
      </c>
      <c r="T48" s="129">
        <v>6090267.0599999996</v>
      </c>
      <c r="U48" s="129">
        <v>11264969.16</v>
      </c>
      <c r="V48" s="129">
        <v>10865139.369999999</v>
      </c>
      <c r="W48" s="129">
        <v>14037358.449999999</v>
      </c>
      <c r="X48" s="129">
        <v>13726165.67</v>
      </c>
      <c r="Y48" s="129">
        <v>11685470.029999999</v>
      </c>
      <c r="Z48" s="129">
        <v>12164318.48</v>
      </c>
      <c r="AA48" s="129">
        <v>15766241.52</v>
      </c>
      <c r="AB48" s="133">
        <v>13152123.970000001</v>
      </c>
      <c r="AC48" s="129">
        <v>23087831.920000002</v>
      </c>
      <c r="AD48" s="129">
        <v>16508373.27</v>
      </c>
      <c r="AE48" s="129">
        <v>9810762</v>
      </c>
      <c r="AF48" s="129">
        <v>10501199.75</v>
      </c>
      <c r="AG48" s="129">
        <v>14376774.17</v>
      </c>
      <c r="AH48" s="129">
        <v>14936591.039999999</v>
      </c>
      <c r="AI48" s="129">
        <v>17090731.32</v>
      </c>
      <c r="AJ48" s="129">
        <v>19690374.510000002</v>
      </c>
      <c r="AK48" s="129">
        <v>11698120.02</v>
      </c>
      <c r="AL48" s="129">
        <v>12004250.4</v>
      </c>
      <c r="AM48" s="129">
        <v>19760667.5</v>
      </c>
      <c r="AN48" s="133">
        <v>20273491.82</v>
      </c>
      <c r="AO48" s="134"/>
    </row>
    <row r="49" spans="1:41" s="62" customFormat="1" hidden="1" outlineLevel="2">
      <c r="A49" s="61" t="s">
        <v>547</v>
      </c>
      <c r="B49" s="61" t="s">
        <v>548</v>
      </c>
      <c r="C49" s="71" t="s">
        <v>549</v>
      </c>
      <c r="D49" s="72" t="s">
        <v>976</v>
      </c>
      <c r="E49" s="73"/>
      <c r="F49" s="62">
        <v>-15731409.85</v>
      </c>
      <c r="G49" s="62">
        <v>-13610566.9</v>
      </c>
      <c r="H49" s="62">
        <f t="shared" si="0"/>
        <v>-2120842.9499999993</v>
      </c>
      <c r="J49" s="62">
        <v>-13610566.9</v>
      </c>
      <c r="K49" s="62">
        <f t="shared" si="1"/>
        <v>-2120842.9499999993</v>
      </c>
      <c r="M49" s="62">
        <v>-12506782.73</v>
      </c>
      <c r="N49" s="62">
        <f t="shared" si="2"/>
        <v>-3224627.1199999992</v>
      </c>
      <c r="P49" s="74">
        <v>-15615560.42</v>
      </c>
      <c r="Q49" s="61">
        <v>-13679956.82</v>
      </c>
      <c r="R49" s="61">
        <v>-11809393.220000001</v>
      </c>
      <c r="S49" s="61">
        <v>-10046449.300000001</v>
      </c>
      <c r="T49" s="62">
        <v>-11215281.16</v>
      </c>
      <c r="U49" s="61">
        <v>-9291411.4600000009</v>
      </c>
      <c r="V49" s="61">
        <v>-8268348.5099999998</v>
      </c>
      <c r="W49" s="61">
        <v>-13565274.880000001</v>
      </c>
      <c r="X49" s="61">
        <v>-11233419.130000001</v>
      </c>
      <c r="Y49" s="61">
        <v>-10929673.029999999</v>
      </c>
      <c r="Z49" s="61">
        <v>-15266686.26</v>
      </c>
      <c r="AA49" s="61">
        <v>-15239394.09</v>
      </c>
      <c r="AB49" s="75">
        <v>-13610566.9</v>
      </c>
      <c r="AC49" s="61">
        <v>-14046098.6</v>
      </c>
      <c r="AD49" s="61">
        <v>-11763078.41</v>
      </c>
      <c r="AE49" s="61">
        <v>-9977342.8499999996</v>
      </c>
      <c r="AF49" s="62">
        <v>-11120458.74</v>
      </c>
      <c r="AG49" s="61">
        <v>-10857159.48</v>
      </c>
      <c r="AH49" s="61">
        <v>-12858412.18</v>
      </c>
      <c r="AI49" s="61">
        <v>-11289535.18</v>
      </c>
      <c r="AJ49" s="61">
        <v>-9519474.0899999999</v>
      </c>
      <c r="AK49" s="61">
        <v>-11051610.779999999</v>
      </c>
      <c r="AL49" s="61">
        <v>-10958844.960000001</v>
      </c>
      <c r="AM49" s="61">
        <v>-12506782.73</v>
      </c>
      <c r="AN49" s="75">
        <v>-15731409.85</v>
      </c>
    </row>
    <row r="50" spans="1:41" s="114" customFormat="1" ht="15" hidden="1" customHeight="1" outlineLevel="1">
      <c r="A50" s="113" t="s">
        <v>979</v>
      </c>
      <c r="B50" s="114" t="s">
        <v>2</v>
      </c>
      <c r="C50" s="149" t="s">
        <v>980</v>
      </c>
      <c r="D50" s="147" t="s">
        <v>976</v>
      </c>
      <c r="E50" s="117"/>
      <c r="F50" s="128">
        <v>-15731409.85</v>
      </c>
      <c r="G50" s="129">
        <v>-13610566.9</v>
      </c>
      <c r="H50" s="129">
        <f t="shared" si="0"/>
        <v>-2120842.9499999993</v>
      </c>
      <c r="I50" s="130"/>
      <c r="J50" s="129">
        <v>-13610566.9</v>
      </c>
      <c r="K50" s="129">
        <f t="shared" si="1"/>
        <v>-2120842.9499999993</v>
      </c>
      <c r="L50" s="129"/>
      <c r="M50" s="129">
        <v>-12506782.73</v>
      </c>
      <c r="N50" s="129">
        <f t="shared" si="2"/>
        <v>-3224627.1199999992</v>
      </c>
      <c r="O50" s="131"/>
      <c r="P50" s="132">
        <v>-15615560.42</v>
      </c>
      <c r="Q50" s="129">
        <v>-13679956.82</v>
      </c>
      <c r="R50" s="129">
        <v>-11809393.220000001</v>
      </c>
      <c r="S50" s="129">
        <v>-10046449.300000001</v>
      </c>
      <c r="T50" s="129">
        <v>-11215281.16</v>
      </c>
      <c r="U50" s="129">
        <v>-9291411.4600000009</v>
      </c>
      <c r="V50" s="129">
        <v>-8268348.5099999998</v>
      </c>
      <c r="W50" s="129">
        <v>-13565274.880000001</v>
      </c>
      <c r="X50" s="129">
        <v>-11233419.130000001</v>
      </c>
      <c r="Y50" s="129">
        <v>-10929673.029999999</v>
      </c>
      <c r="Z50" s="129">
        <v>-15266686.26</v>
      </c>
      <c r="AA50" s="129">
        <v>-15239394.09</v>
      </c>
      <c r="AB50" s="133">
        <v>-13610566.9</v>
      </c>
      <c r="AC50" s="129">
        <v>-14046098.6</v>
      </c>
      <c r="AD50" s="129">
        <v>-11763078.41</v>
      </c>
      <c r="AE50" s="129">
        <v>-9977342.8499999996</v>
      </c>
      <c r="AF50" s="129">
        <v>-11120458.74</v>
      </c>
      <c r="AG50" s="129">
        <v>-10857159.48</v>
      </c>
      <c r="AH50" s="129">
        <v>-12858412.18</v>
      </c>
      <c r="AI50" s="129">
        <v>-11289535.18</v>
      </c>
      <c r="AJ50" s="129">
        <v>-9519474.0899999999</v>
      </c>
      <c r="AK50" s="129">
        <v>-11051610.779999999</v>
      </c>
      <c r="AL50" s="129">
        <v>-10958844.960000001</v>
      </c>
      <c r="AM50" s="129">
        <v>-12506782.73</v>
      </c>
      <c r="AN50" s="133">
        <v>-15731409.85</v>
      </c>
      <c r="AO50" s="134"/>
    </row>
    <row r="51" spans="1:41" s="114" customFormat="1" ht="15" hidden="1" customHeight="1" outlineLevel="1">
      <c r="A51" s="113" t="s">
        <v>981</v>
      </c>
      <c r="B51" s="114" t="s">
        <v>2</v>
      </c>
      <c r="C51" s="149" t="s">
        <v>982</v>
      </c>
      <c r="D51" s="147" t="s">
        <v>976</v>
      </c>
      <c r="E51" s="117"/>
      <c r="F51" s="128">
        <v>0</v>
      </c>
      <c r="G51" s="129">
        <v>0</v>
      </c>
      <c r="H51" s="129">
        <f t="shared" si="0"/>
        <v>0</v>
      </c>
      <c r="I51" s="130"/>
      <c r="J51" s="129">
        <v>0</v>
      </c>
      <c r="K51" s="129">
        <f t="shared" si="1"/>
        <v>0</v>
      </c>
      <c r="L51" s="129"/>
      <c r="M51" s="129">
        <v>0</v>
      </c>
      <c r="N51" s="129">
        <f t="shared" si="2"/>
        <v>0</v>
      </c>
      <c r="O51" s="131"/>
      <c r="P51" s="132">
        <v>0</v>
      </c>
      <c r="Q51" s="129">
        <v>0</v>
      </c>
      <c r="R51" s="129">
        <v>0</v>
      </c>
      <c r="S51" s="129">
        <v>0</v>
      </c>
      <c r="T51" s="129">
        <v>0</v>
      </c>
      <c r="U51" s="129">
        <v>0</v>
      </c>
      <c r="V51" s="129">
        <v>0</v>
      </c>
      <c r="W51" s="129">
        <v>0</v>
      </c>
      <c r="X51" s="129">
        <v>0</v>
      </c>
      <c r="Y51" s="129">
        <v>0</v>
      </c>
      <c r="Z51" s="129">
        <v>0</v>
      </c>
      <c r="AA51" s="129">
        <v>0</v>
      </c>
      <c r="AB51" s="133">
        <v>0</v>
      </c>
      <c r="AC51" s="129">
        <v>0</v>
      </c>
      <c r="AD51" s="129">
        <v>0</v>
      </c>
      <c r="AE51" s="129">
        <v>0</v>
      </c>
      <c r="AF51" s="129">
        <v>0</v>
      </c>
      <c r="AG51" s="129">
        <v>0</v>
      </c>
      <c r="AH51" s="129">
        <v>0</v>
      </c>
      <c r="AI51" s="129">
        <v>0</v>
      </c>
      <c r="AJ51" s="129">
        <v>0</v>
      </c>
      <c r="AK51" s="129">
        <v>0</v>
      </c>
      <c r="AL51" s="129">
        <v>0</v>
      </c>
      <c r="AM51" s="129">
        <v>0</v>
      </c>
      <c r="AN51" s="133">
        <v>0</v>
      </c>
      <c r="AO51" s="134"/>
    </row>
    <row r="52" spans="1:41" s="114" customFormat="1" ht="15" hidden="1" customHeight="1" outlineLevel="1">
      <c r="A52" s="113" t="s">
        <v>983</v>
      </c>
      <c r="B52" s="114" t="s">
        <v>2</v>
      </c>
      <c r="C52" s="149" t="s">
        <v>984</v>
      </c>
      <c r="D52" s="147" t="s">
        <v>976</v>
      </c>
      <c r="E52" s="117"/>
      <c r="F52" s="128">
        <v>0</v>
      </c>
      <c r="G52" s="129">
        <v>0</v>
      </c>
      <c r="H52" s="129">
        <f t="shared" si="0"/>
        <v>0</v>
      </c>
      <c r="I52" s="130"/>
      <c r="J52" s="129">
        <v>0</v>
      </c>
      <c r="K52" s="129">
        <f t="shared" si="1"/>
        <v>0</v>
      </c>
      <c r="L52" s="129"/>
      <c r="M52" s="129">
        <v>0</v>
      </c>
      <c r="N52" s="129">
        <f t="shared" si="2"/>
        <v>0</v>
      </c>
      <c r="O52" s="131"/>
      <c r="P52" s="132">
        <v>0</v>
      </c>
      <c r="Q52" s="129">
        <v>0</v>
      </c>
      <c r="R52" s="129">
        <v>0</v>
      </c>
      <c r="S52" s="129">
        <v>0</v>
      </c>
      <c r="T52" s="129">
        <v>0</v>
      </c>
      <c r="U52" s="129">
        <v>0</v>
      </c>
      <c r="V52" s="129">
        <v>0</v>
      </c>
      <c r="W52" s="129">
        <v>0</v>
      </c>
      <c r="X52" s="129">
        <v>0</v>
      </c>
      <c r="Y52" s="129">
        <v>0</v>
      </c>
      <c r="Z52" s="129">
        <v>0</v>
      </c>
      <c r="AA52" s="129">
        <v>0</v>
      </c>
      <c r="AB52" s="133">
        <v>0</v>
      </c>
      <c r="AC52" s="129">
        <v>0</v>
      </c>
      <c r="AD52" s="129">
        <v>0</v>
      </c>
      <c r="AE52" s="129">
        <v>0</v>
      </c>
      <c r="AF52" s="129">
        <v>0</v>
      </c>
      <c r="AG52" s="129">
        <v>0</v>
      </c>
      <c r="AH52" s="129">
        <v>0</v>
      </c>
      <c r="AI52" s="129">
        <v>0</v>
      </c>
      <c r="AJ52" s="129">
        <v>0</v>
      </c>
      <c r="AK52" s="129">
        <v>0</v>
      </c>
      <c r="AL52" s="129">
        <v>0</v>
      </c>
      <c r="AM52" s="129">
        <v>0</v>
      </c>
      <c r="AN52" s="133">
        <v>0</v>
      </c>
      <c r="AO52" s="134"/>
    </row>
    <row r="53" spans="1:41" s="114" customFormat="1" ht="15" customHeight="1" collapsed="1">
      <c r="A53" s="113"/>
      <c r="B53" s="114" t="s">
        <v>2</v>
      </c>
      <c r="C53" s="126" t="s">
        <v>985</v>
      </c>
      <c r="D53" s="146"/>
      <c r="E53" s="117"/>
      <c r="F53" s="128">
        <f>+F52+F51+F50+F48</f>
        <v>4542081.9700000007</v>
      </c>
      <c r="G53" s="129">
        <f>+G52+G51+G50+G48</f>
        <v>-458442.9299999997</v>
      </c>
      <c r="H53" s="129">
        <f t="shared" si="0"/>
        <v>5000524.9000000004</v>
      </c>
      <c r="I53" s="130"/>
      <c r="J53" s="129">
        <f>+J52+J51+J50+J48</f>
        <v>-458442.9299999997</v>
      </c>
      <c r="K53" s="129">
        <f t="shared" si="1"/>
        <v>5000524.9000000004</v>
      </c>
      <c r="L53" s="129"/>
      <c r="M53" s="129">
        <f>+M52+M51+M50+M48</f>
        <v>7253884.7699999996</v>
      </c>
      <c r="N53" s="129">
        <f t="shared" si="2"/>
        <v>-2711802.7999999989</v>
      </c>
      <c r="O53" s="131"/>
      <c r="P53" s="132">
        <f t="shared" ref="P53:AN53" si="7">+P52+P51+P50+P48</f>
        <v>1656064.0499999989</v>
      </c>
      <c r="Q53" s="129">
        <f t="shared" si="7"/>
        <v>284857.68999999948</v>
      </c>
      <c r="R53" s="129">
        <f t="shared" si="7"/>
        <v>5507064.6899999995</v>
      </c>
      <c r="S53" s="129">
        <f t="shared" si="7"/>
        <v>-351705.30000000075</v>
      </c>
      <c r="T53" s="129">
        <f t="shared" si="7"/>
        <v>-5125014.1000000006</v>
      </c>
      <c r="U53" s="129">
        <f t="shared" si="7"/>
        <v>1973557.6999999993</v>
      </c>
      <c r="V53" s="129">
        <f t="shared" si="7"/>
        <v>2596790.8599999994</v>
      </c>
      <c r="W53" s="129">
        <f t="shared" si="7"/>
        <v>472083.56999999844</v>
      </c>
      <c r="X53" s="129">
        <f t="shared" si="7"/>
        <v>2492746.5399999991</v>
      </c>
      <c r="Y53" s="129">
        <f t="shared" si="7"/>
        <v>755797</v>
      </c>
      <c r="Z53" s="129">
        <f t="shared" si="7"/>
        <v>-3102367.7799999993</v>
      </c>
      <c r="AA53" s="129">
        <f t="shared" si="7"/>
        <v>526847.4299999997</v>
      </c>
      <c r="AB53" s="133">
        <f t="shared" si="7"/>
        <v>-458442.9299999997</v>
      </c>
      <c r="AC53" s="129">
        <f t="shared" si="7"/>
        <v>9041733.3200000022</v>
      </c>
      <c r="AD53" s="129">
        <f t="shared" si="7"/>
        <v>4745294.8599999994</v>
      </c>
      <c r="AE53" s="129">
        <f t="shared" si="7"/>
        <v>-166580.84999999963</v>
      </c>
      <c r="AF53" s="129">
        <f t="shared" si="7"/>
        <v>-619258.99000000022</v>
      </c>
      <c r="AG53" s="129">
        <f t="shared" si="7"/>
        <v>3519614.6899999995</v>
      </c>
      <c r="AH53" s="129">
        <f t="shared" si="7"/>
        <v>2078178.8599999994</v>
      </c>
      <c r="AI53" s="129">
        <f t="shared" si="7"/>
        <v>5801196.1400000006</v>
      </c>
      <c r="AJ53" s="129">
        <f t="shared" si="7"/>
        <v>10170900.420000002</v>
      </c>
      <c r="AK53" s="129">
        <f t="shared" si="7"/>
        <v>646509.24000000022</v>
      </c>
      <c r="AL53" s="129">
        <f t="shared" si="7"/>
        <v>1045405.4399999995</v>
      </c>
      <c r="AM53" s="129">
        <f t="shared" si="7"/>
        <v>7253884.7699999996</v>
      </c>
      <c r="AN53" s="133">
        <f t="shared" si="7"/>
        <v>4542081.9700000007</v>
      </c>
      <c r="AO53" s="134"/>
    </row>
    <row r="54" spans="1:41" s="114" customFormat="1" ht="3" hidden="1" customHeight="1" outlineLevel="1">
      <c r="A54" s="113"/>
      <c r="C54" s="150"/>
      <c r="D54" s="146"/>
      <c r="E54" s="117"/>
      <c r="F54" s="128"/>
      <c r="G54" s="129"/>
      <c r="H54" s="129">
        <f t="shared" si="0"/>
        <v>0</v>
      </c>
      <c r="I54" s="130"/>
      <c r="J54" s="129"/>
      <c r="K54" s="129">
        <f t="shared" si="1"/>
        <v>0</v>
      </c>
      <c r="L54" s="129"/>
      <c r="M54" s="129"/>
      <c r="N54" s="129">
        <f t="shared" si="2"/>
        <v>0</v>
      </c>
      <c r="O54" s="131"/>
      <c r="P54" s="132"/>
      <c r="Q54" s="129"/>
      <c r="R54" s="129"/>
      <c r="S54" s="129"/>
      <c r="T54" s="129"/>
      <c r="U54" s="129"/>
      <c r="V54" s="129"/>
      <c r="W54" s="129"/>
      <c r="X54" s="129"/>
      <c r="Y54" s="129"/>
      <c r="Z54" s="129"/>
      <c r="AA54" s="129"/>
      <c r="AB54" s="133"/>
      <c r="AC54" s="129"/>
      <c r="AD54" s="129"/>
      <c r="AE54" s="129"/>
      <c r="AF54" s="129"/>
      <c r="AG54" s="129"/>
      <c r="AH54" s="129"/>
      <c r="AI54" s="129"/>
      <c r="AJ54" s="129"/>
      <c r="AK54" s="129"/>
      <c r="AL54" s="129"/>
      <c r="AM54" s="129"/>
      <c r="AN54" s="133"/>
      <c r="AO54" s="134"/>
    </row>
    <row r="55" spans="1:41" s="114" customFormat="1" ht="15" hidden="1" customHeight="1" outlineLevel="1">
      <c r="A55" s="113" t="s">
        <v>986</v>
      </c>
      <c r="B55" s="114" t="s">
        <v>2</v>
      </c>
      <c r="C55" s="151" t="s">
        <v>987</v>
      </c>
      <c r="D55" s="147" t="s">
        <v>988</v>
      </c>
      <c r="E55" s="117"/>
      <c r="F55" s="128">
        <v>0</v>
      </c>
      <c r="G55" s="129">
        <v>0</v>
      </c>
      <c r="H55" s="129">
        <f t="shared" si="0"/>
        <v>0</v>
      </c>
      <c r="I55" s="130"/>
      <c r="J55" s="129">
        <v>0</v>
      </c>
      <c r="K55" s="129">
        <f t="shared" si="1"/>
        <v>0</v>
      </c>
      <c r="L55" s="129"/>
      <c r="M55" s="129">
        <v>0</v>
      </c>
      <c r="N55" s="129">
        <f t="shared" si="2"/>
        <v>0</v>
      </c>
      <c r="O55" s="131"/>
      <c r="P55" s="132">
        <v>0</v>
      </c>
      <c r="Q55" s="129">
        <v>0</v>
      </c>
      <c r="R55" s="129">
        <v>0</v>
      </c>
      <c r="S55" s="129">
        <v>0</v>
      </c>
      <c r="T55" s="129">
        <v>0</v>
      </c>
      <c r="U55" s="129">
        <v>0</v>
      </c>
      <c r="V55" s="129">
        <v>0</v>
      </c>
      <c r="W55" s="129">
        <v>0</v>
      </c>
      <c r="X55" s="129">
        <v>0</v>
      </c>
      <c r="Y55" s="129">
        <v>0</v>
      </c>
      <c r="Z55" s="129">
        <v>0</v>
      </c>
      <c r="AA55" s="129">
        <v>0</v>
      </c>
      <c r="AB55" s="133">
        <v>0</v>
      </c>
      <c r="AC55" s="129">
        <v>0</v>
      </c>
      <c r="AD55" s="129">
        <v>0</v>
      </c>
      <c r="AE55" s="129">
        <v>0</v>
      </c>
      <c r="AF55" s="129">
        <v>0</v>
      </c>
      <c r="AG55" s="129">
        <v>0</v>
      </c>
      <c r="AH55" s="129">
        <v>0</v>
      </c>
      <c r="AI55" s="129">
        <v>0</v>
      </c>
      <c r="AJ55" s="129">
        <v>0</v>
      </c>
      <c r="AK55" s="129">
        <v>0</v>
      </c>
      <c r="AL55" s="129">
        <v>0</v>
      </c>
      <c r="AM55" s="129">
        <v>0</v>
      </c>
      <c r="AN55" s="133">
        <v>0</v>
      </c>
      <c r="AO55" s="134"/>
    </row>
    <row r="56" spans="1:41" s="114" customFormat="1" ht="15" hidden="1" customHeight="1" outlineLevel="1">
      <c r="A56" s="113" t="s">
        <v>989</v>
      </c>
      <c r="B56" s="114" t="s">
        <v>2</v>
      </c>
      <c r="C56" s="151" t="s">
        <v>990</v>
      </c>
      <c r="D56" s="147" t="s">
        <v>988</v>
      </c>
      <c r="E56" s="117"/>
      <c r="F56" s="128">
        <v>0</v>
      </c>
      <c r="G56" s="129">
        <v>0</v>
      </c>
      <c r="H56" s="129">
        <f t="shared" si="0"/>
        <v>0</v>
      </c>
      <c r="I56" s="130"/>
      <c r="J56" s="129">
        <v>0</v>
      </c>
      <c r="K56" s="129">
        <f t="shared" si="1"/>
        <v>0</v>
      </c>
      <c r="L56" s="129"/>
      <c r="M56" s="129">
        <v>0</v>
      </c>
      <c r="N56" s="129">
        <f t="shared" si="2"/>
        <v>0</v>
      </c>
      <c r="O56" s="131"/>
      <c r="P56" s="132">
        <v>0</v>
      </c>
      <c r="Q56" s="129">
        <v>0</v>
      </c>
      <c r="R56" s="129">
        <v>0</v>
      </c>
      <c r="S56" s="129">
        <v>0</v>
      </c>
      <c r="T56" s="129">
        <v>0</v>
      </c>
      <c r="U56" s="129">
        <v>0</v>
      </c>
      <c r="V56" s="129">
        <v>0</v>
      </c>
      <c r="W56" s="129">
        <v>0</v>
      </c>
      <c r="X56" s="129">
        <v>0</v>
      </c>
      <c r="Y56" s="129">
        <v>0</v>
      </c>
      <c r="Z56" s="129">
        <v>0</v>
      </c>
      <c r="AA56" s="129">
        <v>0</v>
      </c>
      <c r="AB56" s="133">
        <v>0</v>
      </c>
      <c r="AC56" s="129">
        <v>0</v>
      </c>
      <c r="AD56" s="129">
        <v>0</v>
      </c>
      <c r="AE56" s="129">
        <v>0</v>
      </c>
      <c r="AF56" s="129">
        <v>0</v>
      </c>
      <c r="AG56" s="129">
        <v>0</v>
      </c>
      <c r="AH56" s="129">
        <v>0</v>
      </c>
      <c r="AI56" s="129">
        <v>0</v>
      </c>
      <c r="AJ56" s="129">
        <v>0</v>
      </c>
      <c r="AK56" s="129">
        <v>0</v>
      </c>
      <c r="AL56" s="129">
        <v>0</v>
      </c>
      <c r="AM56" s="129">
        <v>0</v>
      </c>
      <c r="AN56" s="133">
        <v>0</v>
      </c>
      <c r="AO56" s="134"/>
    </row>
    <row r="57" spans="1:41" s="114" customFormat="1" ht="15" hidden="1" customHeight="1" outlineLevel="1">
      <c r="A57" s="113" t="s">
        <v>991</v>
      </c>
      <c r="B57" s="114" t="s">
        <v>2</v>
      </c>
      <c r="C57" s="151" t="s">
        <v>992</v>
      </c>
      <c r="D57" s="147" t="s">
        <v>988</v>
      </c>
      <c r="E57" s="117"/>
      <c r="F57" s="128">
        <v>0</v>
      </c>
      <c r="G57" s="129">
        <v>0</v>
      </c>
      <c r="H57" s="129">
        <f t="shared" si="0"/>
        <v>0</v>
      </c>
      <c r="I57" s="130"/>
      <c r="J57" s="129">
        <v>0</v>
      </c>
      <c r="K57" s="129">
        <f t="shared" si="1"/>
        <v>0</v>
      </c>
      <c r="L57" s="129"/>
      <c r="M57" s="129">
        <v>0</v>
      </c>
      <c r="N57" s="129">
        <f t="shared" si="2"/>
        <v>0</v>
      </c>
      <c r="O57" s="131"/>
      <c r="P57" s="132">
        <v>0</v>
      </c>
      <c r="Q57" s="129">
        <v>0</v>
      </c>
      <c r="R57" s="129">
        <v>0</v>
      </c>
      <c r="S57" s="129">
        <v>0</v>
      </c>
      <c r="T57" s="129">
        <v>0</v>
      </c>
      <c r="U57" s="129">
        <v>0</v>
      </c>
      <c r="V57" s="129">
        <v>0</v>
      </c>
      <c r="W57" s="129">
        <v>0</v>
      </c>
      <c r="X57" s="129">
        <v>0</v>
      </c>
      <c r="Y57" s="129">
        <v>0</v>
      </c>
      <c r="Z57" s="129">
        <v>0</v>
      </c>
      <c r="AA57" s="129">
        <v>0</v>
      </c>
      <c r="AB57" s="133">
        <v>0</v>
      </c>
      <c r="AC57" s="129">
        <v>0</v>
      </c>
      <c r="AD57" s="129">
        <v>0</v>
      </c>
      <c r="AE57" s="129">
        <v>0</v>
      </c>
      <c r="AF57" s="129">
        <v>0</v>
      </c>
      <c r="AG57" s="129">
        <v>0</v>
      </c>
      <c r="AH57" s="129">
        <v>0</v>
      </c>
      <c r="AI57" s="129">
        <v>0</v>
      </c>
      <c r="AJ57" s="129">
        <v>0</v>
      </c>
      <c r="AK57" s="129">
        <v>0</v>
      </c>
      <c r="AL57" s="129">
        <v>0</v>
      </c>
      <c r="AM57" s="129">
        <v>0</v>
      </c>
      <c r="AN57" s="133">
        <v>0</v>
      </c>
      <c r="AO57" s="134"/>
    </row>
    <row r="58" spans="1:41" s="114" customFormat="1" ht="15" hidden="1" customHeight="1" outlineLevel="1">
      <c r="A58" s="113" t="s">
        <v>993</v>
      </c>
      <c r="B58" s="114" t="s">
        <v>2</v>
      </c>
      <c r="C58" s="151" t="s">
        <v>994</v>
      </c>
      <c r="D58" s="147" t="s">
        <v>988</v>
      </c>
      <c r="E58" s="117"/>
      <c r="F58" s="128">
        <v>0</v>
      </c>
      <c r="G58" s="129">
        <v>0</v>
      </c>
      <c r="H58" s="129">
        <f t="shared" si="0"/>
        <v>0</v>
      </c>
      <c r="I58" s="130"/>
      <c r="J58" s="129">
        <v>0</v>
      </c>
      <c r="K58" s="129">
        <f t="shared" si="1"/>
        <v>0</v>
      </c>
      <c r="L58" s="129"/>
      <c r="M58" s="129">
        <v>0</v>
      </c>
      <c r="N58" s="129">
        <f t="shared" si="2"/>
        <v>0</v>
      </c>
      <c r="O58" s="131"/>
      <c r="P58" s="132">
        <v>0</v>
      </c>
      <c r="Q58" s="129">
        <v>0</v>
      </c>
      <c r="R58" s="129">
        <v>0</v>
      </c>
      <c r="S58" s="129">
        <v>0</v>
      </c>
      <c r="T58" s="129">
        <v>0</v>
      </c>
      <c r="U58" s="129">
        <v>0</v>
      </c>
      <c r="V58" s="129">
        <v>0</v>
      </c>
      <c r="W58" s="129">
        <v>0</v>
      </c>
      <c r="X58" s="129">
        <v>0</v>
      </c>
      <c r="Y58" s="129">
        <v>0</v>
      </c>
      <c r="Z58" s="129">
        <v>0</v>
      </c>
      <c r="AA58" s="129">
        <v>0</v>
      </c>
      <c r="AB58" s="133">
        <v>0</v>
      </c>
      <c r="AC58" s="129">
        <v>0</v>
      </c>
      <c r="AD58" s="129">
        <v>0</v>
      </c>
      <c r="AE58" s="129">
        <v>0</v>
      </c>
      <c r="AF58" s="129">
        <v>0</v>
      </c>
      <c r="AG58" s="129">
        <v>0</v>
      </c>
      <c r="AH58" s="129">
        <v>0</v>
      </c>
      <c r="AI58" s="129">
        <v>0</v>
      </c>
      <c r="AJ58" s="129">
        <v>0</v>
      </c>
      <c r="AK58" s="129">
        <v>0</v>
      </c>
      <c r="AL58" s="129">
        <v>0</v>
      </c>
      <c r="AM58" s="129">
        <v>0</v>
      </c>
      <c r="AN58" s="133">
        <v>0</v>
      </c>
      <c r="AO58" s="134"/>
    </row>
    <row r="59" spans="1:41" s="62" customFormat="1" hidden="1" outlineLevel="2">
      <c r="A59" s="61" t="s">
        <v>93</v>
      </c>
      <c r="B59" s="61" t="s">
        <v>94</v>
      </c>
      <c r="C59" s="71" t="s">
        <v>95</v>
      </c>
      <c r="D59" s="72" t="s">
        <v>988</v>
      </c>
      <c r="E59" s="73"/>
      <c r="F59" s="62">
        <v>7467749.7800000003</v>
      </c>
      <c r="G59" s="62">
        <v>7386977.0899999999</v>
      </c>
      <c r="H59" s="62">
        <f t="shared" si="0"/>
        <v>80772.69000000041</v>
      </c>
      <c r="J59" s="62">
        <v>7386977.0899999999</v>
      </c>
      <c r="K59" s="62">
        <f t="shared" si="1"/>
        <v>80772.69000000041</v>
      </c>
      <c r="M59" s="62">
        <v>1009316.6</v>
      </c>
      <c r="N59" s="62">
        <f t="shared" si="2"/>
        <v>6458433.1800000006</v>
      </c>
      <c r="P59" s="74">
        <v>187414891.22999999</v>
      </c>
      <c r="Q59" s="61">
        <v>5235033.55</v>
      </c>
      <c r="R59" s="61">
        <v>1007134.51</v>
      </c>
      <c r="S59" s="61">
        <v>3049107.21</v>
      </c>
      <c r="T59" s="62">
        <v>1088244.1299999999</v>
      </c>
      <c r="U59" s="61">
        <v>928172.19000000006</v>
      </c>
      <c r="V59" s="61">
        <v>10856173.560000001</v>
      </c>
      <c r="W59" s="61">
        <v>964664.76</v>
      </c>
      <c r="X59" s="61">
        <v>953087.97</v>
      </c>
      <c r="Y59" s="61">
        <v>9754084.1699999999</v>
      </c>
      <c r="Z59" s="61">
        <v>1681135.3900000001</v>
      </c>
      <c r="AA59" s="61">
        <v>1053500.58</v>
      </c>
      <c r="AB59" s="75">
        <v>7386977.0899999999</v>
      </c>
      <c r="AC59" s="61">
        <v>1160917.33</v>
      </c>
      <c r="AD59" s="61">
        <v>1091478.3999999999</v>
      </c>
      <c r="AE59" s="61">
        <v>10013830.02</v>
      </c>
      <c r="AF59" s="62">
        <v>1227884.42</v>
      </c>
      <c r="AG59" s="61">
        <v>1116529.71</v>
      </c>
      <c r="AH59" s="61">
        <v>7262950.2999999998</v>
      </c>
      <c r="AI59" s="61">
        <v>641634.94000000006</v>
      </c>
      <c r="AJ59" s="61">
        <v>1086082.23</v>
      </c>
      <c r="AK59" s="61">
        <v>10007266.890000001</v>
      </c>
      <c r="AL59" s="61">
        <v>704578.26</v>
      </c>
      <c r="AM59" s="61">
        <v>1009316.6</v>
      </c>
      <c r="AN59" s="75">
        <v>7467749.7800000003</v>
      </c>
    </row>
    <row r="60" spans="1:41" s="62" customFormat="1" hidden="1" outlineLevel="2">
      <c r="A60" s="61" t="s">
        <v>96</v>
      </c>
      <c r="B60" s="61" t="s">
        <v>97</v>
      </c>
      <c r="C60" s="71" t="s">
        <v>98</v>
      </c>
      <c r="D60" s="72" t="s">
        <v>988</v>
      </c>
      <c r="E60" s="73"/>
      <c r="F60" s="62">
        <v>847213.04</v>
      </c>
      <c r="G60" s="62">
        <v>323249.17</v>
      </c>
      <c r="H60" s="62">
        <f t="shared" si="0"/>
        <v>523963.87000000005</v>
      </c>
      <c r="J60" s="62">
        <v>323249.17</v>
      </c>
      <c r="K60" s="62">
        <f t="shared" si="1"/>
        <v>523963.87000000005</v>
      </c>
      <c r="M60" s="62">
        <v>474805.68</v>
      </c>
      <c r="N60" s="62">
        <f t="shared" si="2"/>
        <v>372407.36000000004</v>
      </c>
      <c r="P60" s="74">
        <v>1051206.8500000001</v>
      </c>
      <c r="Q60" s="61">
        <v>898085.92</v>
      </c>
      <c r="R60" s="61">
        <v>477379.7</v>
      </c>
      <c r="S60" s="61">
        <v>349701.5</v>
      </c>
      <c r="T60" s="62">
        <v>516855.16000000003</v>
      </c>
      <c r="U60" s="61">
        <v>518772.19</v>
      </c>
      <c r="V60" s="61">
        <v>425181.3</v>
      </c>
      <c r="W60" s="61">
        <v>441363.43</v>
      </c>
      <c r="X60" s="61">
        <v>374813.22000000003</v>
      </c>
      <c r="Y60" s="61">
        <v>668375.38</v>
      </c>
      <c r="Z60" s="61">
        <v>581273.49</v>
      </c>
      <c r="AA60" s="61">
        <v>528710.19000000006</v>
      </c>
      <c r="AB60" s="75">
        <v>323249.17</v>
      </c>
      <c r="AC60" s="61">
        <v>424376.84</v>
      </c>
      <c r="AD60" s="61">
        <v>354305.71</v>
      </c>
      <c r="AE60" s="61">
        <v>378211.65</v>
      </c>
      <c r="AF60" s="62">
        <v>256665.88</v>
      </c>
      <c r="AG60" s="61">
        <v>434805.42</v>
      </c>
      <c r="AH60" s="61">
        <v>582680.39</v>
      </c>
      <c r="AI60" s="61">
        <v>226805.67</v>
      </c>
      <c r="AJ60" s="61">
        <v>683714.13</v>
      </c>
      <c r="AK60" s="61">
        <v>553819.84</v>
      </c>
      <c r="AL60" s="61">
        <v>307704.34000000003</v>
      </c>
      <c r="AM60" s="61">
        <v>474805.68</v>
      </c>
      <c r="AN60" s="75">
        <v>847213.04</v>
      </c>
    </row>
    <row r="61" spans="1:41" s="62" customFormat="1" hidden="1" outlineLevel="2">
      <c r="A61" s="61" t="s">
        <v>99</v>
      </c>
      <c r="B61" s="61" t="s">
        <v>100</v>
      </c>
      <c r="C61" s="71" t="s">
        <v>101</v>
      </c>
      <c r="D61" s="72" t="s">
        <v>988</v>
      </c>
      <c r="E61" s="73"/>
      <c r="F61" s="62">
        <v>1364470.28</v>
      </c>
      <c r="G61" s="62">
        <v>2130807.81</v>
      </c>
      <c r="H61" s="62">
        <f t="shared" si="0"/>
        <v>-766337.53</v>
      </c>
      <c r="J61" s="62">
        <v>2130807.81</v>
      </c>
      <c r="K61" s="62">
        <f t="shared" si="1"/>
        <v>-766337.53</v>
      </c>
      <c r="M61" s="62">
        <v>756565.06</v>
      </c>
      <c r="N61" s="62">
        <f t="shared" si="2"/>
        <v>607905.22</v>
      </c>
      <c r="P61" s="74">
        <v>4506009.4000000004</v>
      </c>
      <c r="Q61" s="61">
        <v>5781808.3300000001</v>
      </c>
      <c r="R61" s="61">
        <v>975446.49</v>
      </c>
      <c r="S61" s="61">
        <v>3393661.37</v>
      </c>
      <c r="T61" s="62">
        <v>6321383.8399999999</v>
      </c>
      <c r="U61" s="61">
        <v>2577951.2000000002</v>
      </c>
      <c r="V61" s="61">
        <v>433965.28</v>
      </c>
      <c r="W61" s="61">
        <v>3991482.4699999997</v>
      </c>
      <c r="X61" s="61">
        <v>420519.04000000004</v>
      </c>
      <c r="Y61" s="61">
        <v>545154.75</v>
      </c>
      <c r="Z61" s="61">
        <v>6617643.2800000003</v>
      </c>
      <c r="AA61" s="61">
        <v>998580.09</v>
      </c>
      <c r="AB61" s="75">
        <v>2130807.81</v>
      </c>
      <c r="AC61" s="61">
        <v>1277684.51</v>
      </c>
      <c r="AD61" s="61">
        <v>431678.28</v>
      </c>
      <c r="AE61" s="61">
        <v>2408916.5300000003</v>
      </c>
      <c r="AF61" s="62">
        <v>485162</v>
      </c>
      <c r="AG61" s="61">
        <v>3067791.01</v>
      </c>
      <c r="AH61" s="61">
        <v>1125033.8799999999</v>
      </c>
      <c r="AI61" s="61">
        <v>452365.86</v>
      </c>
      <c r="AJ61" s="61">
        <v>582911.61</v>
      </c>
      <c r="AK61" s="61">
        <v>389545.48</v>
      </c>
      <c r="AL61" s="61">
        <v>709895.21</v>
      </c>
      <c r="AM61" s="61">
        <v>756565.06</v>
      </c>
      <c r="AN61" s="75">
        <v>1364470.28</v>
      </c>
    </row>
    <row r="62" spans="1:41" s="62" customFormat="1" hidden="1" outlineLevel="2">
      <c r="A62" s="61" t="s">
        <v>532</v>
      </c>
      <c r="B62" s="61" t="s">
        <v>533</v>
      </c>
      <c r="C62" s="71" t="s">
        <v>534</v>
      </c>
      <c r="D62" s="72" t="s">
        <v>988</v>
      </c>
      <c r="E62" s="73"/>
      <c r="F62" s="62">
        <v>904657.16</v>
      </c>
      <c r="G62" s="62">
        <v>1366815.08</v>
      </c>
      <c r="H62" s="62">
        <f t="shared" si="0"/>
        <v>-462157.92000000004</v>
      </c>
      <c r="J62" s="62">
        <v>1366815.08</v>
      </c>
      <c r="K62" s="62">
        <f t="shared" si="1"/>
        <v>-462157.92000000004</v>
      </c>
      <c r="M62" s="62">
        <v>838895.08000000007</v>
      </c>
      <c r="N62" s="62">
        <f t="shared" si="2"/>
        <v>65762.079999999958</v>
      </c>
      <c r="P62" s="74">
        <v>2362707.98</v>
      </c>
      <c r="Q62" s="61">
        <v>1206633.6000000001</v>
      </c>
      <c r="R62" s="61">
        <v>1308342.48</v>
      </c>
      <c r="S62" s="61">
        <v>1569117.47</v>
      </c>
      <c r="T62" s="62">
        <v>825881.43</v>
      </c>
      <c r="U62" s="61">
        <v>1739699.83</v>
      </c>
      <c r="V62" s="61">
        <v>465253.44</v>
      </c>
      <c r="W62" s="61">
        <v>944118.26</v>
      </c>
      <c r="X62" s="61">
        <v>925280.19000000006</v>
      </c>
      <c r="Y62" s="61">
        <v>905215.4</v>
      </c>
      <c r="Z62" s="61">
        <v>1589956.71</v>
      </c>
      <c r="AA62" s="61">
        <v>992972.24</v>
      </c>
      <c r="AB62" s="75">
        <v>1366815.08</v>
      </c>
      <c r="AC62" s="61">
        <v>1386988.8</v>
      </c>
      <c r="AD62" s="61">
        <v>3961507.83</v>
      </c>
      <c r="AE62" s="61">
        <v>885469.61</v>
      </c>
      <c r="AF62" s="62">
        <v>1127849.6599999999</v>
      </c>
      <c r="AG62" s="61">
        <v>1083614.8</v>
      </c>
      <c r="AH62" s="61">
        <v>910801.13</v>
      </c>
      <c r="AI62" s="61">
        <v>1006396.94</v>
      </c>
      <c r="AJ62" s="61">
        <v>1177642.6100000001</v>
      </c>
      <c r="AK62" s="61">
        <v>1147232.1100000001</v>
      </c>
      <c r="AL62" s="61">
        <v>1422453.51</v>
      </c>
      <c r="AM62" s="61">
        <v>838895.08000000007</v>
      </c>
      <c r="AN62" s="75">
        <v>904657.16</v>
      </c>
    </row>
    <row r="63" spans="1:41" s="62" customFormat="1" hidden="1" outlineLevel="2">
      <c r="A63" s="61" t="s">
        <v>535</v>
      </c>
      <c r="B63" s="61" t="s">
        <v>536</v>
      </c>
      <c r="C63" s="71" t="s">
        <v>537</v>
      </c>
      <c r="D63" s="72" t="s">
        <v>988</v>
      </c>
      <c r="E63" s="73"/>
      <c r="F63" s="62">
        <v>0</v>
      </c>
      <c r="G63" s="62">
        <v>1155421</v>
      </c>
      <c r="H63" s="62">
        <f t="shared" si="0"/>
        <v>-1155421</v>
      </c>
      <c r="J63" s="62">
        <v>1155421</v>
      </c>
      <c r="K63" s="62">
        <f t="shared" si="1"/>
        <v>-1155421</v>
      </c>
      <c r="M63" s="62">
        <v>0</v>
      </c>
      <c r="N63" s="62">
        <f t="shared" si="2"/>
        <v>0</v>
      </c>
      <c r="P63" s="74">
        <v>0</v>
      </c>
      <c r="Q63" s="61">
        <v>0</v>
      </c>
      <c r="R63" s="61">
        <v>0</v>
      </c>
      <c r="S63" s="61">
        <v>0</v>
      </c>
      <c r="T63" s="62">
        <v>0</v>
      </c>
      <c r="U63" s="61">
        <v>0</v>
      </c>
      <c r="V63" s="61">
        <v>0</v>
      </c>
      <c r="W63" s="61">
        <v>0</v>
      </c>
      <c r="X63" s="61">
        <v>0</v>
      </c>
      <c r="Y63" s="61">
        <v>0</v>
      </c>
      <c r="Z63" s="61">
        <v>0</v>
      </c>
      <c r="AA63" s="61">
        <v>0</v>
      </c>
      <c r="AB63" s="75">
        <v>1155421</v>
      </c>
      <c r="AC63" s="61">
        <v>0</v>
      </c>
      <c r="AD63" s="61">
        <v>0</v>
      </c>
      <c r="AE63" s="61">
        <v>0</v>
      </c>
      <c r="AF63" s="62">
        <v>0</v>
      </c>
      <c r="AG63" s="61">
        <v>0</v>
      </c>
      <c r="AH63" s="61">
        <v>0</v>
      </c>
      <c r="AI63" s="61">
        <v>0</v>
      </c>
      <c r="AJ63" s="61">
        <v>0</v>
      </c>
      <c r="AK63" s="61">
        <v>0</v>
      </c>
      <c r="AL63" s="61">
        <v>0</v>
      </c>
      <c r="AM63" s="61">
        <v>0</v>
      </c>
      <c r="AN63" s="75">
        <v>0</v>
      </c>
    </row>
    <row r="64" spans="1:41" s="62" customFormat="1" hidden="1" outlineLevel="2">
      <c r="A64" s="61" t="s">
        <v>538</v>
      </c>
      <c r="B64" s="61" t="s">
        <v>539</v>
      </c>
      <c r="C64" s="71" t="s">
        <v>540</v>
      </c>
      <c r="D64" s="72" t="s">
        <v>988</v>
      </c>
      <c r="E64" s="73"/>
      <c r="F64" s="62">
        <v>190844.59</v>
      </c>
      <c r="G64" s="62">
        <v>156713.03</v>
      </c>
      <c r="H64" s="62">
        <f t="shared" si="0"/>
        <v>34131.56</v>
      </c>
      <c r="J64" s="62">
        <v>156713.03</v>
      </c>
      <c r="K64" s="62">
        <f t="shared" si="1"/>
        <v>34131.56</v>
      </c>
      <c r="M64" s="62">
        <v>246841.07</v>
      </c>
      <c r="N64" s="62">
        <f t="shared" si="2"/>
        <v>-55996.48000000001</v>
      </c>
      <c r="P64" s="74">
        <v>125418.14</v>
      </c>
      <c r="Q64" s="61">
        <v>130414.59</v>
      </c>
      <c r="R64" s="61">
        <v>137389.53</v>
      </c>
      <c r="S64" s="61">
        <v>100709.51000000001</v>
      </c>
      <c r="T64" s="62">
        <v>142417.60000000001</v>
      </c>
      <c r="U64" s="61">
        <v>139603</v>
      </c>
      <c r="V64" s="61">
        <v>141323.14000000001</v>
      </c>
      <c r="W64" s="61">
        <v>145328.63</v>
      </c>
      <c r="X64" s="61">
        <v>132360.33000000002</v>
      </c>
      <c r="Y64" s="61">
        <v>136100.16</v>
      </c>
      <c r="Z64" s="61">
        <v>126763.98</v>
      </c>
      <c r="AA64" s="61">
        <v>148408.08000000002</v>
      </c>
      <c r="AB64" s="75">
        <v>156713.03</v>
      </c>
      <c r="AC64" s="61">
        <v>146945.53</v>
      </c>
      <c r="AD64" s="61">
        <v>155070.15</v>
      </c>
      <c r="AE64" s="61">
        <v>171551.42</v>
      </c>
      <c r="AF64" s="62">
        <v>137693.04</v>
      </c>
      <c r="AG64" s="61">
        <v>169315.58000000002</v>
      </c>
      <c r="AH64" s="61">
        <v>180083.43</v>
      </c>
      <c r="AI64" s="61">
        <v>163828.12</v>
      </c>
      <c r="AJ64" s="61">
        <v>352664.83</v>
      </c>
      <c r="AK64" s="61">
        <v>168648.87</v>
      </c>
      <c r="AL64" s="61">
        <v>155783.45000000001</v>
      </c>
      <c r="AM64" s="61">
        <v>246841.07</v>
      </c>
      <c r="AN64" s="75">
        <v>190844.59</v>
      </c>
    </row>
    <row r="65" spans="1:41" s="62" customFormat="1" hidden="1" outlineLevel="2">
      <c r="A65" s="61" t="s">
        <v>599</v>
      </c>
      <c r="B65" s="61" t="s">
        <v>600</v>
      </c>
      <c r="C65" s="71" t="s">
        <v>601</v>
      </c>
      <c r="D65" s="72" t="s">
        <v>988</v>
      </c>
      <c r="E65" s="73"/>
      <c r="F65" s="62">
        <v>996379.31</v>
      </c>
      <c r="G65" s="62">
        <v>763548.32000000007</v>
      </c>
      <c r="H65" s="62">
        <f t="shared" si="0"/>
        <v>232830.99</v>
      </c>
      <c r="J65" s="62">
        <v>763548.32000000007</v>
      </c>
      <c r="K65" s="62">
        <f t="shared" si="1"/>
        <v>232830.99</v>
      </c>
      <c r="M65" s="62">
        <v>791250.57000000007</v>
      </c>
      <c r="N65" s="62">
        <f t="shared" si="2"/>
        <v>205128.74</v>
      </c>
      <c r="P65" s="74">
        <v>919210.76</v>
      </c>
      <c r="Q65" s="61">
        <v>980916.65</v>
      </c>
      <c r="R65" s="61">
        <v>945737.15</v>
      </c>
      <c r="S65" s="61">
        <v>918237.63</v>
      </c>
      <c r="T65" s="62">
        <v>790616.31</v>
      </c>
      <c r="U65" s="61">
        <v>625806.59</v>
      </c>
      <c r="V65" s="61">
        <v>724467.53</v>
      </c>
      <c r="W65" s="61">
        <v>777273.1</v>
      </c>
      <c r="X65" s="61">
        <v>722599.28</v>
      </c>
      <c r="Y65" s="61">
        <v>671417.21</v>
      </c>
      <c r="Z65" s="61">
        <v>704051.15</v>
      </c>
      <c r="AA65" s="61">
        <v>632575.61</v>
      </c>
      <c r="AB65" s="75">
        <v>763548.32000000007</v>
      </c>
      <c r="AC65" s="61">
        <v>890986.44000000006</v>
      </c>
      <c r="AD65" s="61">
        <v>958411.4</v>
      </c>
      <c r="AE65" s="61">
        <v>843991.96</v>
      </c>
      <c r="AF65" s="62">
        <v>829355.37</v>
      </c>
      <c r="AG65" s="61">
        <v>758308.51</v>
      </c>
      <c r="AH65" s="61">
        <v>869209.71</v>
      </c>
      <c r="AI65" s="61">
        <v>866662.25</v>
      </c>
      <c r="AJ65" s="61">
        <v>884515.4</v>
      </c>
      <c r="AK65" s="61">
        <v>903592.72</v>
      </c>
      <c r="AL65" s="61">
        <v>796303.29</v>
      </c>
      <c r="AM65" s="61">
        <v>791250.57000000007</v>
      </c>
      <c r="AN65" s="75">
        <v>996379.31</v>
      </c>
    </row>
    <row r="66" spans="1:41" s="114" customFormat="1" ht="15" hidden="1" customHeight="1" outlineLevel="1">
      <c r="A66" s="113" t="s">
        <v>995</v>
      </c>
      <c r="B66" s="114" t="s">
        <v>2</v>
      </c>
      <c r="C66" s="151" t="s">
        <v>996</v>
      </c>
      <c r="D66" s="147" t="s">
        <v>988</v>
      </c>
      <c r="E66" s="117"/>
      <c r="F66" s="128">
        <v>11771314.16</v>
      </c>
      <c r="G66" s="129">
        <v>13283531.5</v>
      </c>
      <c r="H66" s="129">
        <f t="shared" si="0"/>
        <v>-1512217.3399999999</v>
      </c>
      <c r="I66" s="130"/>
      <c r="J66" s="129">
        <v>13283531.5</v>
      </c>
      <c r="K66" s="129">
        <f t="shared" si="1"/>
        <v>-1512217.3399999999</v>
      </c>
      <c r="L66" s="129"/>
      <c r="M66" s="129">
        <v>4117674.0599999996</v>
      </c>
      <c r="N66" s="129">
        <f t="shared" si="2"/>
        <v>7653640.1000000006</v>
      </c>
      <c r="O66" s="131"/>
      <c r="P66" s="132">
        <v>196379444.35999995</v>
      </c>
      <c r="Q66" s="129">
        <v>14232892.640000001</v>
      </c>
      <c r="R66" s="129">
        <v>4851429.8600000003</v>
      </c>
      <c r="S66" s="129">
        <v>9380534.6900000013</v>
      </c>
      <c r="T66" s="129">
        <v>9685398.4700000007</v>
      </c>
      <c r="U66" s="129">
        <v>6530005</v>
      </c>
      <c r="V66" s="129">
        <v>13046364.25</v>
      </c>
      <c r="W66" s="129">
        <v>7264230.6499999994</v>
      </c>
      <c r="X66" s="129">
        <v>3528660.0300000003</v>
      </c>
      <c r="Y66" s="129">
        <v>12680347.07</v>
      </c>
      <c r="Z66" s="129">
        <v>11300824.000000002</v>
      </c>
      <c r="AA66" s="129">
        <v>4354746.79</v>
      </c>
      <c r="AB66" s="133">
        <v>13283531.5</v>
      </c>
      <c r="AC66" s="129">
        <v>5287899.4500000011</v>
      </c>
      <c r="AD66" s="129">
        <v>6952451.7700000005</v>
      </c>
      <c r="AE66" s="129">
        <v>14701971.189999998</v>
      </c>
      <c r="AF66" s="129">
        <v>4064610.37</v>
      </c>
      <c r="AG66" s="129">
        <v>6630365.0299999993</v>
      </c>
      <c r="AH66" s="129">
        <v>10930758.84</v>
      </c>
      <c r="AI66" s="129">
        <v>3357693.7800000003</v>
      </c>
      <c r="AJ66" s="129">
        <v>4767530.8100000005</v>
      </c>
      <c r="AK66" s="129">
        <v>13170105.91</v>
      </c>
      <c r="AL66" s="129">
        <v>4096718.0600000005</v>
      </c>
      <c r="AM66" s="129">
        <v>4117674.0599999996</v>
      </c>
      <c r="AN66" s="133">
        <v>11771314.16</v>
      </c>
      <c r="AO66" s="134"/>
    </row>
    <row r="67" spans="1:41" s="114" customFormat="1" ht="15" hidden="1" customHeight="1" outlineLevel="1">
      <c r="A67" s="113"/>
      <c r="B67" s="114" t="s">
        <v>2</v>
      </c>
      <c r="C67" s="135" t="s">
        <v>997</v>
      </c>
      <c r="D67" s="146"/>
      <c r="E67" s="117"/>
      <c r="F67" s="128">
        <f>+F66+F58+F57+F56+F55</f>
        <v>11771314.16</v>
      </c>
      <c r="G67" s="129">
        <f>+G66+G58+G57+G56+G55</f>
        <v>13283531.5</v>
      </c>
      <c r="H67" s="129">
        <f t="shared" si="0"/>
        <v>-1512217.3399999999</v>
      </c>
      <c r="I67" s="130"/>
      <c r="J67" s="129">
        <f>+J66+J58+J57+J56+J55</f>
        <v>13283531.5</v>
      </c>
      <c r="K67" s="129">
        <f t="shared" si="1"/>
        <v>-1512217.3399999999</v>
      </c>
      <c r="L67" s="129"/>
      <c r="M67" s="129">
        <f>+M66+M58+M57+M56+M55</f>
        <v>4117674.0599999996</v>
      </c>
      <c r="N67" s="129">
        <f t="shared" si="2"/>
        <v>7653640.1000000006</v>
      </c>
      <c r="O67" s="131"/>
      <c r="P67" s="132">
        <f t="shared" ref="P67:AN67" si="8">+P66+P58+P57+P56+P55</f>
        <v>196379444.35999995</v>
      </c>
      <c r="Q67" s="129">
        <f t="shared" si="8"/>
        <v>14232892.640000001</v>
      </c>
      <c r="R67" s="129">
        <f t="shared" si="8"/>
        <v>4851429.8600000003</v>
      </c>
      <c r="S67" s="129">
        <f t="shared" si="8"/>
        <v>9380534.6900000013</v>
      </c>
      <c r="T67" s="129">
        <f t="shared" si="8"/>
        <v>9685398.4700000007</v>
      </c>
      <c r="U67" s="129">
        <f t="shared" si="8"/>
        <v>6530005</v>
      </c>
      <c r="V67" s="129">
        <f t="shared" si="8"/>
        <v>13046364.25</v>
      </c>
      <c r="W67" s="129">
        <f t="shared" si="8"/>
        <v>7264230.6499999994</v>
      </c>
      <c r="X67" s="129">
        <f t="shared" si="8"/>
        <v>3528660.0300000003</v>
      </c>
      <c r="Y67" s="129">
        <f t="shared" si="8"/>
        <v>12680347.07</v>
      </c>
      <c r="Z67" s="129">
        <f t="shared" si="8"/>
        <v>11300824.000000002</v>
      </c>
      <c r="AA67" s="129">
        <f t="shared" si="8"/>
        <v>4354746.79</v>
      </c>
      <c r="AB67" s="133">
        <f t="shared" si="8"/>
        <v>13283531.5</v>
      </c>
      <c r="AC67" s="129">
        <f t="shared" si="8"/>
        <v>5287899.4500000011</v>
      </c>
      <c r="AD67" s="129">
        <f t="shared" si="8"/>
        <v>6952451.7700000005</v>
      </c>
      <c r="AE67" s="129">
        <f t="shared" si="8"/>
        <v>14701971.189999998</v>
      </c>
      <c r="AF67" s="129">
        <f t="shared" si="8"/>
        <v>4064610.37</v>
      </c>
      <c r="AG67" s="129">
        <f t="shared" si="8"/>
        <v>6630365.0299999993</v>
      </c>
      <c r="AH67" s="129">
        <f t="shared" si="8"/>
        <v>10930758.84</v>
      </c>
      <c r="AI67" s="129">
        <f t="shared" si="8"/>
        <v>3357693.7800000003</v>
      </c>
      <c r="AJ67" s="129">
        <f t="shared" si="8"/>
        <v>4767530.8100000005</v>
      </c>
      <c r="AK67" s="129">
        <f t="shared" si="8"/>
        <v>13170105.91</v>
      </c>
      <c r="AL67" s="129">
        <f t="shared" si="8"/>
        <v>4096718.0600000005</v>
      </c>
      <c r="AM67" s="129">
        <f t="shared" si="8"/>
        <v>4117674.0599999996</v>
      </c>
      <c r="AN67" s="133">
        <f t="shared" si="8"/>
        <v>11771314.16</v>
      </c>
      <c r="AO67" s="134"/>
    </row>
    <row r="68" spans="1:41" s="62" customFormat="1" hidden="1" outlineLevel="2">
      <c r="A68" s="61" t="s">
        <v>868</v>
      </c>
      <c r="B68" s="61" t="s">
        <v>869</v>
      </c>
      <c r="C68" s="71" t="s">
        <v>870</v>
      </c>
      <c r="D68" s="72" t="s">
        <v>998</v>
      </c>
      <c r="E68" s="73"/>
      <c r="F68" s="62">
        <v>0</v>
      </c>
      <c r="G68" s="62">
        <v>0</v>
      </c>
      <c r="H68" s="62">
        <f t="shared" si="0"/>
        <v>0</v>
      </c>
      <c r="J68" s="62">
        <v>0</v>
      </c>
      <c r="K68" s="62">
        <f t="shared" si="1"/>
        <v>0</v>
      </c>
      <c r="M68" s="62">
        <v>0</v>
      </c>
      <c r="N68" s="62">
        <f t="shared" si="2"/>
        <v>0</v>
      </c>
      <c r="P68" s="74">
        <v>0</v>
      </c>
      <c r="Q68" s="61">
        <v>0</v>
      </c>
      <c r="R68" s="61">
        <v>0</v>
      </c>
      <c r="S68" s="61">
        <v>0</v>
      </c>
      <c r="T68" s="62">
        <v>0</v>
      </c>
      <c r="U68" s="61">
        <v>0</v>
      </c>
      <c r="V68" s="61">
        <v>0</v>
      </c>
      <c r="W68" s="61">
        <v>0</v>
      </c>
      <c r="X68" s="61">
        <v>0</v>
      </c>
      <c r="Y68" s="61">
        <v>0</v>
      </c>
      <c r="Z68" s="61">
        <v>0</v>
      </c>
      <c r="AA68" s="61">
        <v>0</v>
      </c>
      <c r="AB68" s="75">
        <v>0</v>
      </c>
      <c r="AC68" s="61">
        <v>0</v>
      </c>
      <c r="AD68" s="61">
        <v>0</v>
      </c>
      <c r="AE68" s="61">
        <v>0</v>
      </c>
      <c r="AF68" s="62">
        <v>0</v>
      </c>
      <c r="AG68" s="61">
        <v>0</v>
      </c>
      <c r="AH68" s="61">
        <v>0</v>
      </c>
      <c r="AI68" s="61">
        <v>0</v>
      </c>
      <c r="AJ68" s="61">
        <v>0</v>
      </c>
      <c r="AK68" s="61">
        <v>0</v>
      </c>
      <c r="AL68" s="61">
        <v>0</v>
      </c>
      <c r="AM68" s="61">
        <v>0</v>
      </c>
      <c r="AN68" s="75">
        <v>0</v>
      </c>
    </row>
    <row r="69" spans="1:41" s="114" customFormat="1" ht="15" hidden="1" customHeight="1" outlineLevel="1">
      <c r="A69" s="113" t="s">
        <v>999</v>
      </c>
      <c r="B69" s="114" t="s">
        <v>2</v>
      </c>
      <c r="C69" s="151" t="s">
        <v>1000</v>
      </c>
      <c r="D69" s="147" t="s">
        <v>998</v>
      </c>
      <c r="E69" s="117"/>
      <c r="F69" s="128">
        <v>0</v>
      </c>
      <c r="G69" s="129">
        <v>0</v>
      </c>
      <c r="H69" s="129">
        <f t="shared" si="0"/>
        <v>0</v>
      </c>
      <c r="I69" s="130"/>
      <c r="J69" s="129">
        <v>0</v>
      </c>
      <c r="K69" s="129">
        <f t="shared" si="1"/>
        <v>0</v>
      </c>
      <c r="L69" s="129"/>
      <c r="M69" s="129">
        <v>0</v>
      </c>
      <c r="N69" s="129">
        <f t="shared" si="2"/>
        <v>0</v>
      </c>
      <c r="O69" s="131"/>
      <c r="P69" s="132">
        <v>0</v>
      </c>
      <c r="Q69" s="129">
        <v>0</v>
      </c>
      <c r="R69" s="129">
        <v>0</v>
      </c>
      <c r="S69" s="129">
        <v>0</v>
      </c>
      <c r="T69" s="129">
        <v>0</v>
      </c>
      <c r="U69" s="129">
        <v>0</v>
      </c>
      <c r="V69" s="129">
        <v>0</v>
      </c>
      <c r="W69" s="129">
        <v>0</v>
      </c>
      <c r="X69" s="129">
        <v>0</v>
      </c>
      <c r="Y69" s="129">
        <v>0</v>
      </c>
      <c r="Z69" s="129">
        <v>0</v>
      </c>
      <c r="AA69" s="129">
        <v>0</v>
      </c>
      <c r="AB69" s="133">
        <v>0</v>
      </c>
      <c r="AC69" s="129">
        <v>0</v>
      </c>
      <c r="AD69" s="129">
        <v>0</v>
      </c>
      <c r="AE69" s="129">
        <v>0</v>
      </c>
      <c r="AF69" s="129">
        <v>0</v>
      </c>
      <c r="AG69" s="129">
        <v>0</v>
      </c>
      <c r="AH69" s="129">
        <v>0</v>
      </c>
      <c r="AI69" s="129">
        <v>0</v>
      </c>
      <c r="AJ69" s="129">
        <v>0</v>
      </c>
      <c r="AK69" s="129">
        <v>0</v>
      </c>
      <c r="AL69" s="129">
        <v>0</v>
      </c>
      <c r="AM69" s="129">
        <v>0</v>
      </c>
      <c r="AN69" s="133">
        <v>0</v>
      </c>
      <c r="AO69" s="134"/>
    </row>
    <row r="70" spans="1:41" s="114" customFormat="1" ht="15" hidden="1" customHeight="1" outlineLevel="1">
      <c r="A70" s="113" t="s">
        <v>1001</v>
      </c>
      <c r="B70" s="114" t="s">
        <v>2</v>
      </c>
      <c r="C70" s="151" t="s">
        <v>1002</v>
      </c>
      <c r="D70" s="147" t="s">
        <v>998</v>
      </c>
      <c r="E70" s="117"/>
      <c r="F70" s="128">
        <v>0</v>
      </c>
      <c r="G70" s="129">
        <v>0</v>
      </c>
      <c r="H70" s="129">
        <f t="shared" si="0"/>
        <v>0</v>
      </c>
      <c r="I70" s="130"/>
      <c r="J70" s="129">
        <v>0</v>
      </c>
      <c r="K70" s="129">
        <f t="shared" si="1"/>
        <v>0</v>
      </c>
      <c r="L70" s="129"/>
      <c r="M70" s="129">
        <v>0</v>
      </c>
      <c r="N70" s="129">
        <f t="shared" si="2"/>
        <v>0</v>
      </c>
      <c r="O70" s="131"/>
      <c r="P70" s="132">
        <v>0</v>
      </c>
      <c r="Q70" s="129">
        <v>0</v>
      </c>
      <c r="R70" s="129">
        <v>0</v>
      </c>
      <c r="S70" s="129">
        <v>0</v>
      </c>
      <c r="T70" s="129">
        <v>0</v>
      </c>
      <c r="U70" s="129">
        <v>0</v>
      </c>
      <c r="V70" s="129">
        <v>0</v>
      </c>
      <c r="W70" s="129">
        <v>0</v>
      </c>
      <c r="X70" s="129">
        <v>0</v>
      </c>
      <c r="Y70" s="129">
        <v>0</v>
      </c>
      <c r="Z70" s="129">
        <v>0</v>
      </c>
      <c r="AA70" s="129">
        <v>0</v>
      </c>
      <c r="AB70" s="133">
        <v>0</v>
      </c>
      <c r="AC70" s="129">
        <v>0</v>
      </c>
      <c r="AD70" s="129">
        <v>0</v>
      </c>
      <c r="AE70" s="129">
        <v>0</v>
      </c>
      <c r="AF70" s="129">
        <v>0</v>
      </c>
      <c r="AG70" s="129">
        <v>0</v>
      </c>
      <c r="AH70" s="129">
        <v>0</v>
      </c>
      <c r="AI70" s="129">
        <v>0</v>
      </c>
      <c r="AJ70" s="129">
        <v>0</v>
      </c>
      <c r="AK70" s="129">
        <v>0</v>
      </c>
      <c r="AL70" s="129">
        <v>0</v>
      </c>
      <c r="AM70" s="129">
        <v>0</v>
      </c>
      <c r="AN70" s="133">
        <v>0</v>
      </c>
      <c r="AO70" s="134"/>
    </row>
    <row r="71" spans="1:41" s="62" customFormat="1" hidden="1" outlineLevel="2">
      <c r="A71" s="61" t="s">
        <v>452</v>
      </c>
      <c r="B71" s="61" t="s">
        <v>453</v>
      </c>
      <c r="C71" s="71" t="s">
        <v>169</v>
      </c>
      <c r="D71" s="72" t="s">
        <v>998</v>
      </c>
      <c r="E71" s="73"/>
      <c r="F71" s="62">
        <v>0</v>
      </c>
      <c r="G71" s="62">
        <v>0</v>
      </c>
      <c r="H71" s="62">
        <f t="shared" si="0"/>
        <v>0</v>
      </c>
      <c r="J71" s="62">
        <v>0</v>
      </c>
      <c r="K71" s="62">
        <f t="shared" si="1"/>
        <v>0</v>
      </c>
      <c r="M71" s="62">
        <v>-30</v>
      </c>
      <c r="N71" s="62">
        <f t="shared" si="2"/>
        <v>30</v>
      </c>
      <c r="P71" s="74">
        <v>0</v>
      </c>
      <c r="Q71" s="61">
        <v>0</v>
      </c>
      <c r="R71" s="61">
        <v>0</v>
      </c>
      <c r="S71" s="61">
        <v>0</v>
      </c>
      <c r="T71" s="62">
        <v>-51.14</v>
      </c>
      <c r="U71" s="61">
        <v>-51.14</v>
      </c>
      <c r="V71" s="61">
        <v>0</v>
      </c>
      <c r="W71" s="61">
        <v>0</v>
      </c>
      <c r="X71" s="61">
        <v>0</v>
      </c>
      <c r="Y71" s="61">
        <v>0</v>
      </c>
      <c r="Z71" s="61">
        <v>0</v>
      </c>
      <c r="AA71" s="61">
        <v>0</v>
      </c>
      <c r="AB71" s="75">
        <v>0</v>
      </c>
      <c r="AC71" s="61">
        <v>0</v>
      </c>
      <c r="AD71" s="61">
        <v>0</v>
      </c>
      <c r="AE71" s="61">
        <v>0</v>
      </c>
      <c r="AF71" s="62">
        <v>-30</v>
      </c>
      <c r="AG71" s="61">
        <v>-30</v>
      </c>
      <c r="AH71" s="61">
        <v>-60</v>
      </c>
      <c r="AI71" s="61">
        <v>-30</v>
      </c>
      <c r="AJ71" s="61">
        <v>-30</v>
      </c>
      <c r="AK71" s="61">
        <v>-30</v>
      </c>
      <c r="AL71" s="61">
        <v>-30</v>
      </c>
      <c r="AM71" s="61">
        <v>-30</v>
      </c>
      <c r="AN71" s="75">
        <v>0</v>
      </c>
    </row>
    <row r="72" spans="1:41" s="62" customFormat="1" hidden="1" outlineLevel="2">
      <c r="A72" s="61" t="s">
        <v>81</v>
      </c>
      <c r="B72" s="61" t="s">
        <v>82</v>
      </c>
      <c r="C72" s="71" t="s">
        <v>83</v>
      </c>
      <c r="D72" s="72" t="s">
        <v>998</v>
      </c>
      <c r="E72" s="73"/>
      <c r="F72" s="62">
        <v>32451.34</v>
      </c>
      <c r="G72" s="62">
        <v>36532.160000000003</v>
      </c>
      <c r="H72" s="62">
        <f t="shared" si="0"/>
        <v>-4080.8200000000033</v>
      </c>
      <c r="J72" s="62">
        <v>36532.160000000003</v>
      </c>
      <c r="K72" s="62">
        <f t="shared" si="1"/>
        <v>-4080.8200000000033</v>
      </c>
      <c r="M72" s="62">
        <v>34322.520000000004</v>
      </c>
      <c r="N72" s="62">
        <f t="shared" si="2"/>
        <v>-1871.1800000000039</v>
      </c>
      <c r="P72" s="74">
        <v>38624.700000000004</v>
      </c>
      <c r="Q72" s="61">
        <v>38624.700000000004</v>
      </c>
      <c r="R72" s="61">
        <v>38624.700000000004</v>
      </c>
      <c r="S72" s="61">
        <v>38624.700000000004</v>
      </c>
      <c r="T72" s="62">
        <v>37528.400000000001</v>
      </c>
      <c r="U72" s="61">
        <v>37528.400000000001</v>
      </c>
      <c r="V72" s="61">
        <v>37528.400000000001</v>
      </c>
      <c r="W72" s="61">
        <v>37528.400000000001</v>
      </c>
      <c r="X72" s="61">
        <v>37528.400000000001</v>
      </c>
      <c r="Y72" s="61">
        <v>37528.400000000001</v>
      </c>
      <c r="Z72" s="61">
        <v>37528.400000000001</v>
      </c>
      <c r="AA72" s="61">
        <v>37528.400000000001</v>
      </c>
      <c r="AB72" s="75">
        <v>36532.160000000003</v>
      </c>
      <c r="AC72" s="61">
        <v>35272.65</v>
      </c>
      <c r="AD72" s="61">
        <v>35272.65</v>
      </c>
      <c r="AE72" s="61">
        <v>35272.65</v>
      </c>
      <c r="AF72" s="62">
        <v>35272.65</v>
      </c>
      <c r="AG72" s="61">
        <v>34226.47</v>
      </c>
      <c r="AH72" s="61">
        <v>34226.47</v>
      </c>
      <c r="AI72" s="61">
        <v>34226.47</v>
      </c>
      <c r="AJ72" s="61">
        <v>33314.800000000003</v>
      </c>
      <c r="AK72" s="61">
        <v>34322.520000000004</v>
      </c>
      <c r="AL72" s="61">
        <v>34322.520000000004</v>
      </c>
      <c r="AM72" s="61">
        <v>34322.520000000004</v>
      </c>
      <c r="AN72" s="75">
        <v>32451.34</v>
      </c>
    </row>
    <row r="73" spans="1:41" s="62" customFormat="1" hidden="1" outlineLevel="2">
      <c r="A73" s="61" t="s">
        <v>526</v>
      </c>
      <c r="B73" s="61" t="s">
        <v>527</v>
      </c>
      <c r="C73" s="71" t="s">
        <v>528</v>
      </c>
      <c r="D73" s="72" t="s">
        <v>998</v>
      </c>
      <c r="E73" s="73"/>
      <c r="F73" s="62">
        <v>2653.52</v>
      </c>
      <c r="G73" s="62">
        <v>36555.050000000003</v>
      </c>
      <c r="H73" s="62">
        <f t="shared" si="0"/>
        <v>-33901.530000000006</v>
      </c>
      <c r="J73" s="62">
        <v>36555.050000000003</v>
      </c>
      <c r="K73" s="62">
        <f t="shared" si="1"/>
        <v>-33901.530000000006</v>
      </c>
      <c r="M73" s="62">
        <v>2329</v>
      </c>
      <c r="N73" s="62">
        <f t="shared" si="2"/>
        <v>324.52</v>
      </c>
      <c r="P73" s="74">
        <v>12048</v>
      </c>
      <c r="Q73" s="61">
        <v>81409.650000000009</v>
      </c>
      <c r="R73" s="61">
        <v>77369</v>
      </c>
      <c r="S73" s="61">
        <v>74339</v>
      </c>
      <c r="T73" s="62">
        <v>7268</v>
      </c>
      <c r="U73" s="61">
        <v>37414</v>
      </c>
      <c r="V73" s="61">
        <v>43400.5</v>
      </c>
      <c r="W73" s="61">
        <v>30761</v>
      </c>
      <c r="X73" s="61">
        <v>20938</v>
      </c>
      <c r="Y73" s="61">
        <v>15213</v>
      </c>
      <c r="Z73" s="61">
        <v>30400</v>
      </c>
      <c r="AA73" s="61">
        <v>49022</v>
      </c>
      <c r="AB73" s="75">
        <v>36555.050000000003</v>
      </c>
      <c r="AC73" s="61">
        <v>21347</v>
      </c>
      <c r="AD73" s="61">
        <v>11626</v>
      </c>
      <c r="AE73" s="61">
        <v>5990</v>
      </c>
      <c r="AF73" s="62">
        <v>5790</v>
      </c>
      <c r="AG73" s="61">
        <v>14420</v>
      </c>
      <c r="AH73" s="61">
        <v>32667</v>
      </c>
      <c r="AI73" s="61">
        <v>19832</v>
      </c>
      <c r="AJ73" s="61">
        <v>16012.12</v>
      </c>
      <c r="AK73" s="61">
        <v>16195</v>
      </c>
      <c r="AL73" s="61">
        <v>4385</v>
      </c>
      <c r="AM73" s="61">
        <v>2329</v>
      </c>
      <c r="AN73" s="75">
        <v>2653.52</v>
      </c>
    </row>
    <row r="74" spans="1:41" s="62" customFormat="1" hidden="1" outlineLevel="2">
      <c r="A74" s="61" t="s">
        <v>84</v>
      </c>
      <c r="B74" s="61" t="s">
        <v>85</v>
      </c>
      <c r="C74" s="71" t="s">
        <v>86</v>
      </c>
      <c r="D74" s="72" t="s">
        <v>998</v>
      </c>
      <c r="E74" s="73"/>
      <c r="F74" s="62">
        <v>-2653.52</v>
      </c>
      <c r="G74" s="62">
        <v>-36555.050000000003</v>
      </c>
      <c r="H74" s="62">
        <f t="shared" ref="H74:H137" si="9">+F74-G74</f>
        <v>33901.530000000006</v>
      </c>
      <c r="J74" s="62">
        <v>-36555.050000000003</v>
      </c>
      <c r="K74" s="62">
        <f t="shared" ref="K74:K137" si="10">+F74-J74</f>
        <v>33901.530000000006</v>
      </c>
      <c r="M74" s="62">
        <v>-4498.0020000000004</v>
      </c>
      <c r="N74" s="62">
        <f t="shared" ref="N74:N137" si="11">+F74-M74</f>
        <v>1844.4820000000004</v>
      </c>
      <c r="P74" s="74">
        <v>-11367.002</v>
      </c>
      <c r="Q74" s="61">
        <v>-78436.002000000008</v>
      </c>
      <c r="R74" s="61">
        <v>-76788.002000000008</v>
      </c>
      <c r="S74" s="61">
        <v>-73808.002000000008</v>
      </c>
      <c r="T74" s="62">
        <v>-6787.0020000000004</v>
      </c>
      <c r="U74" s="61">
        <v>-36983.002</v>
      </c>
      <c r="V74" s="61">
        <v>-43400.502</v>
      </c>
      <c r="W74" s="61">
        <v>-32030.002</v>
      </c>
      <c r="X74" s="61">
        <v>-23795.002</v>
      </c>
      <c r="Y74" s="61">
        <v>-15213.002</v>
      </c>
      <c r="Z74" s="61">
        <v>-31819.002</v>
      </c>
      <c r="AA74" s="61">
        <v>-59387.002</v>
      </c>
      <c r="AB74" s="75">
        <v>-36555.050000000003</v>
      </c>
      <c r="AC74" s="61">
        <v>-36819.002</v>
      </c>
      <c r="AD74" s="61">
        <v>-16554.002</v>
      </c>
      <c r="AE74" s="61">
        <v>-5990</v>
      </c>
      <c r="AF74" s="62">
        <v>-7384.0020000000004</v>
      </c>
      <c r="AG74" s="61">
        <v>-16314.002</v>
      </c>
      <c r="AH74" s="61">
        <v>-32667</v>
      </c>
      <c r="AI74" s="61">
        <v>-26134.002</v>
      </c>
      <c r="AJ74" s="61">
        <v>-19044.002</v>
      </c>
      <c r="AK74" s="61">
        <v>-16195</v>
      </c>
      <c r="AL74" s="61">
        <v>-7384.0020000000004</v>
      </c>
      <c r="AM74" s="61">
        <v>-4498.0020000000004</v>
      </c>
      <c r="AN74" s="75">
        <v>-2653.52</v>
      </c>
    </row>
    <row r="75" spans="1:41" s="62" customFormat="1" hidden="1" outlineLevel="2">
      <c r="A75" s="61" t="s">
        <v>1003</v>
      </c>
      <c r="B75" s="61" t="s">
        <v>1004</v>
      </c>
      <c r="C75" s="71" t="s">
        <v>1005</v>
      </c>
      <c r="D75" s="72" t="s">
        <v>998</v>
      </c>
      <c r="E75" s="73"/>
      <c r="F75" s="62">
        <v>0</v>
      </c>
      <c r="G75" s="62">
        <v>0</v>
      </c>
      <c r="H75" s="62">
        <f t="shared" si="9"/>
        <v>0</v>
      </c>
      <c r="J75" s="62">
        <v>0</v>
      </c>
      <c r="K75" s="62">
        <f t="shared" si="10"/>
        <v>0</v>
      </c>
      <c r="M75" s="62">
        <v>0</v>
      </c>
      <c r="N75" s="62">
        <f t="shared" si="11"/>
        <v>0</v>
      </c>
      <c r="P75" s="74">
        <v>0</v>
      </c>
      <c r="Q75" s="61">
        <v>0</v>
      </c>
      <c r="R75" s="61">
        <v>0</v>
      </c>
      <c r="S75" s="61">
        <v>0</v>
      </c>
      <c r="T75" s="62">
        <v>0</v>
      </c>
      <c r="U75" s="61">
        <v>0</v>
      </c>
      <c r="V75" s="61">
        <v>0</v>
      </c>
      <c r="W75" s="61">
        <v>0</v>
      </c>
      <c r="X75" s="61">
        <v>0</v>
      </c>
      <c r="Y75" s="61">
        <v>0</v>
      </c>
      <c r="Z75" s="61">
        <v>0</v>
      </c>
      <c r="AA75" s="61">
        <v>0</v>
      </c>
      <c r="AB75" s="75">
        <v>0</v>
      </c>
      <c r="AC75" s="61">
        <v>0</v>
      </c>
      <c r="AD75" s="61">
        <v>0</v>
      </c>
      <c r="AE75" s="61">
        <v>0</v>
      </c>
      <c r="AF75" s="62">
        <v>0</v>
      </c>
      <c r="AG75" s="61">
        <v>0</v>
      </c>
      <c r="AH75" s="61">
        <v>0</v>
      </c>
      <c r="AI75" s="61">
        <v>0</v>
      </c>
      <c r="AJ75" s="61">
        <v>0</v>
      </c>
      <c r="AK75" s="61">
        <v>0</v>
      </c>
      <c r="AL75" s="61">
        <v>0</v>
      </c>
      <c r="AM75" s="61">
        <v>0</v>
      </c>
      <c r="AN75" s="75">
        <v>0</v>
      </c>
    </row>
    <row r="76" spans="1:41" s="62" customFormat="1" hidden="1" outlineLevel="2">
      <c r="A76" s="61" t="s">
        <v>1006</v>
      </c>
      <c r="B76" s="61" t="s">
        <v>1007</v>
      </c>
      <c r="C76" s="71" t="s">
        <v>1008</v>
      </c>
      <c r="D76" s="72" t="s">
        <v>998</v>
      </c>
      <c r="E76" s="73"/>
      <c r="F76" s="62">
        <v>0</v>
      </c>
      <c r="G76" s="62">
        <v>0</v>
      </c>
      <c r="H76" s="62">
        <f t="shared" si="9"/>
        <v>0</v>
      </c>
      <c r="J76" s="62">
        <v>0</v>
      </c>
      <c r="K76" s="62">
        <f t="shared" si="10"/>
        <v>0</v>
      </c>
      <c r="M76" s="62">
        <v>0</v>
      </c>
      <c r="N76" s="62">
        <f t="shared" si="11"/>
        <v>0</v>
      </c>
      <c r="P76" s="74">
        <v>0</v>
      </c>
      <c r="Q76" s="61">
        <v>0</v>
      </c>
      <c r="R76" s="61">
        <v>0</v>
      </c>
      <c r="S76" s="61">
        <v>0</v>
      </c>
      <c r="T76" s="62">
        <v>0</v>
      </c>
      <c r="U76" s="61">
        <v>0</v>
      </c>
      <c r="V76" s="61">
        <v>0</v>
      </c>
      <c r="W76" s="61">
        <v>0</v>
      </c>
      <c r="X76" s="61">
        <v>0</v>
      </c>
      <c r="Y76" s="61">
        <v>0</v>
      </c>
      <c r="Z76" s="61">
        <v>0</v>
      </c>
      <c r="AA76" s="61">
        <v>0</v>
      </c>
      <c r="AB76" s="75">
        <v>0</v>
      </c>
      <c r="AC76" s="61">
        <v>0</v>
      </c>
      <c r="AD76" s="61">
        <v>0</v>
      </c>
      <c r="AE76" s="61">
        <v>0</v>
      </c>
      <c r="AF76" s="62">
        <v>0</v>
      </c>
      <c r="AG76" s="61">
        <v>0</v>
      </c>
      <c r="AH76" s="61">
        <v>0</v>
      </c>
      <c r="AI76" s="61">
        <v>0</v>
      </c>
      <c r="AJ76" s="61">
        <v>0</v>
      </c>
      <c r="AK76" s="61">
        <v>0</v>
      </c>
      <c r="AL76" s="61">
        <v>0</v>
      </c>
      <c r="AM76" s="61">
        <v>0</v>
      </c>
      <c r="AN76" s="75">
        <v>0</v>
      </c>
    </row>
    <row r="77" spans="1:41" s="62" customFormat="1" hidden="1" outlineLevel="2">
      <c r="A77" s="61" t="s">
        <v>87</v>
      </c>
      <c r="B77" s="61" t="s">
        <v>88</v>
      </c>
      <c r="C77" s="71" t="s">
        <v>89</v>
      </c>
      <c r="D77" s="72" t="s">
        <v>998</v>
      </c>
      <c r="E77" s="73"/>
      <c r="F77" s="62">
        <v>261677.03</v>
      </c>
      <c r="G77" s="62">
        <v>29615.27</v>
      </c>
      <c r="H77" s="62">
        <f t="shared" si="9"/>
        <v>232061.76</v>
      </c>
      <c r="J77" s="62">
        <v>29615.27</v>
      </c>
      <c r="K77" s="62">
        <f t="shared" si="10"/>
        <v>232061.76</v>
      </c>
      <c r="M77" s="62">
        <v>62788.9</v>
      </c>
      <c r="N77" s="62">
        <f t="shared" si="11"/>
        <v>198888.13</v>
      </c>
      <c r="P77" s="74">
        <v>30858.86</v>
      </c>
      <c r="Q77" s="61">
        <v>11194</v>
      </c>
      <c r="R77" s="61">
        <v>1134.6100000000001</v>
      </c>
      <c r="S77" s="61">
        <v>1598.7</v>
      </c>
      <c r="T77" s="62">
        <v>17.88</v>
      </c>
      <c r="U77" s="61">
        <v>17.88</v>
      </c>
      <c r="V77" s="61">
        <v>17.88</v>
      </c>
      <c r="W77" s="61">
        <v>5431.3</v>
      </c>
      <c r="X77" s="61">
        <v>7833.55</v>
      </c>
      <c r="Y77" s="61">
        <v>9381.16</v>
      </c>
      <c r="Z77" s="61">
        <v>34286.370000000003</v>
      </c>
      <c r="AA77" s="61">
        <v>29591.27</v>
      </c>
      <c r="AB77" s="75">
        <v>29615.27</v>
      </c>
      <c r="AC77" s="61">
        <v>29591.27</v>
      </c>
      <c r="AD77" s="61">
        <v>29583.79</v>
      </c>
      <c r="AE77" s="61">
        <v>188446.52</v>
      </c>
      <c r="AF77" s="62">
        <v>0</v>
      </c>
      <c r="AG77" s="61">
        <v>39151.08</v>
      </c>
      <c r="AH77" s="61">
        <v>0</v>
      </c>
      <c r="AI77" s="61">
        <v>0</v>
      </c>
      <c r="AJ77" s="61">
        <v>285.78000000000003</v>
      </c>
      <c r="AK77" s="61">
        <v>63103.85</v>
      </c>
      <c r="AL77" s="61">
        <v>67636.36</v>
      </c>
      <c r="AM77" s="61">
        <v>62788.9</v>
      </c>
      <c r="AN77" s="75">
        <v>261677.03</v>
      </c>
    </row>
    <row r="78" spans="1:41" s="62" customFormat="1" hidden="1" outlineLevel="2">
      <c r="A78" s="61" t="s">
        <v>800</v>
      </c>
      <c r="B78" s="61" t="s">
        <v>801</v>
      </c>
      <c r="C78" s="71" t="s">
        <v>802</v>
      </c>
      <c r="D78" s="72" t="s">
        <v>998</v>
      </c>
      <c r="E78" s="73"/>
      <c r="F78" s="62">
        <v>0</v>
      </c>
      <c r="G78" s="62">
        <v>0</v>
      </c>
      <c r="H78" s="62">
        <f t="shared" si="9"/>
        <v>0</v>
      </c>
      <c r="J78" s="62">
        <v>0</v>
      </c>
      <c r="K78" s="62">
        <f t="shared" si="10"/>
        <v>0</v>
      </c>
      <c r="M78" s="62">
        <v>0</v>
      </c>
      <c r="N78" s="62">
        <f t="shared" si="11"/>
        <v>0</v>
      </c>
      <c r="P78" s="74">
        <v>0</v>
      </c>
      <c r="Q78" s="61">
        <v>0</v>
      </c>
      <c r="R78" s="61">
        <v>0</v>
      </c>
      <c r="S78" s="61">
        <v>0</v>
      </c>
      <c r="T78" s="62">
        <v>0</v>
      </c>
      <c r="U78" s="61">
        <v>0</v>
      </c>
      <c r="V78" s="61">
        <v>0</v>
      </c>
      <c r="W78" s="61">
        <v>0</v>
      </c>
      <c r="X78" s="61">
        <v>-7815.67</v>
      </c>
      <c r="Y78" s="61">
        <v>0</v>
      </c>
      <c r="Z78" s="61">
        <v>0</v>
      </c>
      <c r="AA78" s="61">
        <v>0</v>
      </c>
      <c r="AB78" s="75">
        <v>0</v>
      </c>
      <c r="AC78" s="61">
        <v>0</v>
      </c>
      <c r="AD78" s="61">
        <v>0</v>
      </c>
      <c r="AE78" s="61">
        <v>0</v>
      </c>
      <c r="AF78" s="62">
        <v>0</v>
      </c>
      <c r="AG78" s="61">
        <v>-39146.18</v>
      </c>
      <c r="AH78" s="61">
        <v>0</v>
      </c>
      <c r="AI78" s="61">
        <v>0</v>
      </c>
      <c r="AJ78" s="61">
        <v>0</v>
      </c>
      <c r="AK78" s="61">
        <v>0</v>
      </c>
      <c r="AL78" s="61">
        <v>0</v>
      </c>
      <c r="AM78" s="61">
        <v>0</v>
      </c>
      <c r="AN78" s="75">
        <v>0</v>
      </c>
    </row>
    <row r="79" spans="1:41" s="114" customFormat="1" ht="15" hidden="1" customHeight="1" outlineLevel="1">
      <c r="A79" s="113" t="s">
        <v>1009</v>
      </c>
      <c r="B79" s="114" t="s">
        <v>2</v>
      </c>
      <c r="C79" s="151" t="s">
        <v>1010</v>
      </c>
      <c r="D79" s="147" t="s">
        <v>998</v>
      </c>
      <c r="E79" s="117"/>
      <c r="F79" s="128">
        <v>294128.37</v>
      </c>
      <c r="G79" s="129">
        <v>66147.430000000008</v>
      </c>
      <c r="H79" s="129">
        <f t="shared" si="9"/>
        <v>227980.94</v>
      </c>
      <c r="I79" s="130"/>
      <c r="J79" s="129">
        <v>66147.430000000008</v>
      </c>
      <c r="K79" s="129">
        <f t="shared" si="10"/>
        <v>227980.94</v>
      </c>
      <c r="L79" s="129"/>
      <c r="M79" s="129">
        <v>94912.418000000005</v>
      </c>
      <c r="N79" s="129">
        <f t="shared" si="11"/>
        <v>199215.95199999999</v>
      </c>
      <c r="O79" s="131"/>
      <c r="P79" s="132">
        <v>70164.558000000005</v>
      </c>
      <c r="Q79" s="129">
        <v>52792.347999999998</v>
      </c>
      <c r="R79" s="129">
        <v>40340.308000000005</v>
      </c>
      <c r="S79" s="129">
        <v>40754.398000000001</v>
      </c>
      <c r="T79" s="129">
        <v>37976.137999999999</v>
      </c>
      <c r="U79" s="129">
        <v>37926.138000000006</v>
      </c>
      <c r="V79" s="129">
        <v>37546.277999999991</v>
      </c>
      <c r="W79" s="129">
        <v>41690.697999999997</v>
      </c>
      <c r="X79" s="129">
        <v>34689.278000000006</v>
      </c>
      <c r="Y79" s="129">
        <v>46909.558000000005</v>
      </c>
      <c r="Z79" s="129">
        <v>70395.767999999996</v>
      </c>
      <c r="AA79" s="129">
        <v>56754.667999999991</v>
      </c>
      <c r="AB79" s="133">
        <v>66147.430000000008</v>
      </c>
      <c r="AC79" s="129">
        <v>49391.918000000005</v>
      </c>
      <c r="AD79" s="129">
        <v>59928.438000000002</v>
      </c>
      <c r="AE79" s="129">
        <v>223719.16999999998</v>
      </c>
      <c r="AF79" s="129">
        <v>33648.648000000001</v>
      </c>
      <c r="AG79" s="129">
        <v>32307.368000000009</v>
      </c>
      <c r="AH79" s="129">
        <v>34166.47</v>
      </c>
      <c r="AI79" s="129">
        <v>27894.468000000001</v>
      </c>
      <c r="AJ79" s="129">
        <v>30538.698000000004</v>
      </c>
      <c r="AK79" s="129">
        <v>97396.37</v>
      </c>
      <c r="AL79" s="129">
        <v>98929.877999999997</v>
      </c>
      <c r="AM79" s="129">
        <v>94912.418000000005</v>
      </c>
      <c r="AN79" s="133">
        <v>294128.37</v>
      </c>
      <c r="AO79" s="134"/>
    </row>
    <row r="80" spans="1:41" s="114" customFormat="1" ht="15" hidden="1" customHeight="1" outlineLevel="1">
      <c r="A80" s="113"/>
      <c r="B80" s="114" t="s">
        <v>2</v>
      </c>
      <c r="C80" s="135" t="s">
        <v>1011</v>
      </c>
      <c r="D80" s="146"/>
      <c r="E80" s="117"/>
      <c r="F80" s="128">
        <f>+F79+F70+F69</f>
        <v>294128.37</v>
      </c>
      <c r="G80" s="129">
        <f>+G79+G70+G69</f>
        <v>66147.430000000008</v>
      </c>
      <c r="H80" s="129">
        <f t="shared" si="9"/>
        <v>227980.94</v>
      </c>
      <c r="I80" s="130"/>
      <c r="J80" s="129">
        <f>+J79+J70+J69</f>
        <v>66147.430000000008</v>
      </c>
      <c r="K80" s="129">
        <f t="shared" si="10"/>
        <v>227980.94</v>
      </c>
      <c r="L80" s="129"/>
      <c r="M80" s="129">
        <f>+M79+M70+M69</f>
        <v>94912.418000000005</v>
      </c>
      <c r="N80" s="129">
        <f t="shared" si="11"/>
        <v>199215.95199999999</v>
      </c>
      <c r="O80" s="131"/>
      <c r="P80" s="132">
        <f t="shared" ref="P80:AN80" si="12">+P79+P70+P69</f>
        <v>70164.558000000005</v>
      </c>
      <c r="Q80" s="129">
        <f t="shared" si="12"/>
        <v>52792.347999999998</v>
      </c>
      <c r="R80" s="129">
        <f t="shared" si="12"/>
        <v>40340.308000000005</v>
      </c>
      <c r="S80" s="129">
        <f t="shared" si="12"/>
        <v>40754.398000000001</v>
      </c>
      <c r="T80" s="129">
        <f t="shared" si="12"/>
        <v>37976.137999999999</v>
      </c>
      <c r="U80" s="129">
        <f t="shared" si="12"/>
        <v>37926.138000000006</v>
      </c>
      <c r="V80" s="129">
        <f t="shared" si="12"/>
        <v>37546.277999999991</v>
      </c>
      <c r="W80" s="129">
        <f t="shared" si="12"/>
        <v>41690.697999999997</v>
      </c>
      <c r="X80" s="129">
        <f t="shared" si="12"/>
        <v>34689.278000000006</v>
      </c>
      <c r="Y80" s="129">
        <f t="shared" si="12"/>
        <v>46909.558000000005</v>
      </c>
      <c r="Z80" s="129">
        <f t="shared" si="12"/>
        <v>70395.767999999996</v>
      </c>
      <c r="AA80" s="129">
        <f t="shared" si="12"/>
        <v>56754.667999999991</v>
      </c>
      <c r="AB80" s="133">
        <f t="shared" si="12"/>
        <v>66147.430000000008</v>
      </c>
      <c r="AC80" s="129">
        <f t="shared" si="12"/>
        <v>49391.918000000005</v>
      </c>
      <c r="AD80" s="129">
        <f t="shared" si="12"/>
        <v>59928.438000000002</v>
      </c>
      <c r="AE80" s="129">
        <f t="shared" si="12"/>
        <v>223719.16999999998</v>
      </c>
      <c r="AF80" s="129">
        <f t="shared" si="12"/>
        <v>33648.648000000001</v>
      </c>
      <c r="AG80" s="129">
        <f t="shared" si="12"/>
        <v>32307.368000000009</v>
      </c>
      <c r="AH80" s="129">
        <f t="shared" si="12"/>
        <v>34166.47</v>
      </c>
      <c r="AI80" s="129">
        <f t="shared" si="12"/>
        <v>27894.468000000001</v>
      </c>
      <c r="AJ80" s="129">
        <f t="shared" si="12"/>
        <v>30538.698000000004</v>
      </c>
      <c r="AK80" s="129">
        <f t="shared" si="12"/>
        <v>97396.37</v>
      </c>
      <c r="AL80" s="129">
        <f t="shared" si="12"/>
        <v>98929.877999999997</v>
      </c>
      <c r="AM80" s="129">
        <f t="shared" si="12"/>
        <v>94912.418000000005</v>
      </c>
      <c r="AN80" s="133">
        <f t="shared" si="12"/>
        <v>294128.37</v>
      </c>
      <c r="AO80" s="134"/>
    </row>
    <row r="81" spans="1:41" s="114" customFormat="1" ht="15" customHeight="1" collapsed="1">
      <c r="A81" s="113"/>
      <c r="B81" s="114" t="s">
        <v>2</v>
      </c>
      <c r="C81" s="126" t="s">
        <v>1012</v>
      </c>
      <c r="D81" s="146"/>
      <c r="E81" s="117"/>
      <c r="F81" s="128">
        <f>+F80+F67</f>
        <v>12065442.529999999</v>
      </c>
      <c r="G81" s="129">
        <f>+G80+G67</f>
        <v>13349678.93</v>
      </c>
      <c r="H81" s="129">
        <f t="shared" si="9"/>
        <v>-1284236.4000000004</v>
      </c>
      <c r="I81" s="130"/>
      <c r="J81" s="129">
        <f>+J80+J67</f>
        <v>13349678.93</v>
      </c>
      <c r="K81" s="129">
        <f t="shared" si="10"/>
        <v>-1284236.4000000004</v>
      </c>
      <c r="L81" s="129"/>
      <c r="M81" s="129">
        <f>+M80+M67</f>
        <v>4212586.4779999992</v>
      </c>
      <c r="N81" s="129">
        <f t="shared" si="11"/>
        <v>7852856.0520000001</v>
      </c>
      <c r="O81" s="131"/>
      <c r="P81" s="132">
        <f t="shared" ref="P81:AN81" si="13">+P80+P67</f>
        <v>196449608.91799995</v>
      </c>
      <c r="Q81" s="129">
        <f t="shared" si="13"/>
        <v>14285684.988</v>
      </c>
      <c r="R81" s="129">
        <f t="shared" si="13"/>
        <v>4891770.1680000005</v>
      </c>
      <c r="S81" s="129">
        <f t="shared" si="13"/>
        <v>9421289.0880000014</v>
      </c>
      <c r="T81" s="129">
        <f t="shared" si="13"/>
        <v>9723374.6080000009</v>
      </c>
      <c r="U81" s="129">
        <f t="shared" si="13"/>
        <v>6567931.1380000003</v>
      </c>
      <c r="V81" s="129">
        <f t="shared" si="13"/>
        <v>13083910.528000001</v>
      </c>
      <c r="W81" s="129">
        <f t="shared" si="13"/>
        <v>7305921.3479999993</v>
      </c>
      <c r="X81" s="129">
        <f t="shared" si="13"/>
        <v>3563349.3080000002</v>
      </c>
      <c r="Y81" s="129">
        <f t="shared" si="13"/>
        <v>12727256.628</v>
      </c>
      <c r="Z81" s="129">
        <f t="shared" si="13"/>
        <v>11371219.768000001</v>
      </c>
      <c r="AA81" s="129">
        <f t="shared" si="13"/>
        <v>4411501.4579999996</v>
      </c>
      <c r="AB81" s="133">
        <f t="shared" si="13"/>
        <v>13349678.93</v>
      </c>
      <c r="AC81" s="129">
        <f t="shared" si="13"/>
        <v>5337291.3680000007</v>
      </c>
      <c r="AD81" s="129">
        <f t="shared" si="13"/>
        <v>7012380.2080000006</v>
      </c>
      <c r="AE81" s="129">
        <f t="shared" si="13"/>
        <v>14925690.359999998</v>
      </c>
      <c r="AF81" s="129">
        <f t="shared" si="13"/>
        <v>4098259.0180000002</v>
      </c>
      <c r="AG81" s="129">
        <f t="shared" si="13"/>
        <v>6662672.3979999991</v>
      </c>
      <c r="AH81" s="129">
        <f t="shared" si="13"/>
        <v>10964925.310000001</v>
      </c>
      <c r="AI81" s="129">
        <f t="shared" si="13"/>
        <v>3385588.2480000001</v>
      </c>
      <c r="AJ81" s="129">
        <f t="shared" si="13"/>
        <v>4798069.5080000004</v>
      </c>
      <c r="AK81" s="129">
        <f t="shared" si="13"/>
        <v>13267502.279999999</v>
      </c>
      <c r="AL81" s="129">
        <f t="shared" si="13"/>
        <v>4195647.9380000001</v>
      </c>
      <c r="AM81" s="129">
        <f t="shared" si="13"/>
        <v>4212586.4779999992</v>
      </c>
      <c r="AN81" s="133">
        <f t="shared" si="13"/>
        <v>12065442.529999999</v>
      </c>
      <c r="AO81" s="134"/>
    </row>
    <row r="82" spans="1:41" s="114" customFormat="1" ht="4.5" hidden="1" customHeight="1" outlineLevel="1">
      <c r="A82" s="113"/>
      <c r="C82" s="126"/>
      <c r="D82" s="146"/>
      <c r="E82" s="117"/>
      <c r="F82" s="128"/>
      <c r="G82" s="129"/>
      <c r="H82" s="129">
        <f t="shared" si="9"/>
        <v>0</v>
      </c>
      <c r="I82" s="130"/>
      <c r="J82" s="129"/>
      <c r="K82" s="129">
        <f t="shared" si="10"/>
        <v>0</v>
      </c>
      <c r="L82" s="129"/>
      <c r="M82" s="129"/>
      <c r="N82" s="129">
        <f t="shared" si="11"/>
        <v>0</v>
      </c>
      <c r="O82" s="131"/>
      <c r="P82" s="132"/>
      <c r="Q82" s="129"/>
      <c r="R82" s="129"/>
      <c r="S82" s="129"/>
      <c r="T82" s="129"/>
      <c r="U82" s="129"/>
      <c r="V82" s="129"/>
      <c r="W82" s="129"/>
      <c r="X82" s="129"/>
      <c r="Y82" s="129"/>
      <c r="Z82" s="129"/>
      <c r="AA82" s="129"/>
      <c r="AB82" s="133"/>
      <c r="AC82" s="129"/>
      <c r="AD82" s="129"/>
      <c r="AE82" s="129"/>
      <c r="AF82" s="129"/>
      <c r="AG82" s="129"/>
      <c r="AH82" s="129"/>
      <c r="AI82" s="129"/>
      <c r="AJ82" s="129"/>
      <c r="AK82" s="129"/>
      <c r="AL82" s="129"/>
      <c r="AM82" s="129"/>
      <c r="AN82" s="133"/>
      <c r="AO82" s="134"/>
    </row>
    <row r="83" spans="1:41" s="62" customFormat="1" hidden="1" outlineLevel="2">
      <c r="A83" s="61" t="s">
        <v>90</v>
      </c>
      <c r="B83" s="61" t="s">
        <v>91</v>
      </c>
      <c r="C83" s="71" t="s">
        <v>92</v>
      </c>
      <c r="D83" s="72" t="s">
        <v>1013</v>
      </c>
      <c r="E83" s="73"/>
      <c r="F83" s="62">
        <v>-58182.020000000004</v>
      </c>
      <c r="G83" s="62">
        <v>-233733.92</v>
      </c>
      <c r="H83" s="62">
        <f t="shared" si="9"/>
        <v>175551.90000000002</v>
      </c>
      <c r="J83" s="62">
        <v>-233733.92</v>
      </c>
      <c r="K83" s="62">
        <f t="shared" si="10"/>
        <v>175551.90000000002</v>
      </c>
      <c r="M83" s="62">
        <v>-44505.22</v>
      </c>
      <c r="N83" s="62">
        <f t="shared" si="11"/>
        <v>-13676.800000000003</v>
      </c>
      <c r="P83" s="74">
        <v>-21464.69</v>
      </c>
      <c r="Q83" s="61">
        <v>-57778.25</v>
      </c>
      <c r="R83" s="61">
        <v>-76051.97</v>
      </c>
      <c r="S83" s="61">
        <v>-130051.97</v>
      </c>
      <c r="T83" s="62">
        <v>-183560.1</v>
      </c>
      <c r="U83" s="61">
        <v>-122394.18000000001</v>
      </c>
      <c r="V83" s="61">
        <v>-112460.44</v>
      </c>
      <c r="W83" s="61">
        <v>-108315.66</v>
      </c>
      <c r="X83" s="61">
        <v>-195665.66</v>
      </c>
      <c r="Y83" s="61">
        <v>-180327.49</v>
      </c>
      <c r="Z83" s="61">
        <v>-236588.54</v>
      </c>
      <c r="AA83" s="61">
        <v>-242124.86000000002</v>
      </c>
      <c r="AB83" s="75">
        <v>-233733.92</v>
      </c>
      <c r="AC83" s="61">
        <v>-225900.57</v>
      </c>
      <c r="AD83" s="61">
        <v>-264351.26</v>
      </c>
      <c r="AE83" s="61">
        <v>-252551.26</v>
      </c>
      <c r="AF83" s="62">
        <v>-267697.37</v>
      </c>
      <c r="AG83" s="61">
        <v>-273942.28999999998</v>
      </c>
      <c r="AH83" s="61">
        <v>-60136.770000000004</v>
      </c>
      <c r="AI83" s="61">
        <v>-59737.630000000005</v>
      </c>
      <c r="AJ83" s="61">
        <v>-85737.63</v>
      </c>
      <c r="AK83" s="61">
        <v>-62761.25</v>
      </c>
      <c r="AL83" s="61">
        <v>-68871.320000000007</v>
      </c>
      <c r="AM83" s="61">
        <v>-44505.22</v>
      </c>
      <c r="AN83" s="75">
        <v>-58182.020000000004</v>
      </c>
    </row>
    <row r="84" spans="1:41" s="114" customFormat="1" ht="15" customHeight="1" collapsed="1">
      <c r="A84" s="113" t="s">
        <v>1014</v>
      </c>
      <c r="B84" s="114" t="s">
        <v>2</v>
      </c>
      <c r="C84" s="152" t="s">
        <v>1015</v>
      </c>
      <c r="D84" s="153" t="s">
        <v>1013</v>
      </c>
      <c r="E84" s="154"/>
      <c r="F84" s="155">
        <v>-58182.020000000004</v>
      </c>
      <c r="G84" s="156">
        <v>-233733.92</v>
      </c>
      <c r="H84" s="156">
        <f t="shared" si="9"/>
        <v>175551.90000000002</v>
      </c>
      <c r="I84" s="130"/>
      <c r="J84" s="156">
        <v>-233733.92</v>
      </c>
      <c r="K84" s="156">
        <f t="shared" si="10"/>
        <v>175551.90000000002</v>
      </c>
      <c r="L84" s="156"/>
      <c r="M84" s="156">
        <v>-44505.22</v>
      </c>
      <c r="N84" s="156">
        <f t="shared" si="11"/>
        <v>-13676.800000000003</v>
      </c>
      <c r="O84" s="131"/>
      <c r="P84" s="157">
        <v>-21464.69</v>
      </c>
      <c r="Q84" s="156">
        <v>-57778.25</v>
      </c>
      <c r="R84" s="156">
        <v>-76051.97</v>
      </c>
      <c r="S84" s="156">
        <v>-130051.97</v>
      </c>
      <c r="T84" s="156">
        <v>-183560.1</v>
      </c>
      <c r="U84" s="156">
        <v>-122394.18000000001</v>
      </c>
      <c r="V84" s="156">
        <v>-112460.44</v>
      </c>
      <c r="W84" s="156">
        <v>-108315.66</v>
      </c>
      <c r="X84" s="156">
        <v>-195665.66</v>
      </c>
      <c r="Y84" s="156">
        <v>-180327.49</v>
      </c>
      <c r="Z84" s="156">
        <v>-236588.54</v>
      </c>
      <c r="AA84" s="156">
        <v>-242124.86000000002</v>
      </c>
      <c r="AB84" s="158">
        <v>-233733.92</v>
      </c>
      <c r="AC84" s="156">
        <v>-225900.57</v>
      </c>
      <c r="AD84" s="156">
        <v>-264351.26</v>
      </c>
      <c r="AE84" s="156">
        <v>-252551.26</v>
      </c>
      <c r="AF84" s="156">
        <v>-267697.37</v>
      </c>
      <c r="AG84" s="156">
        <v>-273942.28999999998</v>
      </c>
      <c r="AH84" s="156">
        <v>-60136.770000000004</v>
      </c>
      <c r="AI84" s="156">
        <v>-59737.630000000005</v>
      </c>
      <c r="AJ84" s="156">
        <v>-85737.63</v>
      </c>
      <c r="AK84" s="156">
        <v>-62761.25</v>
      </c>
      <c r="AL84" s="156">
        <v>-68871.320000000007</v>
      </c>
      <c r="AM84" s="156">
        <v>-44505.22</v>
      </c>
      <c r="AN84" s="158">
        <v>-58182.020000000004</v>
      </c>
      <c r="AO84" s="134"/>
    </row>
    <row r="85" spans="1:41" s="137" customFormat="1" ht="15" customHeight="1">
      <c r="A85" s="136"/>
      <c r="B85" s="137" t="s">
        <v>2</v>
      </c>
      <c r="C85" s="138" t="s">
        <v>1016</v>
      </c>
      <c r="D85" s="146"/>
      <c r="E85" s="117"/>
      <c r="F85" s="139">
        <f>+F84+F81+F53+F45</f>
        <v>28869231.876000002</v>
      </c>
      <c r="G85" s="140">
        <f>+G84+G81+G53+G45</f>
        <v>22998441.775999997</v>
      </c>
      <c r="H85" s="140">
        <f t="shared" si="9"/>
        <v>5870790.1000000052</v>
      </c>
      <c r="I85" s="141"/>
      <c r="J85" s="140">
        <f>+J84+J81+J53+J45</f>
        <v>22998441.775999997</v>
      </c>
      <c r="K85" s="140">
        <f t="shared" si="10"/>
        <v>5870790.1000000052</v>
      </c>
      <c r="L85" s="140"/>
      <c r="M85" s="140">
        <f>+M84+M81+M53+M45</f>
        <v>21694775.394000001</v>
      </c>
      <c r="N85" s="140">
        <f t="shared" si="11"/>
        <v>7174456.4820000008</v>
      </c>
      <c r="O85" s="131"/>
      <c r="P85" s="142">
        <f t="shared" ref="P85:AN85" si="14">+P84+P81+P53+P45</f>
        <v>210623769.03399998</v>
      </c>
      <c r="Q85" s="140">
        <f t="shared" si="14"/>
        <v>26053704.573999994</v>
      </c>
      <c r="R85" s="140">
        <f t="shared" si="14"/>
        <v>24001139.214000002</v>
      </c>
      <c r="S85" s="140">
        <f t="shared" si="14"/>
        <v>21123534.303999994</v>
      </c>
      <c r="T85" s="140">
        <f t="shared" si="14"/>
        <v>16783721.423999999</v>
      </c>
      <c r="U85" s="140">
        <f t="shared" si="14"/>
        <v>22667523.274</v>
      </c>
      <c r="V85" s="140">
        <f t="shared" si="14"/>
        <v>25122394.884000003</v>
      </c>
      <c r="W85" s="140">
        <f t="shared" si="14"/>
        <v>17832762.623999998</v>
      </c>
      <c r="X85" s="140">
        <f t="shared" si="14"/>
        <v>14908335.313999997</v>
      </c>
      <c r="Y85" s="140">
        <f t="shared" si="14"/>
        <v>23046542.553999998</v>
      </c>
      <c r="Z85" s="140">
        <f t="shared" si="14"/>
        <v>17000114.004000004</v>
      </c>
      <c r="AA85" s="140">
        <f t="shared" si="14"/>
        <v>17506037.544</v>
      </c>
      <c r="AB85" s="143">
        <f t="shared" si="14"/>
        <v>22998441.775999997</v>
      </c>
      <c r="AC85" s="140">
        <f t="shared" si="14"/>
        <v>29330018.004000001</v>
      </c>
      <c r="AD85" s="140">
        <f t="shared" si="14"/>
        <v>25392390.763999999</v>
      </c>
      <c r="AE85" s="140">
        <f t="shared" si="14"/>
        <v>26647251.025999993</v>
      </c>
      <c r="AF85" s="140">
        <f t="shared" si="14"/>
        <v>15290979.614</v>
      </c>
      <c r="AG85" s="140">
        <f t="shared" si="14"/>
        <v>21991884.754000001</v>
      </c>
      <c r="AH85" s="140">
        <f t="shared" si="14"/>
        <v>23781633.406000003</v>
      </c>
      <c r="AI85" s="140">
        <f t="shared" si="14"/>
        <v>21632923.033999994</v>
      </c>
      <c r="AJ85" s="140">
        <f t="shared" si="14"/>
        <v>20862710.484000001</v>
      </c>
      <c r="AK85" s="140">
        <f t="shared" si="14"/>
        <v>19782126.445999995</v>
      </c>
      <c r="AL85" s="140">
        <f t="shared" si="14"/>
        <v>12585767.533999998</v>
      </c>
      <c r="AM85" s="140">
        <f t="shared" si="14"/>
        <v>21694775.394000001</v>
      </c>
      <c r="AN85" s="143">
        <f t="shared" si="14"/>
        <v>28869231.876000002</v>
      </c>
      <c r="AO85" s="144"/>
    </row>
    <row r="86" spans="1:41" s="137" customFormat="1" ht="3" hidden="1" customHeight="1" outlineLevel="1">
      <c r="A86" s="136"/>
      <c r="C86" s="138"/>
      <c r="D86" s="146"/>
      <c r="E86" s="117"/>
      <c r="F86" s="139"/>
      <c r="G86" s="140"/>
      <c r="H86" s="140">
        <f t="shared" si="9"/>
        <v>0</v>
      </c>
      <c r="I86" s="141"/>
      <c r="J86" s="140"/>
      <c r="K86" s="140">
        <f t="shared" si="10"/>
        <v>0</v>
      </c>
      <c r="L86" s="140"/>
      <c r="M86" s="140"/>
      <c r="N86" s="140">
        <f t="shared" si="11"/>
        <v>0</v>
      </c>
      <c r="O86" s="131"/>
      <c r="P86" s="142"/>
      <c r="Q86" s="140"/>
      <c r="R86" s="140"/>
      <c r="S86" s="140"/>
      <c r="T86" s="140"/>
      <c r="U86" s="140"/>
      <c r="V86" s="140"/>
      <c r="W86" s="140"/>
      <c r="X86" s="140"/>
      <c r="Y86" s="140"/>
      <c r="Z86" s="140"/>
      <c r="AA86" s="140"/>
      <c r="AB86" s="143"/>
      <c r="AC86" s="140"/>
      <c r="AD86" s="140"/>
      <c r="AE86" s="140"/>
      <c r="AF86" s="140"/>
      <c r="AG86" s="140"/>
      <c r="AH86" s="140"/>
      <c r="AI86" s="140"/>
      <c r="AJ86" s="140"/>
      <c r="AK86" s="140"/>
      <c r="AL86" s="140"/>
      <c r="AM86" s="140"/>
      <c r="AN86" s="143"/>
      <c r="AO86" s="144"/>
    </row>
    <row r="87" spans="1:41" s="62" customFormat="1" hidden="1" outlineLevel="2">
      <c r="A87" s="61" t="s">
        <v>776</v>
      </c>
      <c r="B87" s="61" t="s">
        <v>777</v>
      </c>
      <c r="C87" s="71" t="s">
        <v>778</v>
      </c>
      <c r="D87" s="72" t="s">
        <v>1017</v>
      </c>
      <c r="E87" s="73"/>
      <c r="F87" s="62">
        <v>0</v>
      </c>
      <c r="G87" s="62">
        <v>0</v>
      </c>
      <c r="H87" s="62">
        <f t="shared" si="9"/>
        <v>0</v>
      </c>
      <c r="J87" s="62">
        <v>0</v>
      </c>
      <c r="K87" s="62">
        <f t="shared" si="10"/>
        <v>0</v>
      </c>
      <c r="M87" s="62">
        <v>0</v>
      </c>
      <c r="N87" s="62">
        <f t="shared" si="11"/>
        <v>0</v>
      </c>
      <c r="P87" s="74">
        <v>0</v>
      </c>
      <c r="Q87" s="61">
        <v>0</v>
      </c>
      <c r="R87" s="61">
        <v>0</v>
      </c>
      <c r="S87" s="61">
        <v>0</v>
      </c>
      <c r="T87" s="62">
        <v>0</v>
      </c>
      <c r="U87" s="61">
        <v>0</v>
      </c>
      <c r="V87" s="61">
        <v>0</v>
      </c>
      <c r="W87" s="61">
        <v>0</v>
      </c>
      <c r="X87" s="61">
        <v>0</v>
      </c>
      <c r="Y87" s="61">
        <v>0</v>
      </c>
      <c r="Z87" s="61">
        <v>8466717.4199999999</v>
      </c>
      <c r="AA87" s="61">
        <v>0</v>
      </c>
      <c r="AB87" s="75">
        <v>0</v>
      </c>
      <c r="AC87" s="61">
        <v>0</v>
      </c>
      <c r="AD87" s="61">
        <v>0</v>
      </c>
      <c r="AE87" s="61">
        <v>0</v>
      </c>
      <c r="AF87" s="62">
        <v>0</v>
      </c>
      <c r="AG87" s="61">
        <v>0</v>
      </c>
      <c r="AH87" s="61">
        <v>0</v>
      </c>
      <c r="AI87" s="61">
        <v>0</v>
      </c>
      <c r="AJ87" s="61">
        <v>0</v>
      </c>
      <c r="AK87" s="61">
        <v>0</v>
      </c>
      <c r="AL87" s="61">
        <v>0</v>
      </c>
      <c r="AM87" s="61">
        <v>0</v>
      </c>
      <c r="AN87" s="75">
        <v>0</v>
      </c>
    </row>
    <row r="88" spans="1:41" s="137" customFormat="1" ht="15" customHeight="1" collapsed="1">
      <c r="A88" s="136" t="s">
        <v>1018</v>
      </c>
      <c r="B88" s="137" t="s">
        <v>2</v>
      </c>
      <c r="C88" s="138" t="s">
        <v>1019</v>
      </c>
      <c r="D88" s="146" t="s">
        <v>1017</v>
      </c>
      <c r="E88" s="117"/>
      <c r="F88" s="139">
        <v>0</v>
      </c>
      <c r="G88" s="140">
        <v>0</v>
      </c>
      <c r="H88" s="140">
        <f t="shared" si="9"/>
        <v>0</v>
      </c>
      <c r="I88" s="141"/>
      <c r="J88" s="140">
        <v>0</v>
      </c>
      <c r="K88" s="140">
        <f t="shared" si="10"/>
        <v>0</v>
      </c>
      <c r="L88" s="140"/>
      <c r="M88" s="140">
        <v>0</v>
      </c>
      <c r="N88" s="140">
        <f t="shared" si="11"/>
        <v>0</v>
      </c>
      <c r="O88" s="131"/>
      <c r="P88" s="142">
        <v>0</v>
      </c>
      <c r="Q88" s="140">
        <v>0</v>
      </c>
      <c r="R88" s="140">
        <v>0</v>
      </c>
      <c r="S88" s="140">
        <v>0</v>
      </c>
      <c r="T88" s="140">
        <v>0</v>
      </c>
      <c r="U88" s="140">
        <v>0</v>
      </c>
      <c r="V88" s="140">
        <v>0</v>
      </c>
      <c r="W88" s="140">
        <v>0</v>
      </c>
      <c r="X88" s="140">
        <v>0</v>
      </c>
      <c r="Y88" s="140">
        <v>0</v>
      </c>
      <c r="Z88" s="140">
        <v>8466717.4199999999</v>
      </c>
      <c r="AA88" s="140">
        <v>0</v>
      </c>
      <c r="AB88" s="143">
        <v>0</v>
      </c>
      <c r="AC88" s="140">
        <v>0</v>
      </c>
      <c r="AD88" s="140">
        <v>0</v>
      </c>
      <c r="AE88" s="140">
        <v>0</v>
      </c>
      <c r="AF88" s="140">
        <v>0</v>
      </c>
      <c r="AG88" s="140">
        <v>0</v>
      </c>
      <c r="AH88" s="140">
        <v>0</v>
      </c>
      <c r="AI88" s="140">
        <v>0</v>
      </c>
      <c r="AJ88" s="140">
        <v>0</v>
      </c>
      <c r="AK88" s="140">
        <v>0</v>
      </c>
      <c r="AL88" s="140">
        <v>0</v>
      </c>
      <c r="AM88" s="140">
        <v>0</v>
      </c>
      <c r="AN88" s="143">
        <v>0</v>
      </c>
      <c r="AO88" s="144"/>
    </row>
    <row r="89" spans="1:41" s="114" customFormat="1" ht="3" hidden="1" customHeight="1" outlineLevel="1">
      <c r="A89" s="113"/>
      <c r="C89" s="145"/>
      <c r="D89" s="146"/>
      <c r="E89" s="117"/>
      <c r="F89" s="128"/>
      <c r="G89" s="129"/>
      <c r="H89" s="129">
        <f t="shared" si="9"/>
        <v>0</v>
      </c>
      <c r="I89" s="130"/>
      <c r="J89" s="129"/>
      <c r="K89" s="129">
        <f t="shared" si="10"/>
        <v>0</v>
      </c>
      <c r="L89" s="129"/>
      <c r="M89" s="129"/>
      <c r="N89" s="129">
        <f t="shared" si="11"/>
        <v>0</v>
      </c>
      <c r="O89" s="131"/>
      <c r="P89" s="132"/>
      <c r="Q89" s="129"/>
      <c r="R89" s="129"/>
      <c r="S89" s="129"/>
      <c r="T89" s="129"/>
      <c r="U89" s="129"/>
      <c r="V89" s="129"/>
      <c r="W89" s="129"/>
      <c r="X89" s="129"/>
      <c r="Y89" s="129"/>
      <c r="Z89" s="129"/>
      <c r="AA89" s="129"/>
      <c r="AB89" s="133"/>
      <c r="AC89" s="129"/>
      <c r="AD89" s="129"/>
      <c r="AE89" s="129"/>
      <c r="AF89" s="129"/>
      <c r="AG89" s="129"/>
      <c r="AH89" s="129"/>
      <c r="AI89" s="129"/>
      <c r="AJ89" s="129"/>
      <c r="AK89" s="129"/>
      <c r="AL89" s="129"/>
      <c r="AM89" s="129"/>
      <c r="AN89" s="133"/>
      <c r="AO89" s="134"/>
    </row>
    <row r="90" spans="1:41" s="62" customFormat="1" hidden="1" outlineLevel="2">
      <c r="A90" s="61" t="s">
        <v>779</v>
      </c>
      <c r="B90" s="61" t="s">
        <v>780</v>
      </c>
      <c r="C90" s="71" t="s">
        <v>781</v>
      </c>
      <c r="D90" s="72" t="s">
        <v>1020</v>
      </c>
      <c r="E90" s="73"/>
      <c r="F90" s="62">
        <v>0</v>
      </c>
      <c r="G90" s="62">
        <v>0</v>
      </c>
      <c r="H90" s="62">
        <f t="shared" si="9"/>
        <v>0</v>
      </c>
      <c r="J90" s="62">
        <v>0</v>
      </c>
      <c r="K90" s="62">
        <f t="shared" si="10"/>
        <v>0</v>
      </c>
      <c r="M90" s="62">
        <v>0.33</v>
      </c>
      <c r="N90" s="62">
        <f t="shared" si="11"/>
        <v>-0.33</v>
      </c>
      <c r="P90" s="74">
        <v>0</v>
      </c>
      <c r="Q90" s="61">
        <v>0</v>
      </c>
      <c r="R90" s="61">
        <v>9.86</v>
      </c>
      <c r="S90" s="61">
        <v>0</v>
      </c>
      <c r="T90" s="62">
        <v>-12.46</v>
      </c>
      <c r="U90" s="61">
        <v>-12.46</v>
      </c>
      <c r="V90" s="61">
        <v>0</v>
      </c>
      <c r="W90" s="61">
        <v>0</v>
      </c>
      <c r="X90" s="61">
        <v>0</v>
      </c>
      <c r="Y90" s="61">
        <v>0</v>
      </c>
      <c r="Z90" s="61">
        <v>0</v>
      </c>
      <c r="AA90" s="61">
        <v>0</v>
      </c>
      <c r="AB90" s="75">
        <v>0</v>
      </c>
      <c r="AC90" s="61">
        <v>0</v>
      </c>
      <c r="AD90" s="61">
        <v>0</v>
      </c>
      <c r="AE90" s="61">
        <v>0</v>
      </c>
      <c r="AF90" s="62">
        <v>4.7300000000000004</v>
      </c>
      <c r="AG90" s="61">
        <v>7.5600000000000005</v>
      </c>
      <c r="AH90" s="61">
        <v>0</v>
      </c>
      <c r="AI90" s="61">
        <v>0</v>
      </c>
      <c r="AJ90" s="61">
        <v>0</v>
      </c>
      <c r="AK90" s="61">
        <v>0</v>
      </c>
      <c r="AL90" s="61">
        <v>0.33</v>
      </c>
      <c r="AM90" s="61">
        <v>0.33</v>
      </c>
      <c r="AN90" s="75">
        <v>0</v>
      </c>
    </row>
    <row r="91" spans="1:41" s="114" customFormat="1" ht="15" hidden="1" customHeight="1" outlineLevel="1">
      <c r="A91" s="113" t="s">
        <v>1021</v>
      </c>
      <c r="B91" s="114" t="s">
        <v>2</v>
      </c>
      <c r="C91" s="138" t="s">
        <v>1022</v>
      </c>
      <c r="D91" s="147" t="s">
        <v>1020</v>
      </c>
      <c r="E91" s="117"/>
      <c r="F91" s="128">
        <v>0</v>
      </c>
      <c r="G91" s="129">
        <v>0</v>
      </c>
      <c r="H91" s="129">
        <f t="shared" si="9"/>
        <v>0</v>
      </c>
      <c r="I91" s="130"/>
      <c r="J91" s="129">
        <v>0</v>
      </c>
      <c r="K91" s="129">
        <f t="shared" si="10"/>
        <v>0</v>
      </c>
      <c r="L91" s="129"/>
      <c r="M91" s="129">
        <v>0.33</v>
      </c>
      <c r="N91" s="129">
        <f t="shared" si="11"/>
        <v>-0.33</v>
      </c>
      <c r="O91" s="131"/>
      <c r="P91" s="132">
        <v>0</v>
      </c>
      <c r="Q91" s="129">
        <v>0</v>
      </c>
      <c r="R91" s="129">
        <v>9.86</v>
      </c>
      <c r="S91" s="129">
        <v>0</v>
      </c>
      <c r="T91" s="129">
        <v>-12.46</v>
      </c>
      <c r="U91" s="129">
        <v>-12.46</v>
      </c>
      <c r="V91" s="129">
        <v>0</v>
      </c>
      <c r="W91" s="129">
        <v>0</v>
      </c>
      <c r="X91" s="129">
        <v>0</v>
      </c>
      <c r="Y91" s="129">
        <v>0</v>
      </c>
      <c r="Z91" s="129">
        <v>0</v>
      </c>
      <c r="AA91" s="129">
        <v>0</v>
      </c>
      <c r="AB91" s="133">
        <v>0</v>
      </c>
      <c r="AC91" s="129">
        <v>0</v>
      </c>
      <c r="AD91" s="129">
        <v>0</v>
      </c>
      <c r="AE91" s="129">
        <v>0</v>
      </c>
      <c r="AF91" s="129">
        <v>4.7300000000000004</v>
      </c>
      <c r="AG91" s="129">
        <v>7.5600000000000005</v>
      </c>
      <c r="AH91" s="129">
        <v>0</v>
      </c>
      <c r="AI91" s="129">
        <v>0</v>
      </c>
      <c r="AJ91" s="129">
        <v>0</v>
      </c>
      <c r="AK91" s="129">
        <v>0</v>
      </c>
      <c r="AL91" s="129">
        <v>0.33</v>
      </c>
      <c r="AM91" s="129">
        <v>0.33</v>
      </c>
      <c r="AN91" s="133">
        <v>0</v>
      </c>
      <c r="AO91" s="134"/>
    </row>
    <row r="92" spans="1:41" s="114" customFormat="1" ht="15" hidden="1" customHeight="1" outlineLevel="1">
      <c r="A92" s="113" t="s">
        <v>1023</v>
      </c>
      <c r="B92" s="114" t="s">
        <v>2</v>
      </c>
      <c r="C92" s="135" t="s">
        <v>1024</v>
      </c>
      <c r="D92" s="147" t="s">
        <v>1025</v>
      </c>
      <c r="E92" s="117"/>
      <c r="F92" s="128">
        <v>0</v>
      </c>
      <c r="G92" s="129">
        <v>0</v>
      </c>
      <c r="H92" s="129">
        <f t="shared" si="9"/>
        <v>0</v>
      </c>
      <c r="I92" s="130"/>
      <c r="J92" s="129">
        <v>0</v>
      </c>
      <c r="K92" s="129">
        <f t="shared" si="10"/>
        <v>0</v>
      </c>
      <c r="L92" s="129"/>
      <c r="M92" s="129">
        <v>0</v>
      </c>
      <c r="N92" s="129">
        <f t="shared" si="11"/>
        <v>0</v>
      </c>
      <c r="O92" s="131"/>
      <c r="P92" s="132">
        <v>0</v>
      </c>
      <c r="Q92" s="129">
        <v>0</v>
      </c>
      <c r="R92" s="129">
        <v>0</v>
      </c>
      <c r="S92" s="129">
        <v>0</v>
      </c>
      <c r="T92" s="129">
        <v>0</v>
      </c>
      <c r="U92" s="129">
        <v>0</v>
      </c>
      <c r="V92" s="129">
        <v>0</v>
      </c>
      <c r="W92" s="129">
        <v>0</v>
      </c>
      <c r="X92" s="129">
        <v>0</v>
      </c>
      <c r="Y92" s="129">
        <v>0</v>
      </c>
      <c r="Z92" s="129">
        <v>0</v>
      </c>
      <c r="AA92" s="129">
        <v>0</v>
      </c>
      <c r="AB92" s="133">
        <v>0</v>
      </c>
      <c r="AC92" s="129">
        <v>0</v>
      </c>
      <c r="AD92" s="129">
        <v>0</v>
      </c>
      <c r="AE92" s="129">
        <v>0</v>
      </c>
      <c r="AF92" s="129">
        <v>0</v>
      </c>
      <c r="AG92" s="129">
        <v>0</v>
      </c>
      <c r="AH92" s="129">
        <v>0</v>
      </c>
      <c r="AI92" s="129">
        <v>0</v>
      </c>
      <c r="AJ92" s="129">
        <v>0</v>
      </c>
      <c r="AK92" s="129">
        <v>0</v>
      </c>
      <c r="AL92" s="129">
        <v>0</v>
      </c>
      <c r="AM92" s="129">
        <v>0</v>
      </c>
      <c r="AN92" s="133">
        <v>0</v>
      </c>
      <c r="AO92" s="134"/>
    </row>
    <row r="93" spans="1:41" s="62" customFormat="1" hidden="1" outlineLevel="2">
      <c r="A93" s="61" t="s">
        <v>102</v>
      </c>
      <c r="B93" s="61" t="s">
        <v>103</v>
      </c>
      <c r="C93" s="71" t="s">
        <v>104</v>
      </c>
      <c r="D93" s="72" t="s">
        <v>1026</v>
      </c>
      <c r="E93" s="73"/>
      <c r="F93" s="62">
        <v>1997336.5519999999</v>
      </c>
      <c r="G93" s="62">
        <v>1900720.9920000001</v>
      </c>
      <c r="H93" s="62">
        <f t="shared" si="9"/>
        <v>96615.559999999823</v>
      </c>
      <c r="J93" s="62">
        <v>1900720.9920000001</v>
      </c>
      <c r="K93" s="62">
        <f t="shared" si="10"/>
        <v>96615.559999999823</v>
      </c>
      <c r="M93" s="62">
        <v>1923756.912</v>
      </c>
      <c r="N93" s="62">
        <f t="shared" si="11"/>
        <v>73579.639999999898</v>
      </c>
      <c r="P93" s="74">
        <v>2017277.632</v>
      </c>
      <c r="Q93" s="61">
        <v>2061740.9820000001</v>
      </c>
      <c r="R93" s="61">
        <v>2170998.0120000001</v>
      </c>
      <c r="S93" s="61">
        <v>2058962.5120000001</v>
      </c>
      <c r="T93" s="62">
        <v>2134963.7719999999</v>
      </c>
      <c r="U93" s="61">
        <v>2099589.7119999998</v>
      </c>
      <c r="V93" s="61">
        <v>2015904.0120000001</v>
      </c>
      <c r="W93" s="61">
        <v>2033846.2819999999</v>
      </c>
      <c r="X93" s="61">
        <v>2029996.2919999999</v>
      </c>
      <c r="Y93" s="61">
        <v>1943903.7120000001</v>
      </c>
      <c r="Z93" s="61">
        <v>1805194.612</v>
      </c>
      <c r="AA93" s="61">
        <v>1927685.2420000001</v>
      </c>
      <c r="AB93" s="75">
        <v>1900720.9920000001</v>
      </c>
      <c r="AC93" s="61">
        <v>2017885.912</v>
      </c>
      <c r="AD93" s="61">
        <v>1999543.2220000001</v>
      </c>
      <c r="AE93" s="61">
        <v>1955440.882</v>
      </c>
      <c r="AF93" s="62">
        <v>1932785.0220000001</v>
      </c>
      <c r="AG93" s="61">
        <v>1842526.912</v>
      </c>
      <c r="AH93" s="61">
        <v>1875191.2819999999</v>
      </c>
      <c r="AI93" s="61">
        <v>1995710.692</v>
      </c>
      <c r="AJ93" s="61">
        <v>1949698.0519999999</v>
      </c>
      <c r="AK93" s="61">
        <v>1835912.2120000001</v>
      </c>
      <c r="AL93" s="61">
        <v>1793235.5120000001</v>
      </c>
      <c r="AM93" s="61">
        <v>1923756.912</v>
      </c>
      <c r="AN93" s="75">
        <v>1997336.5519999999</v>
      </c>
    </row>
    <row r="94" spans="1:41" s="62" customFormat="1" hidden="1" outlineLevel="2">
      <c r="A94" s="61" t="s">
        <v>541</v>
      </c>
      <c r="B94" s="61" t="s">
        <v>542</v>
      </c>
      <c r="C94" s="71" t="s">
        <v>543</v>
      </c>
      <c r="D94" s="72" t="s">
        <v>1026</v>
      </c>
      <c r="E94" s="73"/>
      <c r="F94" s="62">
        <v>178561.29</v>
      </c>
      <c r="G94" s="62">
        <v>183178.39</v>
      </c>
      <c r="H94" s="62">
        <f t="shared" si="9"/>
        <v>-4617.1000000000058</v>
      </c>
      <c r="J94" s="62">
        <v>183178.39</v>
      </c>
      <c r="K94" s="62">
        <f t="shared" si="10"/>
        <v>-4617.1000000000058</v>
      </c>
      <c r="M94" s="62">
        <v>183178.39</v>
      </c>
      <c r="N94" s="62">
        <f t="shared" si="11"/>
        <v>-4617.1000000000058</v>
      </c>
      <c r="P94" s="74">
        <v>120051.98</v>
      </c>
      <c r="Q94" s="61">
        <v>120051.98</v>
      </c>
      <c r="R94" s="61">
        <v>120051.98</v>
      </c>
      <c r="S94" s="61">
        <v>120051.98</v>
      </c>
      <c r="T94" s="62">
        <v>120051.98</v>
      </c>
      <c r="U94" s="61">
        <v>120051.98</v>
      </c>
      <c r="V94" s="61">
        <v>139177.1</v>
      </c>
      <c r="W94" s="61">
        <v>139177.1</v>
      </c>
      <c r="X94" s="61">
        <v>139177.1</v>
      </c>
      <c r="Y94" s="61">
        <v>139177.1</v>
      </c>
      <c r="Z94" s="61">
        <v>139177.1</v>
      </c>
      <c r="AA94" s="61">
        <v>139177.1</v>
      </c>
      <c r="AB94" s="75">
        <v>183178.39</v>
      </c>
      <c r="AC94" s="61">
        <v>183178.39</v>
      </c>
      <c r="AD94" s="61">
        <v>183178.39</v>
      </c>
      <c r="AE94" s="61">
        <v>183178.39</v>
      </c>
      <c r="AF94" s="62">
        <v>183178.39</v>
      </c>
      <c r="AG94" s="61">
        <v>183178.39</v>
      </c>
      <c r="AH94" s="61">
        <v>183178.39</v>
      </c>
      <c r="AI94" s="61">
        <v>183178.39</v>
      </c>
      <c r="AJ94" s="61">
        <v>183178.39</v>
      </c>
      <c r="AK94" s="61">
        <v>183178.39</v>
      </c>
      <c r="AL94" s="61">
        <v>183178.39</v>
      </c>
      <c r="AM94" s="61">
        <v>183178.39</v>
      </c>
      <c r="AN94" s="75">
        <v>178561.29</v>
      </c>
    </row>
    <row r="95" spans="1:41" s="114" customFormat="1" ht="15" hidden="1" customHeight="1" outlineLevel="1">
      <c r="A95" s="113" t="s">
        <v>1027</v>
      </c>
      <c r="B95" s="114" t="s">
        <v>2</v>
      </c>
      <c r="C95" s="135" t="s">
        <v>1028</v>
      </c>
      <c r="D95" s="147" t="s">
        <v>1026</v>
      </c>
      <c r="E95" s="117"/>
      <c r="F95" s="128">
        <v>2175897.8419999997</v>
      </c>
      <c r="G95" s="129">
        <v>2083899.3820000002</v>
      </c>
      <c r="H95" s="129">
        <f t="shared" si="9"/>
        <v>91998.459999999497</v>
      </c>
      <c r="I95" s="130"/>
      <c r="J95" s="129">
        <v>2083899.3820000002</v>
      </c>
      <c r="K95" s="129">
        <f t="shared" si="10"/>
        <v>91998.459999999497</v>
      </c>
      <c r="L95" s="129"/>
      <c r="M95" s="129">
        <v>2106935.3020000001</v>
      </c>
      <c r="N95" s="129">
        <f t="shared" si="11"/>
        <v>68962.539999999572</v>
      </c>
      <c r="O95" s="131"/>
      <c r="P95" s="132">
        <v>2137329.6120000002</v>
      </c>
      <c r="Q95" s="129">
        <v>2181792.9620000003</v>
      </c>
      <c r="R95" s="129">
        <v>2291049.9920000001</v>
      </c>
      <c r="S95" s="129">
        <v>2179014.4920000001</v>
      </c>
      <c r="T95" s="129">
        <v>2255015.7519999999</v>
      </c>
      <c r="U95" s="129">
        <v>2219641.6919999998</v>
      </c>
      <c r="V95" s="129">
        <v>2155081.1120000002</v>
      </c>
      <c r="W95" s="129">
        <v>2173023.3819999998</v>
      </c>
      <c r="X95" s="129">
        <v>2169173.392</v>
      </c>
      <c r="Y95" s="129">
        <v>2083080.8120000002</v>
      </c>
      <c r="Z95" s="129">
        <v>1944371.7120000001</v>
      </c>
      <c r="AA95" s="129">
        <v>2066862.3420000002</v>
      </c>
      <c r="AB95" s="133">
        <v>2083899.3820000002</v>
      </c>
      <c r="AC95" s="129">
        <v>2201064.3020000001</v>
      </c>
      <c r="AD95" s="129">
        <v>2182721.6120000002</v>
      </c>
      <c r="AE95" s="129">
        <v>2138619.2719999999</v>
      </c>
      <c r="AF95" s="129">
        <v>2115963.412</v>
      </c>
      <c r="AG95" s="129">
        <v>2025705.3020000001</v>
      </c>
      <c r="AH95" s="129">
        <v>2058369.6719999998</v>
      </c>
      <c r="AI95" s="129">
        <v>2178889.0819999999</v>
      </c>
      <c r="AJ95" s="129">
        <v>2132876.4419999998</v>
      </c>
      <c r="AK95" s="129">
        <v>2019090.602</v>
      </c>
      <c r="AL95" s="129">
        <v>1976413.9020000002</v>
      </c>
      <c r="AM95" s="129">
        <v>2106935.3020000001</v>
      </c>
      <c r="AN95" s="133">
        <v>2175897.8419999997</v>
      </c>
      <c r="AO95" s="134"/>
    </row>
    <row r="96" spans="1:41" s="114" customFormat="1" ht="15" hidden="1" customHeight="1" outlineLevel="1">
      <c r="A96" s="113" t="s">
        <v>1029</v>
      </c>
      <c r="B96" s="114" t="s">
        <v>2</v>
      </c>
      <c r="C96" s="135" t="s">
        <v>1030</v>
      </c>
      <c r="D96" s="147" t="s">
        <v>1026</v>
      </c>
      <c r="E96" s="117"/>
      <c r="F96" s="128">
        <v>0</v>
      </c>
      <c r="G96" s="129">
        <v>0</v>
      </c>
      <c r="H96" s="129">
        <f t="shared" si="9"/>
        <v>0</v>
      </c>
      <c r="I96" s="130"/>
      <c r="J96" s="129">
        <v>0</v>
      </c>
      <c r="K96" s="129">
        <f t="shared" si="10"/>
        <v>0</v>
      </c>
      <c r="L96" s="129"/>
      <c r="M96" s="129">
        <v>0</v>
      </c>
      <c r="N96" s="129">
        <f t="shared" si="11"/>
        <v>0</v>
      </c>
      <c r="O96" s="131"/>
      <c r="P96" s="132">
        <v>0</v>
      </c>
      <c r="Q96" s="129">
        <v>0</v>
      </c>
      <c r="R96" s="129">
        <v>0</v>
      </c>
      <c r="S96" s="129">
        <v>0</v>
      </c>
      <c r="T96" s="129">
        <v>0</v>
      </c>
      <c r="U96" s="129">
        <v>0</v>
      </c>
      <c r="V96" s="129">
        <v>0</v>
      </c>
      <c r="W96" s="129">
        <v>0</v>
      </c>
      <c r="X96" s="129">
        <v>0</v>
      </c>
      <c r="Y96" s="129">
        <v>0</v>
      </c>
      <c r="Z96" s="129">
        <v>0</v>
      </c>
      <c r="AA96" s="129">
        <v>0</v>
      </c>
      <c r="AB96" s="133">
        <v>0</v>
      </c>
      <c r="AC96" s="129">
        <v>0</v>
      </c>
      <c r="AD96" s="129">
        <v>0</v>
      </c>
      <c r="AE96" s="129">
        <v>0</v>
      </c>
      <c r="AF96" s="129">
        <v>0</v>
      </c>
      <c r="AG96" s="129">
        <v>0</v>
      </c>
      <c r="AH96" s="129">
        <v>0</v>
      </c>
      <c r="AI96" s="129">
        <v>0</v>
      </c>
      <c r="AJ96" s="129">
        <v>0</v>
      </c>
      <c r="AK96" s="129">
        <v>0</v>
      </c>
      <c r="AL96" s="129">
        <v>0</v>
      </c>
      <c r="AM96" s="129">
        <v>0</v>
      </c>
      <c r="AN96" s="133">
        <v>0</v>
      </c>
      <c r="AO96" s="134"/>
    </row>
    <row r="97" spans="1:41" s="62" customFormat="1" hidden="1" outlineLevel="2">
      <c r="A97" s="61" t="s">
        <v>544</v>
      </c>
      <c r="B97" s="61" t="s">
        <v>545</v>
      </c>
      <c r="C97" s="71" t="s">
        <v>546</v>
      </c>
      <c r="D97" s="72" t="s">
        <v>1026</v>
      </c>
      <c r="E97" s="73"/>
      <c r="F97" s="62">
        <v>-4.0000000000000001E-3</v>
      </c>
      <c r="G97" s="62">
        <v>0</v>
      </c>
      <c r="H97" s="62">
        <f t="shared" si="9"/>
        <v>-4.0000000000000001E-3</v>
      </c>
      <c r="J97" s="62">
        <v>0</v>
      </c>
      <c r="K97" s="62">
        <f t="shared" si="10"/>
        <v>-4.0000000000000001E-3</v>
      </c>
      <c r="M97" s="62">
        <v>-4.0000000000000001E-3</v>
      </c>
      <c r="N97" s="62">
        <f t="shared" si="11"/>
        <v>0</v>
      </c>
      <c r="P97" s="74">
        <v>0</v>
      </c>
      <c r="Q97" s="61">
        <v>0</v>
      </c>
      <c r="R97" s="61">
        <v>0</v>
      </c>
      <c r="S97" s="61">
        <v>0</v>
      </c>
      <c r="T97" s="62">
        <v>0</v>
      </c>
      <c r="U97" s="61">
        <v>0</v>
      </c>
      <c r="V97" s="61">
        <v>0</v>
      </c>
      <c r="W97" s="61">
        <v>0</v>
      </c>
      <c r="X97" s="61">
        <v>0</v>
      </c>
      <c r="Y97" s="61">
        <v>0</v>
      </c>
      <c r="Z97" s="61">
        <v>0</v>
      </c>
      <c r="AA97" s="61">
        <v>0</v>
      </c>
      <c r="AB97" s="75">
        <v>0</v>
      </c>
      <c r="AC97" s="61">
        <v>0</v>
      </c>
      <c r="AD97" s="61">
        <v>0</v>
      </c>
      <c r="AE97" s="61">
        <v>0</v>
      </c>
      <c r="AF97" s="62">
        <v>0</v>
      </c>
      <c r="AG97" s="61">
        <v>-4.0000000000000001E-3</v>
      </c>
      <c r="AH97" s="61">
        <v>-4.0000000000000001E-3</v>
      </c>
      <c r="AI97" s="61">
        <v>-4.0000000000000001E-3</v>
      </c>
      <c r="AJ97" s="61">
        <v>-4.0000000000000001E-3</v>
      </c>
      <c r="AK97" s="61">
        <v>-4.0000000000000001E-3</v>
      </c>
      <c r="AL97" s="61">
        <v>-4.0000000000000001E-3</v>
      </c>
      <c r="AM97" s="61">
        <v>-4.0000000000000001E-3</v>
      </c>
      <c r="AN97" s="75">
        <v>-4.0000000000000001E-3</v>
      </c>
    </row>
    <row r="98" spans="1:41" s="114" customFormat="1" ht="15" hidden="1" customHeight="1" outlineLevel="1">
      <c r="A98" s="113" t="s">
        <v>1031</v>
      </c>
      <c r="B98" s="114" t="s">
        <v>2</v>
      </c>
      <c r="C98" s="135" t="s">
        <v>1032</v>
      </c>
      <c r="D98" s="147" t="s">
        <v>1026</v>
      </c>
      <c r="E98" s="117"/>
      <c r="F98" s="128">
        <v>-4.0000000000000001E-3</v>
      </c>
      <c r="G98" s="129">
        <v>0</v>
      </c>
      <c r="H98" s="129">
        <f t="shared" si="9"/>
        <v>-4.0000000000000001E-3</v>
      </c>
      <c r="I98" s="130"/>
      <c r="J98" s="129">
        <v>0</v>
      </c>
      <c r="K98" s="129">
        <f t="shared" si="10"/>
        <v>-4.0000000000000001E-3</v>
      </c>
      <c r="L98" s="129"/>
      <c r="M98" s="129">
        <v>-4.0000000000000001E-3</v>
      </c>
      <c r="N98" s="129">
        <f t="shared" si="11"/>
        <v>0</v>
      </c>
      <c r="O98" s="131"/>
      <c r="P98" s="132">
        <v>0</v>
      </c>
      <c r="Q98" s="129">
        <v>0</v>
      </c>
      <c r="R98" s="129">
        <v>0</v>
      </c>
      <c r="S98" s="129">
        <v>0</v>
      </c>
      <c r="T98" s="129">
        <v>0</v>
      </c>
      <c r="U98" s="129">
        <v>0</v>
      </c>
      <c r="V98" s="129">
        <v>0</v>
      </c>
      <c r="W98" s="129">
        <v>0</v>
      </c>
      <c r="X98" s="129">
        <v>0</v>
      </c>
      <c r="Y98" s="129">
        <v>0</v>
      </c>
      <c r="Z98" s="129">
        <v>0</v>
      </c>
      <c r="AA98" s="129">
        <v>0</v>
      </c>
      <c r="AB98" s="133">
        <v>0</v>
      </c>
      <c r="AC98" s="129">
        <v>0</v>
      </c>
      <c r="AD98" s="129">
        <v>0</v>
      </c>
      <c r="AE98" s="129">
        <v>0</v>
      </c>
      <c r="AF98" s="129">
        <v>0</v>
      </c>
      <c r="AG98" s="129">
        <v>-4.0000000000000001E-3</v>
      </c>
      <c r="AH98" s="129">
        <v>-4.0000000000000001E-3</v>
      </c>
      <c r="AI98" s="129">
        <v>-4.0000000000000001E-3</v>
      </c>
      <c r="AJ98" s="129">
        <v>-4.0000000000000001E-3</v>
      </c>
      <c r="AK98" s="129">
        <v>-4.0000000000000001E-3</v>
      </c>
      <c r="AL98" s="129">
        <v>-4.0000000000000001E-3</v>
      </c>
      <c r="AM98" s="129">
        <v>-4.0000000000000001E-3</v>
      </c>
      <c r="AN98" s="133">
        <v>-4.0000000000000001E-3</v>
      </c>
      <c r="AO98" s="134"/>
    </row>
    <row r="99" spans="1:41" s="114" customFormat="1" ht="15" hidden="1" customHeight="1" outlineLevel="1">
      <c r="A99" s="113"/>
      <c r="B99" s="114" t="s">
        <v>2</v>
      </c>
      <c r="C99" s="138" t="s">
        <v>1033</v>
      </c>
      <c r="D99" s="146"/>
      <c r="E99" s="117"/>
      <c r="F99" s="128">
        <f>+F98+F96+F95+F92</f>
        <v>2175897.8379999995</v>
      </c>
      <c r="G99" s="129">
        <f>+G98+G96+G95+G92</f>
        <v>2083899.3820000002</v>
      </c>
      <c r="H99" s="129">
        <f t="shared" si="9"/>
        <v>91998.455999999307</v>
      </c>
      <c r="I99" s="130"/>
      <c r="J99" s="129">
        <f>+J98+J96+J95+J92</f>
        <v>2083899.3820000002</v>
      </c>
      <c r="K99" s="129">
        <f t="shared" si="10"/>
        <v>91998.455999999307</v>
      </c>
      <c r="L99" s="129"/>
      <c r="M99" s="129">
        <f>+M98+M96+M95+M92</f>
        <v>2106935.298</v>
      </c>
      <c r="N99" s="129">
        <f t="shared" si="11"/>
        <v>68962.539999999572</v>
      </c>
      <c r="O99" s="131"/>
      <c r="P99" s="132">
        <f t="shared" ref="P99:AN99" si="15">+P98+P96+P95+P92</f>
        <v>2137329.6120000002</v>
      </c>
      <c r="Q99" s="129">
        <f t="shared" si="15"/>
        <v>2181792.9620000003</v>
      </c>
      <c r="R99" s="129">
        <f t="shared" si="15"/>
        <v>2291049.9920000001</v>
      </c>
      <c r="S99" s="129">
        <f t="shared" si="15"/>
        <v>2179014.4920000001</v>
      </c>
      <c r="T99" s="129">
        <f t="shared" si="15"/>
        <v>2255015.7519999999</v>
      </c>
      <c r="U99" s="129">
        <f t="shared" si="15"/>
        <v>2219641.6919999998</v>
      </c>
      <c r="V99" s="129">
        <f t="shared" si="15"/>
        <v>2155081.1120000002</v>
      </c>
      <c r="W99" s="129">
        <f t="shared" si="15"/>
        <v>2173023.3819999998</v>
      </c>
      <c r="X99" s="129">
        <f t="shared" si="15"/>
        <v>2169173.392</v>
      </c>
      <c r="Y99" s="129">
        <f t="shared" si="15"/>
        <v>2083080.8120000002</v>
      </c>
      <c r="Z99" s="129">
        <f t="shared" si="15"/>
        <v>1944371.7120000001</v>
      </c>
      <c r="AA99" s="129">
        <f t="shared" si="15"/>
        <v>2066862.3420000002</v>
      </c>
      <c r="AB99" s="133">
        <f t="shared" si="15"/>
        <v>2083899.3820000002</v>
      </c>
      <c r="AC99" s="129">
        <f t="shared" si="15"/>
        <v>2201064.3020000001</v>
      </c>
      <c r="AD99" s="129">
        <f t="shared" si="15"/>
        <v>2182721.6120000002</v>
      </c>
      <c r="AE99" s="129">
        <f t="shared" si="15"/>
        <v>2138619.2719999999</v>
      </c>
      <c r="AF99" s="129">
        <f t="shared" si="15"/>
        <v>2115963.412</v>
      </c>
      <c r="AG99" s="129">
        <f t="shared" si="15"/>
        <v>2025705.2980000002</v>
      </c>
      <c r="AH99" s="129">
        <f t="shared" si="15"/>
        <v>2058369.6679999998</v>
      </c>
      <c r="AI99" s="129">
        <f t="shared" si="15"/>
        <v>2178889.0779999997</v>
      </c>
      <c r="AJ99" s="129">
        <f t="shared" si="15"/>
        <v>2132876.4379999996</v>
      </c>
      <c r="AK99" s="129">
        <f t="shared" si="15"/>
        <v>2019090.598</v>
      </c>
      <c r="AL99" s="129">
        <f t="shared" si="15"/>
        <v>1976413.8980000003</v>
      </c>
      <c r="AM99" s="129">
        <f t="shared" si="15"/>
        <v>2106935.298</v>
      </c>
      <c r="AN99" s="133">
        <f t="shared" si="15"/>
        <v>2175897.8379999995</v>
      </c>
      <c r="AO99" s="134"/>
    </row>
    <row r="100" spans="1:41" s="137" customFormat="1" ht="15" customHeight="1" collapsed="1">
      <c r="A100" s="136"/>
      <c r="B100" s="137" t="s">
        <v>2</v>
      </c>
      <c r="C100" s="138" t="s">
        <v>1034</v>
      </c>
      <c r="D100" s="146"/>
      <c r="E100" s="117"/>
      <c r="F100" s="139">
        <f>+F99+F91</f>
        <v>2175897.8379999995</v>
      </c>
      <c r="G100" s="140">
        <f>+G99+G91</f>
        <v>2083899.3820000002</v>
      </c>
      <c r="H100" s="140">
        <f t="shared" si="9"/>
        <v>91998.455999999307</v>
      </c>
      <c r="I100" s="141"/>
      <c r="J100" s="140">
        <f>+J99+J91</f>
        <v>2083899.3820000002</v>
      </c>
      <c r="K100" s="140">
        <f t="shared" si="10"/>
        <v>91998.455999999307</v>
      </c>
      <c r="L100" s="140"/>
      <c r="M100" s="140">
        <f>+M99+M91</f>
        <v>2106935.628</v>
      </c>
      <c r="N100" s="140">
        <f t="shared" si="11"/>
        <v>68962.209999999497</v>
      </c>
      <c r="O100" s="131"/>
      <c r="P100" s="142">
        <f t="shared" ref="P100:AN100" si="16">+P99+P91</f>
        <v>2137329.6120000002</v>
      </c>
      <c r="Q100" s="140">
        <f t="shared" si="16"/>
        <v>2181792.9620000003</v>
      </c>
      <c r="R100" s="140">
        <f t="shared" si="16"/>
        <v>2291059.852</v>
      </c>
      <c r="S100" s="140">
        <f t="shared" si="16"/>
        <v>2179014.4920000001</v>
      </c>
      <c r="T100" s="140">
        <f t="shared" si="16"/>
        <v>2255003.2919999999</v>
      </c>
      <c r="U100" s="140">
        <f t="shared" si="16"/>
        <v>2219629.2319999998</v>
      </c>
      <c r="V100" s="140">
        <f t="shared" si="16"/>
        <v>2155081.1120000002</v>
      </c>
      <c r="W100" s="140">
        <f t="shared" si="16"/>
        <v>2173023.3819999998</v>
      </c>
      <c r="X100" s="140">
        <f t="shared" si="16"/>
        <v>2169173.392</v>
      </c>
      <c r="Y100" s="140">
        <f t="shared" si="16"/>
        <v>2083080.8120000002</v>
      </c>
      <c r="Z100" s="140">
        <f t="shared" si="16"/>
        <v>1944371.7120000001</v>
      </c>
      <c r="AA100" s="140">
        <f t="shared" si="16"/>
        <v>2066862.3420000002</v>
      </c>
      <c r="AB100" s="143">
        <f t="shared" si="16"/>
        <v>2083899.3820000002</v>
      </c>
      <c r="AC100" s="140">
        <f t="shared" si="16"/>
        <v>2201064.3020000001</v>
      </c>
      <c r="AD100" s="140">
        <f t="shared" si="16"/>
        <v>2182721.6120000002</v>
      </c>
      <c r="AE100" s="140">
        <f t="shared" si="16"/>
        <v>2138619.2719999999</v>
      </c>
      <c r="AF100" s="140">
        <f t="shared" si="16"/>
        <v>2115968.142</v>
      </c>
      <c r="AG100" s="140">
        <f t="shared" si="16"/>
        <v>2025712.8580000002</v>
      </c>
      <c r="AH100" s="140">
        <f t="shared" si="16"/>
        <v>2058369.6679999998</v>
      </c>
      <c r="AI100" s="140">
        <f t="shared" si="16"/>
        <v>2178889.0779999997</v>
      </c>
      <c r="AJ100" s="140">
        <f t="shared" si="16"/>
        <v>2132876.4379999996</v>
      </c>
      <c r="AK100" s="140">
        <f t="shared" si="16"/>
        <v>2019090.598</v>
      </c>
      <c r="AL100" s="140">
        <f t="shared" si="16"/>
        <v>1976414.2280000004</v>
      </c>
      <c r="AM100" s="140">
        <f t="shared" si="16"/>
        <v>2106935.628</v>
      </c>
      <c r="AN100" s="143">
        <f t="shared" si="16"/>
        <v>2175897.8379999995</v>
      </c>
      <c r="AO100" s="144"/>
    </row>
    <row r="101" spans="1:41" s="114" customFormat="1" ht="3" hidden="1" customHeight="1" outlineLevel="1">
      <c r="A101" s="113"/>
      <c r="C101" s="150"/>
      <c r="D101" s="146"/>
      <c r="E101" s="117"/>
      <c r="F101" s="128"/>
      <c r="G101" s="129"/>
      <c r="H101" s="129">
        <f t="shared" si="9"/>
        <v>0</v>
      </c>
      <c r="I101" s="130"/>
      <c r="J101" s="129"/>
      <c r="K101" s="129">
        <f t="shared" si="10"/>
        <v>0</v>
      </c>
      <c r="L101" s="129"/>
      <c r="M101" s="129"/>
      <c r="N101" s="129">
        <f t="shared" si="11"/>
        <v>0</v>
      </c>
      <c r="O101" s="131"/>
      <c r="P101" s="132"/>
      <c r="Q101" s="129"/>
      <c r="R101" s="129"/>
      <c r="S101" s="129"/>
      <c r="T101" s="129"/>
      <c r="U101" s="129"/>
      <c r="V101" s="129"/>
      <c r="W101" s="129"/>
      <c r="X101" s="129"/>
      <c r="Y101" s="129"/>
      <c r="Z101" s="129"/>
      <c r="AA101" s="129"/>
      <c r="AB101" s="133"/>
      <c r="AC101" s="129"/>
      <c r="AD101" s="129"/>
      <c r="AE101" s="129"/>
      <c r="AF101" s="129"/>
      <c r="AG101" s="129"/>
      <c r="AH101" s="129"/>
      <c r="AI101" s="129"/>
      <c r="AJ101" s="129"/>
      <c r="AK101" s="129"/>
      <c r="AL101" s="129"/>
      <c r="AM101" s="129"/>
      <c r="AN101" s="133"/>
      <c r="AO101" s="134"/>
    </row>
    <row r="102" spans="1:41" s="62" customFormat="1" hidden="1" outlineLevel="2">
      <c r="A102" s="61" t="s">
        <v>1035</v>
      </c>
      <c r="B102" s="61" t="s">
        <v>1036</v>
      </c>
      <c r="C102" s="71" t="s">
        <v>1037</v>
      </c>
      <c r="D102" s="72" t="s">
        <v>1038</v>
      </c>
      <c r="E102" s="73"/>
      <c r="F102" s="62">
        <v>0</v>
      </c>
      <c r="G102" s="62">
        <v>0</v>
      </c>
      <c r="H102" s="62">
        <f t="shared" si="9"/>
        <v>0</v>
      </c>
      <c r="J102" s="62">
        <v>0</v>
      </c>
      <c r="K102" s="62">
        <f t="shared" si="10"/>
        <v>0</v>
      </c>
      <c r="M102" s="62">
        <v>0</v>
      </c>
      <c r="N102" s="62">
        <f t="shared" si="11"/>
        <v>0</v>
      </c>
      <c r="P102" s="74">
        <v>0</v>
      </c>
      <c r="Q102" s="61">
        <v>0</v>
      </c>
      <c r="R102" s="61">
        <v>0</v>
      </c>
      <c r="S102" s="61">
        <v>0</v>
      </c>
      <c r="T102" s="62">
        <v>0</v>
      </c>
      <c r="U102" s="61">
        <v>0</v>
      </c>
      <c r="V102" s="61">
        <v>0</v>
      </c>
      <c r="W102" s="61">
        <v>0</v>
      </c>
      <c r="X102" s="61">
        <v>0</v>
      </c>
      <c r="Y102" s="61">
        <v>0</v>
      </c>
      <c r="Z102" s="61">
        <v>0</v>
      </c>
      <c r="AA102" s="61">
        <v>0</v>
      </c>
      <c r="AB102" s="75">
        <v>0</v>
      </c>
      <c r="AC102" s="61">
        <v>0</v>
      </c>
      <c r="AD102" s="61">
        <v>0</v>
      </c>
      <c r="AE102" s="61">
        <v>0</v>
      </c>
      <c r="AF102" s="62">
        <v>0</v>
      </c>
      <c r="AG102" s="61">
        <v>0</v>
      </c>
      <c r="AH102" s="61">
        <v>0</v>
      </c>
      <c r="AI102" s="61">
        <v>0</v>
      </c>
      <c r="AJ102" s="61">
        <v>0</v>
      </c>
      <c r="AK102" s="61">
        <v>0</v>
      </c>
      <c r="AL102" s="61">
        <v>0</v>
      </c>
      <c r="AM102" s="61">
        <v>0</v>
      </c>
      <c r="AN102" s="75">
        <v>0</v>
      </c>
    </row>
    <row r="103" spans="1:41" s="114" customFormat="1" ht="15" hidden="1" customHeight="1" outlineLevel="1">
      <c r="A103" s="113" t="s">
        <v>1039</v>
      </c>
      <c r="B103" s="114" t="s">
        <v>2</v>
      </c>
      <c r="C103" s="148" t="s">
        <v>1040</v>
      </c>
      <c r="D103" s="147" t="s">
        <v>1038</v>
      </c>
      <c r="E103" s="117"/>
      <c r="F103" s="128">
        <v>0</v>
      </c>
      <c r="G103" s="129">
        <v>0</v>
      </c>
      <c r="H103" s="129">
        <f t="shared" si="9"/>
        <v>0</v>
      </c>
      <c r="I103" s="130"/>
      <c r="J103" s="129">
        <v>0</v>
      </c>
      <c r="K103" s="129">
        <f t="shared" si="10"/>
        <v>0</v>
      </c>
      <c r="L103" s="129"/>
      <c r="M103" s="129">
        <v>0</v>
      </c>
      <c r="N103" s="129">
        <f t="shared" si="11"/>
        <v>0</v>
      </c>
      <c r="O103" s="131"/>
      <c r="P103" s="132">
        <v>0</v>
      </c>
      <c r="Q103" s="129">
        <v>0</v>
      </c>
      <c r="R103" s="129">
        <v>0</v>
      </c>
      <c r="S103" s="129">
        <v>0</v>
      </c>
      <c r="T103" s="129">
        <v>0</v>
      </c>
      <c r="U103" s="129">
        <v>0</v>
      </c>
      <c r="V103" s="129">
        <v>0</v>
      </c>
      <c r="W103" s="129">
        <v>0</v>
      </c>
      <c r="X103" s="129">
        <v>0</v>
      </c>
      <c r="Y103" s="129">
        <v>0</v>
      </c>
      <c r="Z103" s="129">
        <v>0</v>
      </c>
      <c r="AA103" s="129">
        <v>0</v>
      </c>
      <c r="AB103" s="133">
        <v>0</v>
      </c>
      <c r="AC103" s="129">
        <v>0</v>
      </c>
      <c r="AD103" s="129">
        <v>0</v>
      </c>
      <c r="AE103" s="129">
        <v>0</v>
      </c>
      <c r="AF103" s="129">
        <v>0</v>
      </c>
      <c r="AG103" s="129">
        <v>0</v>
      </c>
      <c r="AH103" s="129">
        <v>0</v>
      </c>
      <c r="AI103" s="129">
        <v>0</v>
      </c>
      <c r="AJ103" s="129">
        <v>0</v>
      </c>
      <c r="AK103" s="129">
        <v>0</v>
      </c>
      <c r="AL103" s="129">
        <v>0</v>
      </c>
      <c r="AM103" s="129">
        <v>0</v>
      </c>
      <c r="AN103" s="133">
        <v>0</v>
      </c>
      <c r="AO103" s="134"/>
    </row>
    <row r="104" spans="1:41" s="62" customFormat="1" hidden="1" outlineLevel="2">
      <c r="A104" s="61" t="s">
        <v>871</v>
      </c>
      <c r="B104" s="61" t="s">
        <v>872</v>
      </c>
      <c r="C104" s="71" t="s">
        <v>873</v>
      </c>
      <c r="D104" s="72" t="s">
        <v>1038</v>
      </c>
      <c r="E104" s="73"/>
      <c r="F104" s="62">
        <v>89281</v>
      </c>
      <c r="G104" s="62">
        <v>0</v>
      </c>
      <c r="H104" s="62">
        <f t="shared" si="9"/>
        <v>89281</v>
      </c>
      <c r="J104" s="62">
        <v>0</v>
      </c>
      <c r="K104" s="62">
        <f t="shared" si="10"/>
        <v>89281</v>
      </c>
      <c r="M104" s="62">
        <v>42789</v>
      </c>
      <c r="N104" s="62">
        <f t="shared" si="11"/>
        <v>46492</v>
      </c>
      <c r="P104" s="74">
        <v>0</v>
      </c>
      <c r="Q104" s="61">
        <v>0</v>
      </c>
      <c r="R104" s="61">
        <v>0</v>
      </c>
      <c r="S104" s="61">
        <v>0</v>
      </c>
      <c r="T104" s="62">
        <v>0</v>
      </c>
      <c r="U104" s="61">
        <v>0</v>
      </c>
      <c r="V104" s="61">
        <v>0</v>
      </c>
      <c r="W104" s="61">
        <v>0</v>
      </c>
      <c r="X104" s="61">
        <v>0</v>
      </c>
      <c r="Y104" s="61">
        <v>0</v>
      </c>
      <c r="Z104" s="61">
        <v>0</v>
      </c>
      <c r="AA104" s="61">
        <v>0</v>
      </c>
      <c r="AB104" s="75">
        <v>0</v>
      </c>
      <c r="AC104" s="61">
        <v>0</v>
      </c>
      <c r="AD104" s="61">
        <v>0</v>
      </c>
      <c r="AE104" s="61">
        <v>0</v>
      </c>
      <c r="AF104" s="62">
        <v>0</v>
      </c>
      <c r="AG104" s="61">
        <v>0</v>
      </c>
      <c r="AH104" s="61">
        <v>0</v>
      </c>
      <c r="AI104" s="61">
        <v>0</v>
      </c>
      <c r="AJ104" s="61">
        <v>0</v>
      </c>
      <c r="AK104" s="61">
        <v>7184</v>
      </c>
      <c r="AL104" s="61">
        <v>10192</v>
      </c>
      <c r="AM104" s="61">
        <v>42789</v>
      </c>
      <c r="AN104" s="75">
        <v>89281</v>
      </c>
    </row>
    <row r="105" spans="1:41" s="62" customFormat="1" hidden="1" outlineLevel="2">
      <c r="A105" s="61" t="s">
        <v>874</v>
      </c>
      <c r="B105" s="61" t="s">
        <v>875</v>
      </c>
      <c r="C105" s="71" t="s">
        <v>876</v>
      </c>
      <c r="D105" s="72" t="s">
        <v>1038</v>
      </c>
      <c r="E105" s="73"/>
      <c r="F105" s="62">
        <v>-40477</v>
      </c>
      <c r="G105" s="62">
        <v>0</v>
      </c>
      <c r="H105" s="62">
        <f t="shared" si="9"/>
        <v>-40477</v>
      </c>
      <c r="J105" s="62">
        <v>0</v>
      </c>
      <c r="K105" s="62">
        <f t="shared" si="10"/>
        <v>-40477</v>
      </c>
      <c r="M105" s="62">
        <v>-41411</v>
      </c>
      <c r="N105" s="62">
        <f t="shared" si="11"/>
        <v>934</v>
      </c>
      <c r="P105" s="74">
        <v>0</v>
      </c>
      <c r="Q105" s="61">
        <v>0</v>
      </c>
      <c r="R105" s="61">
        <v>0</v>
      </c>
      <c r="S105" s="61">
        <v>0</v>
      </c>
      <c r="T105" s="62">
        <v>0</v>
      </c>
      <c r="U105" s="61">
        <v>0</v>
      </c>
      <c r="V105" s="61">
        <v>0</v>
      </c>
      <c r="W105" s="61">
        <v>0</v>
      </c>
      <c r="X105" s="61">
        <v>0</v>
      </c>
      <c r="Y105" s="61">
        <v>0</v>
      </c>
      <c r="Z105" s="61">
        <v>0</v>
      </c>
      <c r="AA105" s="61">
        <v>0</v>
      </c>
      <c r="AB105" s="75">
        <v>0</v>
      </c>
      <c r="AC105" s="61">
        <v>0</v>
      </c>
      <c r="AD105" s="61">
        <v>0</v>
      </c>
      <c r="AE105" s="61">
        <v>0</v>
      </c>
      <c r="AF105" s="62">
        <v>0</v>
      </c>
      <c r="AG105" s="61">
        <v>0</v>
      </c>
      <c r="AH105" s="61">
        <v>0</v>
      </c>
      <c r="AI105" s="61">
        <v>0</v>
      </c>
      <c r="AJ105" s="61">
        <v>0</v>
      </c>
      <c r="AK105" s="61">
        <v>0</v>
      </c>
      <c r="AL105" s="61">
        <v>0</v>
      </c>
      <c r="AM105" s="61">
        <v>-41411</v>
      </c>
      <c r="AN105" s="75">
        <v>-40477</v>
      </c>
    </row>
    <row r="106" spans="1:41" s="114" customFormat="1" ht="15" hidden="1" customHeight="1" outlineLevel="1">
      <c r="A106" s="113" t="s">
        <v>1041</v>
      </c>
      <c r="B106" s="114" t="s">
        <v>2</v>
      </c>
      <c r="C106" s="148" t="s">
        <v>1042</v>
      </c>
      <c r="D106" s="147" t="s">
        <v>1038</v>
      </c>
      <c r="E106" s="117"/>
      <c r="F106" s="128">
        <v>48804</v>
      </c>
      <c r="G106" s="129">
        <v>0</v>
      </c>
      <c r="H106" s="129">
        <f t="shared" si="9"/>
        <v>48804</v>
      </c>
      <c r="I106" s="130"/>
      <c r="J106" s="129">
        <v>0</v>
      </c>
      <c r="K106" s="129">
        <f t="shared" si="10"/>
        <v>48804</v>
      </c>
      <c r="L106" s="129"/>
      <c r="M106" s="129">
        <v>1378</v>
      </c>
      <c r="N106" s="129">
        <f t="shared" si="11"/>
        <v>47426</v>
      </c>
      <c r="O106" s="131"/>
      <c r="P106" s="132">
        <v>0</v>
      </c>
      <c r="Q106" s="129">
        <v>0</v>
      </c>
      <c r="R106" s="129">
        <v>0</v>
      </c>
      <c r="S106" s="129">
        <v>0</v>
      </c>
      <c r="T106" s="129">
        <v>0</v>
      </c>
      <c r="U106" s="129">
        <v>0</v>
      </c>
      <c r="V106" s="129">
        <v>0</v>
      </c>
      <c r="W106" s="129">
        <v>0</v>
      </c>
      <c r="X106" s="129">
        <v>0</v>
      </c>
      <c r="Y106" s="129">
        <v>0</v>
      </c>
      <c r="Z106" s="129">
        <v>0</v>
      </c>
      <c r="AA106" s="129">
        <v>0</v>
      </c>
      <c r="AB106" s="133">
        <v>0</v>
      </c>
      <c r="AC106" s="129">
        <v>0</v>
      </c>
      <c r="AD106" s="129">
        <v>0</v>
      </c>
      <c r="AE106" s="129">
        <v>0</v>
      </c>
      <c r="AF106" s="129">
        <v>0</v>
      </c>
      <c r="AG106" s="129">
        <v>0</v>
      </c>
      <c r="AH106" s="129">
        <v>0</v>
      </c>
      <c r="AI106" s="129">
        <v>0</v>
      </c>
      <c r="AJ106" s="129">
        <v>0</v>
      </c>
      <c r="AK106" s="129">
        <v>7184</v>
      </c>
      <c r="AL106" s="129">
        <v>10192</v>
      </c>
      <c r="AM106" s="129">
        <v>1378</v>
      </c>
      <c r="AN106" s="133">
        <v>48804</v>
      </c>
      <c r="AO106" s="134"/>
    </row>
    <row r="107" spans="1:41" s="137" customFormat="1" ht="15" customHeight="1" collapsed="1">
      <c r="A107" s="136"/>
      <c r="B107" s="137" t="s">
        <v>2</v>
      </c>
      <c r="C107" s="138" t="s">
        <v>1043</v>
      </c>
      <c r="D107" s="147" t="s">
        <v>1038</v>
      </c>
      <c r="E107" s="117"/>
      <c r="F107" s="139">
        <f>+F106+F103</f>
        <v>48804</v>
      </c>
      <c r="G107" s="140">
        <f>+G106+G103</f>
        <v>0</v>
      </c>
      <c r="H107" s="140">
        <f t="shared" si="9"/>
        <v>48804</v>
      </c>
      <c r="I107" s="141"/>
      <c r="J107" s="140">
        <f>+J106+J103</f>
        <v>0</v>
      </c>
      <c r="K107" s="140">
        <f t="shared" si="10"/>
        <v>48804</v>
      </c>
      <c r="L107" s="140"/>
      <c r="M107" s="140">
        <f>+M106+M103</f>
        <v>1378</v>
      </c>
      <c r="N107" s="140">
        <f t="shared" si="11"/>
        <v>47426</v>
      </c>
      <c r="O107" s="131"/>
      <c r="P107" s="142">
        <f t="shared" ref="P107:AN107" si="17">+P106+P103</f>
        <v>0</v>
      </c>
      <c r="Q107" s="140">
        <f t="shared" si="17"/>
        <v>0</v>
      </c>
      <c r="R107" s="140">
        <f t="shared" si="17"/>
        <v>0</v>
      </c>
      <c r="S107" s="140">
        <f t="shared" si="17"/>
        <v>0</v>
      </c>
      <c r="T107" s="140">
        <f t="shared" si="17"/>
        <v>0</v>
      </c>
      <c r="U107" s="140">
        <f t="shared" si="17"/>
        <v>0</v>
      </c>
      <c r="V107" s="140">
        <f t="shared" si="17"/>
        <v>0</v>
      </c>
      <c r="W107" s="140">
        <f t="shared" si="17"/>
        <v>0</v>
      </c>
      <c r="X107" s="140">
        <f t="shared" si="17"/>
        <v>0</v>
      </c>
      <c r="Y107" s="140">
        <f t="shared" si="17"/>
        <v>0</v>
      </c>
      <c r="Z107" s="140">
        <f t="shared" si="17"/>
        <v>0</v>
      </c>
      <c r="AA107" s="140">
        <f t="shared" si="17"/>
        <v>0</v>
      </c>
      <c r="AB107" s="143">
        <f t="shared" si="17"/>
        <v>0</v>
      </c>
      <c r="AC107" s="140">
        <f t="shared" si="17"/>
        <v>0</v>
      </c>
      <c r="AD107" s="140">
        <f t="shared" si="17"/>
        <v>0</v>
      </c>
      <c r="AE107" s="140">
        <f t="shared" si="17"/>
        <v>0</v>
      </c>
      <c r="AF107" s="140">
        <f t="shared" si="17"/>
        <v>0</v>
      </c>
      <c r="AG107" s="140">
        <f t="shared" si="17"/>
        <v>0</v>
      </c>
      <c r="AH107" s="140">
        <f t="shared" si="17"/>
        <v>0</v>
      </c>
      <c r="AI107" s="140">
        <f t="shared" si="17"/>
        <v>0</v>
      </c>
      <c r="AJ107" s="140">
        <f t="shared" si="17"/>
        <v>0</v>
      </c>
      <c r="AK107" s="140">
        <f t="shared" si="17"/>
        <v>7184</v>
      </c>
      <c r="AL107" s="140">
        <f t="shared" si="17"/>
        <v>10192</v>
      </c>
      <c r="AM107" s="140">
        <f t="shared" si="17"/>
        <v>1378</v>
      </c>
      <c r="AN107" s="143">
        <f t="shared" si="17"/>
        <v>48804</v>
      </c>
      <c r="AO107" s="144"/>
    </row>
    <row r="108" spans="1:41" s="137" customFormat="1" ht="2.25" hidden="1" customHeight="1" outlineLevel="1">
      <c r="A108" s="136"/>
      <c r="C108" s="138"/>
      <c r="D108" s="146"/>
      <c r="E108" s="117"/>
      <c r="F108" s="139"/>
      <c r="G108" s="140"/>
      <c r="H108" s="140">
        <f t="shared" si="9"/>
        <v>0</v>
      </c>
      <c r="I108" s="141"/>
      <c r="J108" s="140"/>
      <c r="K108" s="140">
        <f t="shared" si="10"/>
        <v>0</v>
      </c>
      <c r="L108" s="140"/>
      <c r="M108" s="140"/>
      <c r="N108" s="140">
        <f t="shared" si="11"/>
        <v>0</v>
      </c>
      <c r="O108" s="131"/>
      <c r="P108" s="142"/>
      <c r="Q108" s="140"/>
      <c r="R108" s="140"/>
      <c r="S108" s="140"/>
      <c r="T108" s="140"/>
      <c r="U108" s="140"/>
      <c r="V108" s="140"/>
      <c r="W108" s="140"/>
      <c r="X108" s="140"/>
      <c r="Y108" s="140"/>
      <c r="Z108" s="140"/>
      <c r="AA108" s="140"/>
      <c r="AB108" s="143"/>
      <c r="AC108" s="140"/>
      <c r="AD108" s="140"/>
      <c r="AE108" s="140"/>
      <c r="AF108" s="140"/>
      <c r="AG108" s="140"/>
      <c r="AH108" s="140"/>
      <c r="AI108" s="140"/>
      <c r="AJ108" s="140"/>
      <c r="AK108" s="140"/>
      <c r="AL108" s="140"/>
      <c r="AM108" s="140"/>
      <c r="AN108" s="143"/>
      <c r="AO108" s="144"/>
    </row>
    <row r="109" spans="1:41" s="62" customFormat="1" hidden="1" outlineLevel="2">
      <c r="A109" s="61" t="s">
        <v>1044</v>
      </c>
      <c r="B109" s="61" t="s">
        <v>1045</v>
      </c>
      <c r="C109" s="71" t="s">
        <v>1046</v>
      </c>
      <c r="D109" s="72" t="s">
        <v>1047</v>
      </c>
      <c r="E109" s="73"/>
      <c r="F109" s="62">
        <v>0</v>
      </c>
      <c r="G109" s="62">
        <v>0</v>
      </c>
      <c r="H109" s="62">
        <f t="shared" si="9"/>
        <v>0</v>
      </c>
      <c r="J109" s="62">
        <v>0</v>
      </c>
      <c r="K109" s="62">
        <f t="shared" si="10"/>
        <v>0</v>
      </c>
      <c r="M109" s="62">
        <v>0</v>
      </c>
      <c r="N109" s="62">
        <f t="shared" si="11"/>
        <v>0</v>
      </c>
      <c r="P109" s="74">
        <v>0</v>
      </c>
      <c r="Q109" s="61">
        <v>0</v>
      </c>
      <c r="R109" s="61">
        <v>0</v>
      </c>
      <c r="S109" s="61">
        <v>0</v>
      </c>
      <c r="T109" s="62">
        <v>0</v>
      </c>
      <c r="U109" s="61">
        <v>0</v>
      </c>
      <c r="V109" s="61">
        <v>0</v>
      </c>
      <c r="W109" s="61">
        <v>0</v>
      </c>
      <c r="X109" s="61">
        <v>0</v>
      </c>
      <c r="Y109" s="61">
        <v>0</v>
      </c>
      <c r="Z109" s="61">
        <v>0</v>
      </c>
      <c r="AA109" s="61">
        <v>0</v>
      </c>
      <c r="AB109" s="75">
        <v>0</v>
      </c>
      <c r="AC109" s="61">
        <v>0</v>
      </c>
      <c r="AD109" s="61">
        <v>0</v>
      </c>
      <c r="AE109" s="61">
        <v>0</v>
      </c>
      <c r="AF109" s="62">
        <v>0</v>
      </c>
      <c r="AG109" s="61">
        <v>0</v>
      </c>
      <c r="AH109" s="61">
        <v>0</v>
      </c>
      <c r="AI109" s="61">
        <v>0</v>
      </c>
      <c r="AJ109" s="61">
        <v>0</v>
      </c>
      <c r="AK109" s="61">
        <v>0</v>
      </c>
      <c r="AL109" s="61">
        <v>0</v>
      </c>
      <c r="AM109" s="61">
        <v>0</v>
      </c>
      <c r="AN109" s="75">
        <v>0</v>
      </c>
    </row>
    <row r="110" spans="1:41" s="62" customFormat="1" hidden="1" outlineLevel="2">
      <c r="A110" s="61" t="s">
        <v>129</v>
      </c>
      <c r="B110" s="61" t="s">
        <v>130</v>
      </c>
      <c r="C110" s="71" t="s">
        <v>131</v>
      </c>
      <c r="D110" s="72" t="s">
        <v>1047</v>
      </c>
      <c r="E110" s="73"/>
      <c r="F110" s="62">
        <v>40477</v>
      </c>
      <c r="G110" s="62">
        <v>-92113</v>
      </c>
      <c r="H110" s="62">
        <f t="shared" si="9"/>
        <v>132590</v>
      </c>
      <c r="J110" s="62">
        <v>-92113</v>
      </c>
      <c r="K110" s="62">
        <f t="shared" si="10"/>
        <v>132590</v>
      </c>
      <c r="M110" s="62">
        <v>41411</v>
      </c>
      <c r="N110" s="62">
        <f t="shared" si="11"/>
        <v>-934</v>
      </c>
      <c r="P110" s="74">
        <v>-23052</v>
      </c>
      <c r="Q110" s="61">
        <v>0</v>
      </c>
      <c r="R110" s="61">
        <v>-154286</v>
      </c>
      <c r="S110" s="61">
        <v>-183816</v>
      </c>
      <c r="T110" s="62">
        <v>-65472</v>
      </c>
      <c r="U110" s="61">
        <v>-38213</v>
      </c>
      <c r="V110" s="61">
        <v>-28060</v>
      </c>
      <c r="W110" s="61">
        <v>-94720</v>
      </c>
      <c r="X110" s="61">
        <v>-51033</v>
      </c>
      <c r="Y110" s="61">
        <v>-116422</v>
      </c>
      <c r="Z110" s="61">
        <v>-42540</v>
      </c>
      <c r="AA110" s="61">
        <v>-38345</v>
      </c>
      <c r="AB110" s="75">
        <v>-92113</v>
      </c>
      <c r="AC110" s="61">
        <v>-63083</v>
      </c>
      <c r="AD110" s="61">
        <v>0</v>
      </c>
      <c r="AE110" s="61">
        <v>-49462</v>
      </c>
      <c r="AF110" s="62">
        <v>-57704</v>
      </c>
      <c r="AG110" s="61">
        <v>-13860</v>
      </c>
      <c r="AH110" s="61">
        <v>-21740</v>
      </c>
      <c r="AI110" s="61">
        <v>-21740</v>
      </c>
      <c r="AJ110" s="61">
        <v>-5043</v>
      </c>
      <c r="AK110" s="61">
        <v>0</v>
      </c>
      <c r="AL110" s="61">
        <v>-479</v>
      </c>
      <c r="AM110" s="61">
        <v>41411</v>
      </c>
      <c r="AN110" s="75">
        <v>40477</v>
      </c>
    </row>
    <row r="111" spans="1:41" s="62" customFormat="1" hidden="1" outlineLevel="2">
      <c r="A111" s="61" t="s">
        <v>75</v>
      </c>
      <c r="B111" s="61" t="s">
        <v>76</v>
      </c>
      <c r="C111" s="71" t="s">
        <v>77</v>
      </c>
      <c r="D111" s="72" t="s">
        <v>1047</v>
      </c>
      <c r="E111" s="73"/>
      <c r="F111" s="62">
        <v>489.92</v>
      </c>
      <c r="G111" s="62">
        <v>127327.65000000001</v>
      </c>
      <c r="H111" s="62">
        <f t="shared" si="9"/>
        <v>-126837.73000000001</v>
      </c>
      <c r="J111" s="62">
        <v>127327.65000000001</v>
      </c>
      <c r="K111" s="62">
        <f t="shared" si="10"/>
        <v>-126837.73000000001</v>
      </c>
      <c r="M111" s="62">
        <v>0</v>
      </c>
      <c r="N111" s="62">
        <f t="shared" si="11"/>
        <v>489.92</v>
      </c>
      <c r="P111" s="74">
        <v>50106.18</v>
      </c>
      <c r="Q111" s="61">
        <v>24260.23</v>
      </c>
      <c r="R111" s="61">
        <v>327126.60000000003</v>
      </c>
      <c r="S111" s="61">
        <v>205782.09</v>
      </c>
      <c r="T111" s="62">
        <v>108688.81</v>
      </c>
      <c r="U111" s="61">
        <v>74490.820000000007</v>
      </c>
      <c r="V111" s="61">
        <v>61200.5</v>
      </c>
      <c r="W111" s="61">
        <v>128336.07</v>
      </c>
      <c r="X111" s="61">
        <v>98004.81</v>
      </c>
      <c r="Y111" s="61">
        <v>156323.65</v>
      </c>
      <c r="Z111" s="61">
        <v>90586.97</v>
      </c>
      <c r="AA111" s="61">
        <v>79361.13</v>
      </c>
      <c r="AB111" s="75">
        <v>127327.65000000001</v>
      </c>
      <c r="AC111" s="61">
        <v>92086.290000000008</v>
      </c>
      <c r="AD111" s="61">
        <v>32454.36</v>
      </c>
      <c r="AE111" s="61">
        <v>79976.930000000008</v>
      </c>
      <c r="AF111" s="62">
        <v>91187.34</v>
      </c>
      <c r="AG111" s="61">
        <v>52262.58</v>
      </c>
      <c r="AH111" s="61">
        <v>62496.01</v>
      </c>
      <c r="AI111" s="61">
        <v>71392.710000000006</v>
      </c>
      <c r="AJ111" s="61">
        <v>32605</v>
      </c>
      <c r="AK111" s="61">
        <v>32056.799999999999</v>
      </c>
      <c r="AL111" s="61">
        <v>30598.940000000002</v>
      </c>
      <c r="AM111" s="61">
        <v>0</v>
      </c>
      <c r="AN111" s="75">
        <v>489.92</v>
      </c>
    </row>
    <row r="112" spans="1:41" s="137" customFormat="1" ht="15" customHeight="1" collapsed="1">
      <c r="A112" s="136" t="s">
        <v>1048</v>
      </c>
      <c r="B112" s="137" t="s">
        <v>2</v>
      </c>
      <c r="C112" s="138" t="s">
        <v>1049</v>
      </c>
      <c r="D112" s="147" t="s">
        <v>1047</v>
      </c>
      <c r="E112" s="117"/>
      <c r="F112" s="139">
        <v>40966.92</v>
      </c>
      <c r="G112" s="140">
        <v>35214.650000000009</v>
      </c>
      <c r="H112" s="140">
        <f t="shared" si="9"/>
        <v>5752.2699999999895</v>
      </c>
      <c r="I112" s="141"/>
      <c r="J112" s="140">
        <v>35214.650000000009</v>
      </c>
      <c r="K112" s="140">
        <f t="shared" si="10"/>
        <v>5752.2699999999895</v>
      </c>
      <c r="L112" s="140"/>
      <c r="M112" s="140">
        <v>41411</v>
      </c>
      <c r="N112" s="140">
        <f t="shared" si="11"/>
        <v>-444.08000000000175</v>
      </c>
      <c r="O112" s="131"/>
      <c r="P112" s="142">
        <v>27054.18</v>
      </c>
      <c r="Q112" s="140">
        <v>24260.23</v>
      </c>
      <c r="R112" s="140">
        <v>172840.60000000003</v>
      </c>
      <c r="S112" s="140">
        <v>21966.089999999997</v>
      </c>
      <c r="T112" s="140">
        <v>43216.81</v>
      </c>
      <c r="U112" s="140">
        <v>36277.820000000007</v>
      </c>
      <c r="V112" s="140">
        <v>33140.5</v>
      </c>
      <c r="W112" s="140">
        <v>33616.070000000007</v>
      </c>
      <c r="X112" s="140">
        <v>46971.81</v>
      </c>
      <c r="Y112" s="140">
        <v>39901.649999999994</v>
      </c>
      <c r="Z112" s="140">
        <v>48046.97</v>
      </c>
      <c r="AA112" s="140">
        <v>41016.130000000005</v>
      </c>
      <c r="AB112" s="143">
        <v>35214.650000000009</v>
      </c>
      <c r="AC112" s="140">
        <v>29003.290000000008</v>
      </c>
      <c r="AD112" s="140">
        <v>32454.36</v>
      </c>
      <c r="AE112" s="140">
        <v>30514.930000000008</v>
      </c>
      <c r="AF112" s="140">
        <v>33483.339999999997</v>
      </c>
      <c r="AG112" s="140">
        <v>38402.58</v>
      </c>
      <c r="AH112" s="140">
        <v>40756.01</v>
      </c>
      <c r="AI112" s="140">
        <v>49652.710000000006</v>
      </c>
      <c r="AJ112" s="140">
        <v>27562</v>
      </c>
      <c r="AK112" s="140">
        <v>32056.799999999999</v>
      </c>
      <c r="AL112" s="140">
        <v>30119.940000000002</v>
      </c>
      <c r="AM112" s="140">
        <v>41411</v>
      </c>
      <c r="AN112" s="143">
        <v>40966.92</v>
      </c>
      <c r="AO112" s="144"/>
    </row>
    <row r="113" spans="1:41" s="137" customFormat="1" ht="3.75" hidden="1" customHeight="1" outlineLevel="1">
      <c r="A113" s="136"/>
      <c r="B113" s="137" t="s">
        <v>2</v>
      </c>
      <c r="C113" s="138"/>
      <c r="D113" s="146"/>
      <c r="E113" s="117"/>
      <c r="F113" s="139"/>
      <c r="G113" s="140"/>
      <c r="H113" s="140">
        <f t="shared" si="9"/>
        <v>0</v>
      </c>
      <c r="I113" s="141"/>
      <c r="J113" s="140"/>
      <c r="K113" s="140">
        <f t="shared" si="10"/>
        <v>0</v>
      </c>
      <c r="L113" s="140"/>
      <c r="M113" s="140"/>
      <c r="N113" s="140">
        <f t="shared" si="11"/>
        <v>0</v>
      </c>
      <c r="O113" s="131"/>
      <c r="P113" s="142"/>
      <c r="Q113" s="140"/>
      <c r="R113" s="140"/>
      <c r="S113" s="140"/>
      <c r="T113" s="140"/>
      <c r="U113" s="140"/>
      <c r="V113" s="140"/>
      <c r="W113" s="140"/>
      <c r="X113" s="140"/>
      <c r="Y113" s="140"/>
      <c r="Z113" s="140"/>
      <c r="AA113" s="140"/>
      <c r="AB113" s="143"/>
      <c r="AC113" s="140"/>
      <c r="AD113" s="140"/>
      <c r="AE113" s="140"/>
      <c r="AF113" s="140"/>
      <c r="AG113" s="140"/>
      <c r="AH113" s="140"/>
      <c r="AI113" s="140"/>
      <c r="AJ113" s="140"/>
      <c r="AK113" s="140"/>
      <c r="AL113" s="140"/>
      <c r="AM113" s="140"/>
      <c r="AN113" s="143"/>
      <c r="AO113" s="144"/>
    </row>
    <row r="114" spans="1:41" s="114" customFormat="1" ht="15" hidden="1" customHeight="1" outlineLevel="1">
      <c r="A114" s="113" t="s">
        <v>1050</v>
      </c>
      <c r="B114" s="114" t="s">
        <v>2</v>
      </c>
      <c r="C114" s="126" t="s">
        <v>1051</v>
      </c>
      <c r="D114" s="147" t="s">
        <v>1052</v>
      </c>
      <c r="E114" s="117"/>
      <c r="F114" s="128">
        <v>0</v>
      </c>
      <c r="G114" s="129">
        <v>0</v>
      </c>
      <c r="H114" s="129">
        <f t="shared" si="9"/>
        <v>0</v>
      </c>
      <c r="I114" s="130"/>
      <c r="J114" s="129">
        <v>0</v>
      </c>
      <c r="K114" s="129">
        <f t="shared" si="10"/>
        <v>0</v>
      </c>
      <c r="L114" s="129"/>
      <c r="M114" s="129">
        <v>0</v>
      </c>
      <c r="N114" s="129">
        <f t="shared" si="11"/>
        <v>0</v>
      </c>
      <c r="O114" s="131"/>
      <c r="P114" s="132">
        <v>0</v>
      </c>
      <c r="Q114" s="129">
        <v>0</v>
      </c>
      <c r="R114" s="129">
        <v>0</v>
      </c>
      <c r="S114" s="129">
        <v>0</v>
      </c>
      <c r="T114" s="129">
        <v>0</v>
      </c>
      <c r="U114" s="129">
        <v>0</v>
      </c>
      <c r="V114" s="129">
        <v>0</v>
      </c>
      <c r="W114" s="129">
        <v>0</v>
      </c>
      <c r="X114" s="129">
        <v>0</v>
      </c>
      <c r="Y114" s="129">
        <v>0</v>
      </c>
      <c r="Z114" s="129">
        <v>0</v>
      </c>
      <c r="AA114" s="129">
        <v>0</v>
      </c>
      <c r="AB114" s="133">
        <v>0</v>
      </c>
      <c r="AC114" s="129">
        <v>0</v>
      </c>
      <c r="AD114" s="129">
        <v>0</v>
      </c>
      <c r="AE114" s="129">
        <v>0</v>
      </c>
      <c r="AF114" s="129">
        <v>0</v>
      </c>
      <c r="AG114" s="129">
        <v>0</v>
      </c>
      <c r="AH114" s="129">
        <v>0</v>
      </c>
      <c r="AI114" s="129">
        <v>0</v>
      </c>
      <c r="AJ114" s="129">
        <v>0</v>
      </c>
      <c r="AK114" s="129">
        <v>0</v>
      </c>
      <c r="AL114" s="129">
        <v>0</v>
      </c>
      <c r="AM114" s="129">
        <v>0</v>
      </c>
      <c r="AN114" s="133">
        <v>0</v>
      </c>
      <c r="AO114" s="134"/>
    </row>
    <row r="115" spans="1:41" s="114" customFormat="1" ht="15" hidden="1" customHeight="1" outlineLevel="1">
      <c r="A115" s="113" t="s">
        <v>1053</v>
      </c>
      <c r="B115" s="114" t="s">
        <v>2</v>
      </c>
      <c r="C115" s="126" t="s">
        <v>1054</v>
      </c>
      <c r="D115" s="147" t="s">
        <v>1052</v>
      </c>
      <c r="E115" s="117"/>
      <c r="F115" s="128">
        <v>0</v>
      </c>
      <c r="G115" s="129">
        <v>0</v>
      </c>
      <c r="H115" s="129">
        <f t="shared" si="9"/>
        <v>0</v>
      </c>
      <c r="I115" s="130"/>
      <c r="J115" s="129">
        <v>0</v>
      </c>
      <c r="K115" s="129">
        <f t="shared" si="10"/>
        <v>0</v>
      </c>
      <c r="L115" s="129"/>
      <c r="M115" s="129">
        <v>0</v>
      </c>
      <c r="N115" s="129">
        <f t="shared" si="11"/>
        <v>0</v>
      </c>
      <c r="O115" s="131"/>
      <c r="P115" s="132">
        <v>0</v>
      </c>
      <c r="Q115" s="129">
        <v>0</v>
      </c>
      <c r="R115" s="129">
        <v>0</v>
      </c>
      <c r="S115" s="129">
        <v>0</v>
      </c>
      <c r="T115" s="129">
        <v>0</v>
      </c>
      <c r="U115" s="129">
        <v>0</v>
      </c>
      <c r="V115" s="129">
        <v>0</v>
      </c>
      <c r="W115" s="129">
        <v>0</v>
      </c>
      <c r="X115" s="129">
        <v>0</v>
      </c>
      <c r="Y115" s="129">
        <v>0</v>
      </c>
      <c r="Z115" s="129">
        <v>0</v>
      </c>
      <c r="AA115" s="129">
        <v>0</v>
      </c>
      <c r="AB115" s="133">
        <v>0</v>
      </c>
      <c r="AC115" s="129">
        <v>0</v>
      </c>
      <c r="AD115" s="129">
        <v>0</v>
      </c>
      <c r="AE115" s="129">
        <v>0</v>
      </c>
      <c r="AF115" s="129">
        <v>0</v>
      </c>
      <c r="AG115" s="129">
        <v>0</v>
      </c>
      <c r="AH115" s="129">
        <v>0</v>
      </c>
      <c r="AI115" s="129">
        <v>0</v>
      </c>
      <c r="AJ115" s="129">
        <v>0</v>
      </c>
      <c r="AK115" s="129">
        <v>0</v>
      </c>
      <c r="AL115" s="129">
        <v>0</v>
      </c>
      <c r="AM115" s="129">
        <v>0</v>
      </c>
      <c r="AN115" s="133">
        <v>0</v>
      </c>
      <c r="AO115" s="134"/>
    </row>
    <row r="116" spans="1:41" s="137" customFormat="1" ht="15" customHeight="1" collapsed="1">
      <c r="A116" s="136"/>
      <c r="B116" s="137" t="s">
        <v>2</v>
      </c>
      <c r="C116" s="138" t="s">
        <v>1055</v>
      </c>
      <c r="D116" s="146"/>
      <c r="E116" s="117"/>
      <c r="F116" s="139">
        <f>+F115+F114</f>
        <v>0</v>
      </c>
      <c r="G116" s="140">
        <f>+G115+G114</f>
        <v>0</v>
      </c>
      <c r="H116" s="140">
        <f t="shared" si="9"/>
        <v>0</v>
      </c>
      <c r="I116" s="141"/>
      <c r="J116" s="140">
        <f>+J115+J114</f>
        <v>0</v>
      </c>
      <c r="K116" s="140">
        <f t="shared" si="10"/>
        <v>0</v>
      </c>
      <c r="L116" s="140"/>
      <c r="M116" s="140">
        <f>+M115+M114</f>
        <v>0</v>
      </c>
      <c r="N116" s="140">
        <f t="shared" si="11"/>
        <v>0</v>
      </c>
      <c r="O116" s="131"/>
      <c r="P116" s="142">
        <f t="shared" ref="P116:AN116" si="18">+P115+P114</f>
        <v>0</v>
      </c>
      <c r="Q116" s="140">
        <f t="shared" si="18"/>
        <v>0</v>
      </c>
      <c r="R116" s="140">
        <f t="shared" si="18"/>
        <v>0</v>
      </c>
      <c r="S116" s="140">
        <f t="shared" si="18"/>
        <v>0</v>
      </c>
      <c r="T116" s="140">
        <f t="shared" si="18"/>
        <v>0</v>
      </c>
      <c r="U116" s="140">
        <f t="shared" si="18"/>
        <v>0</v>
      </c>
      <c r="V116" s="140">
        <f t="shared" si="18"/>
        <v>0</v>
      </c>
      <c r="W116" s="140">
        <f t="shared" si="18"/>
        <v>0</v>
      </c>
      <c r="X116" s="140">
        <f t="shared" si="18"/>
        <v>0</v>
      </c>
      <c r="Y116" s="140">
        <f t="shared" si="18"/>
        <v>0</v>
      </c>
      <c r="Z116" s="140">
        <f t="shared" si="18"/>
        <v>0</v>
      </c>
      <c r="AA116" s="140">
        <f t="shared" si="18"/>
        <v>0</v>
      </c>
      <c r="AB116" s="143">
        <f t="shared" si="18"/>
        <v>0</v>
      </c>
      <c r="AC116" s="140">
        <f t="shared" si="18"/>
        <v>0</v>
      </c>
      <c r="AD116" s="140">
        <f t="shared" si="18"/>
        <v>0</v>
      </c>
      <c r="AE116" s="140">
        <f t="shared" si="18"/>
        <v>0</v>
      </c>
      <c r="AF116" s="140">
        <f t="shared" si="18"/>
        <v>0</v>
      </c>
      <c r="AG116" s="140">
        <f t="shared" si="18"/>
        <v>0</v>
      </c>
      <c r="AH116" s="140">
        <f t="shared" si="18"/>
        <v>0</v>
      </c>
      <c r="AI116" s="140">
        <f t="shared" si="18"/>
        <v>0</v>
      </c>
      <c r="AJ116" s="140">
        <f t="shared" si="18"/>
        <v>0</v>
      </c>
      <c r="AK116" s="140">
        <f t="shared" si="18"/>
        <v>0</v>
      </c>
      <c r="AL116" s="140">
        <f t="shared" si="18"/>
        <v>0</v>
      </c>
      <c r="AM116" s="140">
        <f t="shared" si="18"/>
        <v>0</v>
      </c>
      <c r="AN116" s="143">
        <f t="shared" si="18"/>
        <v>0</v>
      </c>
      <c r="AO116" s="144"/>
    </row>
    <row r="117" spans="1:41" s="137" customFormat="1" ht="15" customHeight="1">
      <c r="A117" s="113" t="s">
        <v>1056</v>
      </c>
      <c r="B117" s="137" t="s">
        <v>2</v>
      </c>
      <c r="C117" s="138" t="s">
        <v>1057</v>
      </c>
      <c r="D117" s="146"/>
      <c r="E117" s="117"/>
      <c r="F117" s="139">
        <v>0</v>
      </c>
      <c r="G117" s="140">
        <v>0</v>
      </c>
      <c r="H117" s="140">
        <f t="shared" si="9"/>
        <v>0</v>
      </c>
      <c r="I117" s="141"/>
      <c r="J117" s="140">
        <v>0</v>
      </c>
      <c r="K117" s="140">
        <f t="shared" si="10"/>
        <v>0</v>
      </c>
      <c r="L117" s="140"/>
      <c r="M117" s="140">
        <v>0</v>
      </c>
      <c r="N117" s="140">
        <f t="shared" si="11"/>
        <v>0</v>
      </c>
      <c r="O117" s="131"/>
      <c r="P117" s="142">
        <v>0</v>
      </c>
      <c r="Q117" s="140">
        <v>0</v>
      </c>
      <c r="R117" s="140">
        <v>0</v>
      </c>
      <c r="S117" s="140">
        <v>0</v>
      </c>
      <c r="T117" s="140">
        <v>0</v>
      </c>
      <c r="U117" s="140">
        <v>0</v>
      </c>
      <c r="V117" s="140">
        <v>0</v>
      </c>
      <c r="W117" s="140">
        <v>0</v>
      </c>
      <c r="X117" s="140">
        <v>0</v>
      </c>
      <c r="Y117" s="140">
        <v>0</v>
      </c>
      <c r="Z117" s="140">
        <v>0</v>
      </c>
      <c r="AA117" s="140">
        <v>0</v>
      </c>
      <c r="AB117" s="143">
        <v>0</v>
      </c>
      <c r="AC117" s="140">
        <v>0</v>
      </c>
      <c r="AD117" s="140">
        <v>0</v>
      </c>
      <c r="AE117" s="140">
        <v>0</v>
      </c>
      <c r="AF117" s="140">
        <v>0</v>
      </c>
      <c r="AG117" s="140">
        <v>0</v>
      </c>
      <c r="AH117" s="140">
        <v>0</v>
      </c>
      <c r="AI117" s="140">
        <v>0</v>
      </c>
      <c r="AJ117" s="140">
        <v>0</v>
      </c>
      <c r="AK117" s="140">
        <v>0</v>
      </c>
      <c r="AL117" s="140">
        <v>0</v>
      </c>
      <c r="AM117" s="140">
        <v>0</v>
      </c>
      <c r="AN117" s="143">
        <v>0</v>
      </c>
      <c r="AO117" s="144"/>
    </row>
    <row r="118" spans="1:41" s="114" customFormat="1" ht="4.5" hidden="1" customHeight="1" outlineLevel="1">
      <c r="A118" s="113"/>
      <c r="C118" s="145"/>
      <c r="D118" s="146"/>
      <c r="E118" s="117"/>
      <c r="F118" s="128"/>
      <c r="G118" s="129"/>
      <c r="H118" s="129">
        <f t="shared" si="9"/>
        <v>0</v>
      </c>
      <c r="I118" s="130"/>
      <c r="J118" s="129"/>
      <c r="K118" s="129">
        <f t="shared" si="10"/>
        <v>0</v>
      </c>
      <c r="L118" s="129"/>
      <c r="M118" s="129"/>
      <c r="N118" s="129">
        <f t="shared" si="11"/>
        <v>0</v>
      </c>
      <c r="O118" s="131"/>
      <c r="P118" s="132"/>
      <c r="Q118" s="129"/>
      <c r="R118" s="129"/>
      <c r="S118" s="129"/>
      <c r="T118" s="129"/>
      <c r="U118" s="129"/>
      <c r="V118" s="129"/>
      <c r="W118" s="129"/>
      <c r="X118" s="129"/>
      <c r="Y118" s="129"/>
      <c r="Z118" s="129"/>
      <c r="AA118" s="129"/>
      <c r="AB118" s="133"/>
      <c r="AC118" s="129"/>
      <c r="AD118" s="129"/>
      <c r="AE118" s="129"/>
      <c r="AF118" s="129"/>
      <c r="AG118" s="129"/>
      <c r="AH118" s="129"/>
      <c r="AI118" s="129"/>
      <c r="AJ118" s="129"/>
      <c r="AK118" s="129"/>
      <c r="AL118" s="129"/>
      <c r="AM118" s="129"/>
      <c r="AN118" s="133"/>
      <c r="AO118" s="134"/>
    </row>
    <row r="119" spans="1:41" s="62" customFormat="1" hidden="1" outlineLevel="2">
      <c r="A119" s="61" t="s">
        <v>108</v>
      </c>
      <c r="B119" s="61" t="s">
        <v>109</v>
      </c>
      <c r="C119" s="71" t="s">
        <v>110</v>
      </c>
      <c r="D119" s="72" t="s">
        <v>1058</v>
      </c>
      <c r="E119" s="73"/>
      <c r="F119" s="62">
        <v>175050.61000000002</v>
      </c>
      <c r="G119" s="62">
        <v>194544.71</v>
      </c>
      <c r="H119" s="62">
        <f t="shared" si="9"/>
        <v>-19494.099999999977</v>
      </c>
      <c r="J119" s="62">
        <v>194544.71</v>
      </c>
      <c r="K119" s="62">
        <f t="shared" si="10"/>
        <v>-19494.099999999977</v>
      </c>
      <c r="M119" s="62">
        <v>181780.33000000002</v>
      </c>
      <c r="N119" s="62">
        <f t="shared" si="11"/>
        <v>-6729.7200000000012</v>
      </c>
      <c r="P119" s="74">
        <v>180319.32</v>
      </c>
      <c r="Q119" s="61">
        <v>150938.22</v>
      </c>
      <c r="R119" s="61">
        <v>121832.64</v>
      </c>
      <c r="S119" s="61">
        <v>138224.39000000001</v>
      </c>
      <c r="T119" s="62">
        <v>98832.88</v>
      </c>
      <c r="U119" s="61">
        <v>71769.3</v>
      </c>
      <c r="V119" s="61">
        <v>132046.51</v>
      </c>
      <c r="W119" s="61">
        <v>257976.59</v>
      </c>
      <c r="X119" s="61">
        <v>229160.58000000002</v>
      </c>
      <c r="Y119" s="61">
        <v>202810.99</v>
      </c>
      <c r="Z119" s="61">
        <v>206798.43</v>
      </c>
      <c r="AA119" s="61">
        <v>182782.02</v>
      </c>
      <c r="AB119" s="75">
        <v>194544.71</v>
      </c>
      <c r="AC119" s="61">
        <v>165166.17000000001</v>
      </c>
      <c r="AD119" s="61">
        <v>135787.63</v>
      </c>
      <c r="AE119" s="61">
        <v>106592.58</v>
      </c>
      <c r="AF119" s="62">
        <v>78089.31</v>
      </c>
      <c r="AG119" s="61">
        <v>74474.650000000009</v>
      </c>
      <c r="AH119" s="61">
        <v>46108.39</v>
      </c>
      <c r="AI119" s="61">
        <v>278166.59000000003</v>
      </c>
      <c r="AJ119" s="61">
        <v>246825.98</v>
      </c>
      <c r="AK119" s="61">
        <v>217868.4</v>
      </c>
      <c r="AL119" s="61">
        <v>209605.84</v>
      </c>
      <c r="AM119" s="61">
        <v>181780.33000000002</v>
      </c>
      <c r="AN119" s="75">
        <v>175050.61000000002</v>
      </c>
    </row>
    <row r="120" spans="1:41" s="62" customFormat="1" hidden="1" outlineLevel="2">
      <c r="A120" s="61" t="s">
        <v>423</v>
      </c>
      <c r="B120" s="61" t="s">
        <v>424</v>
      </c>
      <c r="C120" s="71" t="s">
        <v>425</v>
      </c>
      <c r="D120" s="72" t="s">
        <v>1058</v>
      </c>
      <c r="E120" s="73"/>
      <c r="F120" s="62">
        <v>19500</v>
      </c>
      <c r="G120" s="62">
        <v>18750</v>
      </c>
      <c r="H120" s="62">
        <f t="shared" si="9"/>
        <v>750</v>
      </c>
      <c r="J120" s="62">
        <v>18750</v>
      </c>
      <c r="K120" s="62">
        <f t="shared" si="10"/>
        <v>750</v>
      </c>
      <c r="M120" s="62">
        <v>0</v>
      </c>
      <c r="N120" s="62">
        <f t="shared" si="11"/>
        <v>19500</v>
      </c>
      <c r="P120" s="74">
        <v>0</v>
      </c>
      <c r="Q120" s="61">
        <v>0</v>
      </c>
      <c r="R120" s="61">
        <v>0</v>
      </c>
      <c r="S120" s="61">
        <v>0</v>
      </c>
      <c r="T120" s="62">
        <v>0</v>
      </c>
      <c r="U120" s="61">
        <v>0</v>
      </c>
      <c r="V120" s="61">
        <v>0</v>
      </c>
      <c r="W120" s="61">
        <v>0</v>
      </c>
      <c r="X120" s="61">
        <v>0</v>
      </c>
      <c r="Y120" s="61">
        <v>0</v>
      </c>
      <c r="Z120" s="61">
        <v>0</v>
      </c>
      <c r="AA120" s="61">
        <v>0</v>
      </c>
      <c r="AB120" s="75">
        <v>18750</v>
      </c>
      <c r="AC120" s="61">
        <v>0</v>
      </c>
      <c r="AD120" s="61">
        <v>0</v>
      </c>
      <c r="AE120" s="61">
        <v>0</v>
      </c>
      <c r="AF120" s="62">
        <v>0</v>
      </c>
      <c r="AG120" s="61">
        <v>0</v>
      </c>
      <c r="AH120" s="61">
        <v>0</v>
      </c>
      <c r="AI120" s="61">
        <v>0</v>
      </c>
      <c r="AJ120" s="61">
        <v>0</v>
      </c>
      <c r="AK120" s="61">
        <v>239368.32000000001</v>
      </c>
      <c r="AL120" s="61">
        <v>0</v>
      </c>
      <c r="AM120" s="61">
        <v>0</v>
      </c>
      <c r="AN120" s="75">
        <v>19500</v>
      </c>
    </row>
    <row r="121" spans="1:41" s="62" customFormat="1" hidden="1" outlineLevel="2">
      <c r="A121" s="61" t="s">
        <v>555</v>
      </c>
      <c r="B121" s="61" t="s">
        <v>556</v>
      </c>
      <c r="C121" s="71" t="s">
        <v>557</v>
      </c>
      <c r="D121" s="72" t="s">
        <v>1058</v>
      </c>
      <c r="E121" s="73"/>
      <c r="F121" s="62">
        <v>102251.67</v>
      </c>
      <c r="G121" s="62">
        <v>1075</v>
      </c>
      <c r="H121" s="62">
        <f t="shared" si="9"/>
        <v>101176.67</v>
      </c>
      <c r="J121" s="62">
        <v>1075</v>
      </c>
      <c r="K121" s="62">
        <f t="shared" si="10"/>
        <v>101176.67</v>
      </c>
      <c r="M121" s="62">
        <v>99843.75</v>
      </c>
      <c r="N121" s="62">
        <f t="shared" si="11"/>
        <v>2407.9199999999983</v>
      </c>
      <c r="P121" s="74">
        <v>0</v>
      </c>
      <c r="Q121" s="61">
        <v>0</v>
      </c>
      <c r="R121" s="61">
        <v>0</v>
      </c>
      <c r="S121" s="61">
        <v>0</v>
      </c>
      <c r="T121" s="62">
        <v>0</v>
      </c>
      <c r="U121" s="61">
        <v>0</v>
      </c>
      <c r="V121" s="61">
        <v>0</v>
      </c>
      <c r="W121" s="61">
        <v>2418.75</v>
      </c>
      <c r="X121" s="61">
        <v>2099.83</v>
      </c>
      <c r="Y121" s="61">
        <v>1881.25</v>
      </c>
      <c r="Z121" s="61">
        <v>1612.5</v>
      </c>
      <c r="AA121" s="61">
        <v>1343.75</v>
      </c>
      <c r="AB121" s="75">
        <v>1075</v>
      </c>
      <c r="AC121" s="61">
        <v>806.25</v>
      </c>
      <c r="AD121" s="61">
        <v>537.5</v>
      </c>
      <c r="AE121" s="61">
        <v>268.75</v>
      </c>
      <c r="AF121" s="62">
        <v>0</v>
      </c>
      <c r="AG121" s="61">
        <v>0</v>
      </c>
      <c r="AH121" s="61">
        <v>2687.5</v>
      </c>
      <c r="AI121" s="61">
        <v>2418.75</v>
      </c>
      <c r="AJ121" s="61">
        <v>2150</v>
      </c>
      <c r="AK121" s="61">
        <v>1881.25</v>
      </c>
      <c r="AL121" s="61">
        <v>1612.5</v>
      </c>
      <c r="AM121" s="61">
        <v>99843.75</v>
      </c>
      <c r="AN121" s="75">
        <v>102251.67</v>
      </c>
    </row>
    <row r="122" spans="1:41" s="62" customFormat="1" hidden="1" outlineLevel="2">
      <c r="A122" s="61" t="s">
        <v>558</v>
      </c>
      <c r="B122" s="61" t="s">
        <v>559</v>
      </c>
      <c r="C122" s="71" t="s">
        <v>560</v>
      </c>
      <c r="D122" s="72" t="s">
        <v>1058</v>
      </c>
      <c r="E122" s="73"/>
      <c r="F122" s="62">
        <v>49600.03</v>
      </c>
      <c r="G122" s="62">
        <v>26944.760000000002</v>
      </c>
      <c r="H122" s="62">
        <f t="shared" si="9"/>
        <v>22655.269999999997</v>
      </c>
      <c r="J122" s="62">
        <v>26944.760000000002</v>
      </c>
      <c r="K122" s="62">
        <f t="shared" si="10"/>
        <v>22655.269999999997</v>
      </c>
      <c r="M122" s="62">
        <v>43240.31</v>
      </c>
      <c r="N122" s="62">
        <f t="shared" si="11"/>
        <v>6359.7200000000012</v>
      </c>
      <c r="P122" s="74">
        <v>22877.19</v>
      </c>
      <c r="Q122" s="61">
        <v>20220.57</v>
      </c>
      <c r="R122" s="61">
        <v>17820.310000000001</v>
      </c>
      <c r="S122" s="61">
        <v>18697.810000000001</v>
      </c>
      <c r="T122" s="62">
        <v>16787.38</v>
      </c>
      <c r="U122" s="61">
        <v>13908.35</v>
      </c>
      <c r="V122" s="61">
        <v>51101.24</v>
      </c>
      <c r="W122" s="61">
        <v>28377.420000000002</v>
      </c>
      <c r="X122" s="61">
        <v>13788.08</v>
      </c>
      <c r="Y122" s="61">
        <v>18129.57</v>
      </c>
      <c r="Z122" s="61">
        <v>17095.03</v>
      </c>
      <c r="AA122" s="61">
        <v>7841.51</v>
      </c>
      <c r="AB122" s="75">
        <v>26944.760000000002</v>
      </c>
      <c r="AC122" s="61">
        <v>19580.7</v>
      </c>
      <c r="AD122" s="61">
        <v>22239.65</v>
      </c>
      <c r="AE122" s="61">
        <v>15129.11</v>
      </c>
      <c r="AF122" s="62">
        <v>25323.9</v>
      </c>
      <c r="AG122" s="61">
        <v>24564.7</v>
      </c>
      <c r="AH122" s="61">
        <v>41293.81</v>
      </c>
      <c r="AI122" s="61">
        <v>20711.39</v>
      </c>
      <c r="AJ122" s="61">
        <v>29911.63</v>
      </c>
      <c r="AK122" s="61">
        <v>27508.440000000002</v>
      </c>
      <c r="AL122" s="61">
        <v>25173.09</v>
      </c>
      <c r="AM122" s="61">
        <v>43240.31</v>
      </c>
      <c r="AN122" s="75">
        <v>49600.03</v>
      </c>
    </row>
    <row r="123" spans="1:41" s="62" customFormat="1" hidden="1" outlineLevel="2">
      <c r="A123" s="61" t="s">
        <v>117</v>
      </c>
      <c r="B123" s="61" t="s">
        <v>118</v>
      </c>
      <c r="C123" s="71" t="s">
        <v>119</v>
      </c>
      <c r="D123" s="72" t="s">
        <v>1058</v>
      </c>
      <c r="E123" s="73"/>
      <c r="F123" s="62">
        <v>161610.02799999999</v>
      </c>
      <c r="G123" s="62">
        <v>148157.44</v>
      </c>
      <c r="H123" s="62">
        <f t="shared" si="9"/>
        <v>13452.587999999989</v>
      </c>
      <c r="J123" s="62">
        <v>148157.44</v>
      </c>
      <c r="K123" s="62">
        <f t="shared" si="10"/>
        <v>13452.587999999989</v>
      </c>
      <c r="M123" s="62">
        <v>219394.98800000001</v>
      </c>
      <c r="N123" s="62">
        <f t="shared" si="11"/>
        <v>-57784.960000000021</v>
      </c>
      <c r="P123" s="74">
        <v>158842.75</v>
      </c>
      <c r="Q123" s="61">
        <v>490813.29000000004</v>
      </c>
      <c r="R123" s="61">
        <v>431753.64</v>
      </c>
      <c r="S123" s="61">
        <v>372693.99</v>
      </c>
      <c r="T123" s="62">
        <v>313634.34000000003</v>
      </c>
      <c r="U123" s="61">
        <v>254574.69</v>
      </c>
      <c r="V123" s="61">
        <v>195515.09</v>
      </c>
      <c r="W123" s="61">
        <v>434551.23</v>
      </c>
      <c r="X123" s="61">
        <v>377272.47000000003</v>
      </c>
      <c r="Y123" s="61">
        <v>319993.71000000002</v>
      </c>
      <c r="Z123" s="61">
        <v>262714.95</v>
      </c>
      <c r="AA123" s="61">
        <v>205436.19</v>
      </c>
      <c r="AB123" s="75">
        <v>148157.44</v>
      </c>
      <c r="AC123" s="61">
        <v>462813.79000000004</v>
      </c>
      <c r="AD123" s="61">
        <v>407270.95</v>
      </c>
      <c r="AE123" s="61">
        <v>351728.11</v>
      </c>
      <c r="AF123" s="62">
        <v>296185.27</v>
      </c>
      <c r="AG123" s="61">
        <v>240642.43</v>
      </c>
      <c r="AH123" s="61">
        <v>185099.61000000002</v>
      </c>
      <c r="AI123" s="61">
        <v>450534.70799999998</v>
      </c>
      <c r="AJ123" s="61">
        <v>392749.77799999999</v>
      </c>
      <c r="AK123" s="61">
        <v>334964.848</v>
      </c>
      <c r="AL123" s="61">
        <v>277179.91800000001</v>
      </c>
      <c r="AM123" s="61">
        <v>219394.98800000001</v>
      </c>
      <c r="AN123" s="75">
        <v>161610.02799999999</v>
      </c>
    </row>
    <row r="124" spans="1:41" s="62" customFormat="1" hidden="1" outlineLevel="2">
      <c r="A124" s="61" t="s">
        <v>571</v>
      </c>
      <c r="B124" s="61" t="s">
        <v>572</v>
      </c>
      <c r="C124" s="71" t="s">
        <v>573</v>
      </c>
      <c r="D124" s="72" t="s">
        <v>1058</v>
      </c>
      <c r="E124" s="73"/>
      <c r="F124" s="62">
        <v>19409.91</v>
      </c>
      <c r="G124" s="62">
        <v>7168.14</v>
      </c>
      <c r="H124" s="62">
        <f t="shared" si="9"/>
        <v>12241.77</v>
      </c>
      <c r="J124" s="62">
        <v>7168.14</v>
      </c>
      <c r="K124" s="62">
        <f t="shared" si="10"/>
        <v>12241.77</v>
      </c>
      <c r="M124" s="62">
        <v>0</v>
      </c>
      <c r="N124" s="62">
        <f t="shared" si="11"/>
        <v>19409.91</v>
      </c>
      <c r="P124" s="74">
        <v>0</v>
      </c>
      <c r="Q124" s="61">
        <v>0</v>
      </c>
      <c r="R124" s="61">
        <v>0</v>
      </c>
      <c r="S124" s="61">
        <v>0</v>
      </c>
      <c r="T124" s="62">
        <v>0</v>
      </c>
      <c r="U124" s="61">
        <v>0</v>
      </c>
      <c r="V124" s="61">
        <v>3975.83</v>
      </c>
      <c r="W124" s="61">
        <v>0</v>
      </c>
      <c r="X124" s="61">
        <v>0</v>
      </c>
      <c r="Y124" s="61">
        <v>2160.9</v>
      </c>
      <c r="Z124" s="61">
        <v>0</v>
      </c>
      <c r="AA124" s="61">
        <v>0</v>
      </c>
      <c r="AB124" s="75">
        <v>7168.14</v>
      </c>
      <c r="AC124" s="61">
        <v>0</v>
      </c>
      <c r="AD124" s="61">
        <v>0</v>
      </c>
      <c r="AE124" s="61">
        <v>5405.5</v>
      </c>
      <c r="AF124" s="62">
        <v>0</v>
      </c>
      <c r="AG124" s="61">
        <v>0</v>
      </c>
      <c r="AH124" s="61">
        <v>4113.3500000000004</v>
      </c>
      <c r="AI124" s="61">
        <v>0</v>
      </c>
      <c r="AJ124" s="61">
        <v>0</v>
      </c>
      <c r="AK124" s="61">
        <v>1885.52</v>
      </c>
      <c r="AL124" s="61">
        <v>0</v>
      </c>
      <c r="AM124" s="61">
        <v>0</v>
      </c>
      <c r="AN124" s="75">
        <v>19409.91</v>
      </c>
    </row>
    <row r="125" spans="1:41" s="114" customFormat="1" ht="15" hidden="1" customHeight="1" outlineLevel="1">
      <c r="A125" s="113" t="s">
        <v>1059</v>
      </c>
      <c r="B125" s="114" t="s">
        <v>2</v>
      </c>
      <c r="C125" s="149" t="s">
        <v>1060</v>
      </c>
      <c r="D125" s="147" t="s">
        <v>1058</v>
      </c>
      <c r="E125" s="117"/>
      <c r="F125" s="128">
        <v>527422.24800000002</v>
      </c>
      <c r="G125" s="129">
        <v>396640.05000000005</v>
      </c>
      <c r="H125" s="129">
        <f t="shared" si="9"/>
        <v>130782.19799999997</v>
      </c>
      <c r="I125" s="130"/>
      <c r="J125" s="129">
        <v>396640.05000000005</v>
      </c>
      <c r="K125" s="129">
        <f t="shared" si="10"/>
        <v>130782.19799999997</v>
      </c>
      <c r="L125" s="129"/>
      <c r="M125" s="129">
        <v>544259.37800000003</v>
      </c>
      <c r="N125" s="129">
        <f t="shared" si="11"/>
        <v>-16837.130000000005</v>
      </c>
      <c r="O125" s="131"/>
      <c r="P125" s="132">
        <v>362039.26</v>
      </c>
      <c r="Q125" s="129">
        <v>661972.08000000007</v>
      </c>
      <c r="R125" s="129">
        <v>571406.59000000008</v>
      </c>
      <c r="S125" s="129">
        <v>529616.18999999994</v>
      </c>
      <c r="T125" s="129">
        <v>429254.60000000003</v>
      </c>
      <c r="U125" s="129">
        <v>340252.34</v>
      </c>
      <c r="V125" s="129">
        <v>382638.67</v>
      </c>
      <c r="W125" s="129">
        <v>723323.99</v>
      </c>
      <c r="X125" s="129">
        <v>622320.96</v>
      </c>
      <c r="Y125" s="129">
        <v>544976.42000000004</v>
      </c>
      <c r="Z125" s="129">
        <v>488220.91000000003</v>
      </c>
      <c r="AA125" s="129">
        <v>397403.47</v>
      </c>
      <c r="AB125" s="133">
        <v>396640.05000000005</v>
      </c>
      <c r="AC125" s="129">
        <v>648366.91</v>
      </c>
      <c r="AD125" s="129">
        <v>565835.73</v>
      </c>
      <c r="AE125" s="129">
        <v>479124.05</v>
      </c>
      <c r="AF125" s="129">
        <v>399598.48</v>
      </c>
      <c r="AG125" s="129">
        <v>339681.78</v>
      </c>
      <c r="AH125" s="129">
        <v>279302.65999999997</v>
      </c>
      <c r="AI125" s="129">
        <v>751831.43800000008</v>
      </c>
      <c r="AJ125" s="129">
        <v>671637.38800000004</v>
      </c>
      <c r="AK125" s="129">
        <v>823476.77799999993</v>
      </c>
      <c r="AL125" s="129">
        <v>513571.348</v>
      </c>
      <c r="AM125" s="129">
        <v>544259.37800000003</v>
      </c>
      <c r="AN125" s="133">
        <v>527422.24800000002</v>
      </c>
      <c r="AO125" s="134"/>
    </row>
    <row r="126" spans="1:41" s="62" customFormat="1" hidden="1" outlineLevel="2">
      <c r="A126" s="61" t="s">
        <v>1061</v>
      </c>
      <c r="B126" s="61" t="s">
        <v>1062</v>
      </c>
      <c r="C126" s="71" t="s">
        <v>552</v>
      </c>
      <c r="D126" s="72" t="s">
        <v>1058</v>
      </c>
      <c r="E126" s="73"/>
      <c r="F126" s="62">
        <v>0</v>
      </c>
      <c r="G126" s="62">
        <v>0</v>
      </c>
      <c r="H126" s="62">
        <f t="shared" si="9"/>
        <v>0</v>
      </c>
      <c r="J126" s="62">
        <v>0</v>
      </c>
      <c r="K126" s="62">
        <f t="shared" si="10"/>
        <v>0</v>
      </c>
      <c r="M126" s="62">
        <v>0</v>
      </c>
      <c r="N126" s="62">
        <f t="shared" si="11"/>
        <v>0</v>
      </c>
      <c r="P126" s="74">
        <v>0</v>
      </c>
      <c r="Q126" s="61">
        <v>0</v>
      </c>
      <c r="R126" s="61">
        <v>0</v>
      </c>
      <c r="S126" s="61">
        <v>0</v>
      </c>
      <c r="T126" s="62">
        <v>0</v>
      </c>
      <c r="U126" s="61">
        <v>0</v>
      </c>
      <c r="V126" s="61">
        <v>0</v>
      </c>
      <c r="W126" s="61">
        <v>0</v>
      </c>
      <c r="X126" s="61">
        <v>0</v>
      </c>
      <c r="Y126" s="61">
        <v>0</v>
      </c>
      <c r="Z126" s="61">
        <v>0</v>
      </c>
      <c r="AA126" s="61">
        <v>0</v>
      </c>
      <c r="AB126" s="75">
        <v>0</v>
      </c>
      <c r="AC126" s="61">
        <v>0</v>
      </c>
      <c r="AD126" s="61">
        <v>0</v>
      </c>
      <c r="AE126" s="61">
        <v>0</v>
      </c>
      <c r="AF126" s="62">
        <v>0</v>
      </c>
      <c r="AG126" s="61">
        <v>0</v>
      </c>
      <c r="AH126" s="61">
        <v>0</v>
      </c>
      <c r="AI126" s="61">
        <v>0</v>
      </c>
      <c r="AJ126" s="61">
        <v>0</v>
      </c>
      <c r="AK126" s="61">
        <v>0</v>
      </c>
      <c r="AL126" s="61">
        <v>0</v>
      </c>
      <c r="AM126" s="61">
        <v>0</v>
      </c>
      <c r="AN126" s="75">
        <v>0</v>
      </c>
    </row>
    <row r="127" spans="1:41" s="62" customFormat="1" hidden="1" outlineLevel="2">
      <c r="A127" s="61" t="s">
        <v>1063</v>
      </c>
      <c r="B127" s="61" t="s">
        <v>1064</v>
      </c>
      <c r="C127" s="71" t="s">
        <v>552</v>
      </c>
      <c r="D127" s="72" t="s">
        <v>1058</v>
      </c>
      <c r="E127" s="73"/>
      <c r="F127" s="62">
        <v>0</v>
      </c>
      <c r="G127" s="62">
        <v>0</v>
      </c>
      <c r="H127" s="62">
        <f t="shared" si="9"/>
        <v>0</v>
      </c>
      <c r="J127" s="62">
        <v>0</v>
      </c>
      <c r="K127" s="62">
        <f t="shared" si="10"/>
        <v>0</v>
      </c>
      <c r="M127" s="62">
        <v>0</v>
      </c>
      <c r="N127" s="62">
        <f t="shared" si="11"/>
        <v>0</v>
      </c>
      <c r="P127" s="74">
        <v>0</v>
      </c>
      <c r="Q127" s="61">
        <v>0</v>
      </c>
      <c r="R127" s="61">
        <v>0</v>
      </c>
      <c r="S127" s="61">
        <v>0</v>
      </c>
      <c r="T127" s="62">
        <v>0</v>
      </c>
      <c r="U127" s="61">
        <v>0</v>
      </c>
      <c r="V127" s="61">
        <v>0</v>
      </c>
      <c r="W127" s="61">
        <v>0</v>
      </c>
      <c r="X127" s="61">
        <v>0</v>
      </c>
      <c r="Y127" s="61">
        <v>0</v>
      </c>
      <c r="Z127" s="61">
        <v>0</v>
      </c>
      <c r="AA127" s="61">
        <v>0</v>
      </c>
      <c r="AB127" s="75">
        <v>0</v>
      </c>
      <c r="AC127" s="61">
        <v>0</v>
      </c>
      <c r="AD127" s="61">
        <v>0</v>
      </c>
      <c r="AE127" s="61">
        <v>0</v>
      </c>
      <c r="AF127" s="62">
        <v>0</v>
      </c>
      <c r="AG127" s="61">
        <v>0</v>
      </c>
      <c r="AH127" s="61">
        <v>0</v>
      </c>
      <c r="AI127" s="61">
        <v>0</v>
      </c>
      <c r="AJ127" s="61">
        <v>0</v>
      </c>
      <c r="AK127" s="61">
        <v>0</v>
      </c>
      <c r="AL127" s="61">
        <v>0</v>
      </c>
      <c r="AM127" s="61">
        <v>0</v>
      </c>
      <c r="AN127" s="75">
        <v>0</v>
      </c>
    </row>
    <row r="128" spans="1:41" s="62" customFormat="1" hidden="1" outlineLevel="2">
      <c r="A128" s="61" t="s">
        <v>782</v>
      </c>
      <c r="B128" s="61" t="s">
        <v>783</v>
      </c>
      <c r="C128" s="71" t="s">
        <v>552</v>
      </c>
      <c r="D128" s="72" t="s">
        <v>1058</v>
      </c>
      <c r="E128" s="73"/>
      <c r="F128" s="62">
        <v>0</v>
      </c>
      <c r="G128" s="62">
        <v>0</v>
      </c>
      <c r="H128" s="62">
        <f t="shared" si="9"/>
        <v>0</v>
      </c>
      <c r="J128" s="62">
        <v>0</v>
      </c>
      <c r="K128" s="62">
        <f t="shared" si="10"/>
        <v>0</v>
      </c>
      <c r="M128" s="62">
        <v>0</v>
      </c>
      <c r="N128" s="62">
        <f t="shared" si="11"/>
        <v>0</v>
      </c>
      <c r="P128" s="74">
        <v>534776.67000000004</v>
      </c>
      <c r="Q128" s="61">
        <v>445647.23</v>
      </c>
      <c r="R128" s="61">
        <v>356517.79</v>
      </c>
      <c r="S128" s="61">
        <v>267388.34999999998</v>
      </c>
      <c r="T128" s="62">
        <v>178258.91</v>
      </c>
      <c r="U128" s="61">
        <v>89129.47</v>
      </c>
      <c r="V128" s="61">
        <v>0</v>
      </c>
      <c r="W128" s="61">
        <v>0</v>
      </c>
      <c r="X128" s="61">
        <v>0</v>
      </c>
      <c r="Y128" s="61">
        <v>0</v>
      </c>
      <c r="Z128" s="61">
        <v>0</v>
      </c>
      <c r="AA128" s="61">
        <v>0</v>
      </c>
      <c r="AB128" s="75">
        <v>0</v>
      </c>
      <c r="AC128" s="61">
        <v>0</v>
      </c>
      <c r="AD128" s="61">
        <v>0</v>
      </c>
      <c r="AE128" s="61">
        <v>0</v>
      </c>
      <c r="AF128" s="62">
        <v>0</v>
      </c>
      <c r="AG128" s="61">
        <v>0</v>
      </c>
      <c r="AH128" s="61">
        <v>0</v>
      </c>
      <c r="AI128" s="61">
        <v>0</v>
      </c>
      <c r="AJ128" s="61">
        <v>0</v>
      </c>
      <c r="AK128" s="61">
        <v>0</v>
      </c>
      <c r="AL128" s="61">
        <v>0</v>
      </c>
      <c r="AM128" s="61">
        <v>0</v>
      </c>
      <c r="AN128" s="75">
        <v>0</v>
      </c>
    </row>
    <row r="129" spans="1:41" s="62" customFormat="1" hidden="1" outlineLevel="2">
      <c r="A129" s="61" t="s">
        <v>550</v>
      </c>
      <c r="B129" s="61" t="s">
        <v>551</v>
      </c>
      <c r="C129" s="71" t="s">
        <v>552</v>
      </c>
      <c r="D129" s="72" t="s">
        <v>1058</v>
      </c>
      <c r="E129" s="73"/>
      <c r="F129" s="62">
        <v>0</v>
      </c>
      <c r="G129" s="62">
        <v>566101.56000000006</v>
      </c>
      <c r="H129" s="62">
        <f t="shared" si="9"/>
        <v>-566101.56000000006</v>
      </c>
      <c r="J129" s="62">
        <v>566101.56000000006</v>
      </c>
      <c r="K129" s="62">
        <f t="shared" si="10"/>
        <v>-566101.56000000006</v>
      </c>
      <c r="M129" s="62">
        <v>0</v>
      </c>
      <c r="N129" s="62">
        <f t="shared" si="11"/>
        <v>0</v>
      </c>
      <c r="P129" s="74">
        <v>0</v>
      </c>
      <c r="Q129" s="61">
        <v>0</v>
      </c>
      <c r="R129" s="61">
        <v>0</v>
      </c>
      <c r="S129" s="61">
        <v>0</v>
      </c>
      <c r="T129" s="62">
        <v>0</v>
      </c>
      <c r="U129" s="61">
        <v>0</v>
      </c>
      <c r="V129" s="61">
        <v>1132203.1200000001</v>
      </c>
      <c r="W129" s="61">
        <v>1037852.86</v>
      </c>
      <c r="X129" s="61">
        <v>943502.6</v>
      </c>
      <c r="Y129" s="61">
        <v>849152.34</v>
      </c>
      <c r="Z129" s="61">
        <v>754802.08</v>
      </c>
      <c r="AA129" s="61">
        <v>660451.82000000007</v>
      </c>
      <c r="AB129" s="75">
        <v>566101.56000000006</v>
      </c>
      <c r="AC129" s="61">
        <v>471751.3</v>
      </c>
      <c r="AD129" s="61">
        <v>377401.04</v>
      </c>
      <c r="AE129" s="61">
        <v>283050.78000000003</v>
      </c>
      <c r="AF129" s="62">
        <v>188700.52</v>
      </c>
      <c r="AG129" s="61">
        <v>94350.26</v>
      </c>
      <c r="AH129" s="61">
        <v>0</v>
      </c>
      <c r="AI129" s="61">
        <v>0</v>
      </c>
      <c r="AJ129" s="61">
        <v>0</v>
      </c>
      <c r="AK129" s="61">
        <v>0</v>
      </c>
      <c r="AL129" s="61">
        <v>0</v>
      </c>
      <c r="AM129" s="61">
        <v>0</v>
      </c>
      <c r="AN129" s="75">
        <v>0</v>
      </c>
    </row>
    <row r="130" spans="1:41" s="62" customFormat="1" hidden="1" outlineLevel="2">
      <c r="A130" s="61" t="s">
        <v>553</v>
      </c>
      <c r="B130" s="61" t="s">
        <v>554</v>
      </c>
      <c r="C130" s="71" t="s">
        <v>552</v>
      </c>
      <c r="D130" s="72" t="s">
        <v>1058</v>
      </c>
      <c r="E130" s="73"/>
      <c r="F130" s="62">
        <v>563399.67000000004</v>
      </c>
      <c r="G130" s="62">
        <v>0</v>
      </c>
      <c r="H130" s="62">
        <f t="shared" si="9"/>
        <v>563399.67000000004</v>
      </c>
      <c r="J130" s="62">
        <v>0</v>
      </c>
      <c r="K130" s="62">
        <f t="shared" si="10"/>
        <v>563399.67000000004</v>
      </c>
      <c r="M130" s="62">
        <v>657299.61</v>
      </c>
      <c r="N130" s="62">
        <f t="shared" si="11"/>
        <v>-93899.939999999944</v>
      </c>
      <c r="P130" s="74">
        <v>0</v>
      </c>
      <c r="Q130" s="61">
        <v>0</v>
      </c>
      <c r="R130" s="61">
        <v>0</v>
      </c>
      <c r="S130" s="61">
        <v>0</v>
      </c>
      <c r="T130" s="62">
        <v>0</v>
      </c>
      <c r="U130" s="61">
        <v>0</v>
      </c>
      <c r="V130" s="61">
        <v>0</v>
      </c>
      <c r="W130" s="61">
        <v>0</v>
      </c>
      <c r="X130" s="61">
        <v>0</v>
      </c>
      <c r="Y130" s="61">
        <v>0</v>
      </c>
      <c r="Z130" s="61">
        <v>0</v>
      </c>
      <c r="AA130" s="61">
        <v>0</v>
      </c>
      <c r="AB130" s="75">
        <v>0</v>
      </c>
      <c r="AC130" s="61">
        <v>0</v>
      </c>
      <c r="AD130" s="61">
        <v>0</v>
      </c>
      <c r="AE130" s="61">
        <v>0</v>
      </c>
      <c r="AF130" s="62">
        <v>0</v>
      </c>
      <c r="AG130" s="61">
        <v>0</v>
      </c>
      <c r="AH130" s="61">
        <v>1126799.31</v>
      </c>
      <c r="AI130" s="61">
        <v>1032899.37</v>
      </c>
      <c r="AJ130" s="61">
        <v>938999.43</v>
      </c>
      <c r="AK130" s="61">
        <v>845099.49</v>
      </c>
      <c r="AL130" s="61">
        <v>751199.55</v>
      </c>
      <c r="AM130" s="61">
        <v>657299.61</v>
      </c>
      <c r="AN130" s="75">
        <v>563399.67000000004</v>
      </c>
    </row>
    <row r="131" spans="1:41" s="62" customFormat="1" hidden="1" outlineLevel="2">
      <c r="A131" s="61" t="s">
        <v>1065</v>
      </c>
      <c r="B131" s="61" t="s">
        <v>1066</v>
      </c>
      <c r="C131" s="71" t="s">
        <v>563</v>
      </c>
      <c r="D131" s="72" t="s">
        <v>1058</v>
      </c>
      <c r="E131" s="73"/>
      <c r="F131" s="62">
        <v>0</v>
      </c>
      <c r="G131" s="62">
        <v>0</v>
      </c>
      <c r="H131" s="62">
        <f t="shared" si="9"/>
        <v>0</v>
      </c>
      <c r="J131" s="62">
        <v>0</v>
      </c>
      <c r="K131" s="62">
        <f t="shared" si="10"/>
        <v>0</v>
      </c>
      <c r="M131" s="62">
        <v>0</v>
      </c>
      <c r="N131" s="62">
        <f t="shared" si="11"/>
        <v>0</v>
      </c>
      <c r="P131" s="74">
        <v>0</v>
      </c>
      <c r="Q131" s="61">
        <v>0</v>
      </c>
      <c r="R131" s="61">
        <v>0</v>
      </c>
      <c r="S131" s="61">
        <v>0</v>
      </c>
      <c r="T131" s="62">
        <v>0</v>
      </c>
      <c r="U131" s="61">
        <v>0</v>
      </c>
      <c r="V131" s="61">
        <v>0</v>
      </c>
      <c r="W131" s="61">
        <v>0</v>
      </c>
      <c r="X131" s="61">
        <v>0</v>
      </c>
      <c r="Y131" s="61">
        <v>0</v>
      </c>
      <c r="Z131" s="61">
        <v>0</v>
      </c>
      <c r="AA131" s="61">
        <v>0</v>
      </c>
      <c r="AB131" s="75">
        <v>0</v>
      </c>
      <c r="AC131" s="61">
        <v>0</v>
      </c>
      <c r="AD131" s="61">
        <v>0</v>
      </c>
      <c r="AE131" s="61">
        <v>0</v>
      </c>
      <c r="AF131" s="62">
        <v>0</v>
      </c>
      <c r="AG131" s="61">
        <v>0</v>
      </c>
      <c r="AH131" s="61">
        <v>0</v>
      </c>
      <c r="AI131" s="61">
        <v>0</v>
      </c>
      <c r="AJ131" s="61">
        <v>0</v>
      </c>
      <c r="AK131" s="61">
        <v>0</v>
      </c>
      <c r="AL131" s="61">
        <v>0</v>
      </c>
      <c r="AM131" s="61">
        <v>0</v>
      </c>
      <c r="AN131" s="75">
        <v>0</v>
      </c>
    </row>
    <row r="132" spans="1:41" s="62" customFormat="1" hidden="1" outlineLevel="2">
      <c r="A132" s="61" t="s">
        <v>1067</v>
      </c>
      <c r="B132" s="61" t="s">
        <v>1068</v>
      </c>
      <c r="C132" s="71" t="s">
        <v>563</v>
      </c>
      <c r="D132" s="72" t="s">
        <v>1058</v>
      </c>
      <c r="E132" s="73"/>
      <c r="F132" s="62">
        <v>0</v>
      </c>
      <c r="G132" s="62">
        <v>0</v>
      </c>
      <c r="H132" s="62">
        <f t="shared" si="9"/>
        <v>0</v>
      </c>
      <c r="J132" s="62">
        <v>0</v>
      </c>
      <c r="K132" s="62">
        <f t="shared" si="10"/>
        <v>0</v>
      </c>
      <c r="M132" s="62">
        <v>0</v>
      </c>
      <c r="N132" s="62">
        <f t="shared" si="11"/>
        <v>0</v>
      </c>
      <c r="P132" s="74">
        <v>0</v>
      </c>
      <c r="Q132" s="61">
        <v>0</v>
      </c>
      <c r="R132" s="61">
        <v>0</v>
      </c>
      <c r="S132" s="61">
        <v>0</v>
      </c>
      <c r="T132" s="62">
        <v>0</v>
      </c>
      <c r="U132" s="61">
        <v>0</v>
      </c>
      <c r="V132" s="61">
        <v>0</v>
      </c>
      <c r="W132" s="61">
        <v>0</v>
      </c>
      <c r="X132" s="61">
        <v>0</v>
      </c>
      <c r="Y132" s="61">
        <v>0</v>
      </c>
      <c r="Z132" s="61">
        <v>0</v>
      </c>
      <c r="AA132" s="61">
        <v>0</v>
      </c>
      <c r="AB132" s="75">
        <v>0</v>
      </c>
      <c r="AC132" s="61">
        <v>0</v>
      </c>
      <c r="AD132" s="61">
        <v>0</v>
      </c>
      <c r="AE132" s="61">
        <v>0</v>
      </c>
      <c r="AF132" s="62">
        <v>0</v>
      </c>
      <c r="AG132" s="61">
        <v>0</v>
      </c>
      <c r="AH132" s="61">
        <v>0</v>
      </c>
      <c r="AI132" s="61">
        <v>0</v>
      </c>
      <c r="AJ132" s="61">
        <v>0</v>
      </c>
      <c r="AK132" s="61">
        <v>0</v>
      </c>
      <c r="AL132" s="61">
        <v>0</v>
      </c>
      <c r="AM132" s="61">
        <v>0</v>
      </c>
      <c r="AN132" s="75">
        <v>0</v>
      </c>
    </row>
    <row r="133" spans="1:41" s="62" customFormat="1" hidden="1" outlineLevel="2">
      <c r="A133" s="61" t="s">
        <v>784</v>
      </c>
      <c r="B133" s="61" t="s">
        <v>785</v>
      </c>
      <c r="C133" s="71" t="s">
        <v>563</v>
      </c>
      <c r="D133" s="72" t="s">
        <v>1058</v>
      </c>
      <c r="E133" s="73"/>
      <c r="F133" s="62">
        <v>0</v>
      </c>
      <c r="G133" s="62">
        <v>0</v>
      </c>
      <c r="H133" s="62">
        <f t="shared" si="9"/>
        <v>0</v>
      </c>
      <c r="J133" s="62">
        <v>0</v>
      </c>
      <c r="K133" s="62">
        <f t="shared" si="10"/>
        <v>0</v>
      </c>
      <c r="M133" s="62">
        <v>0</v>
      </c>
      <c r="N133" s="62">
        <f t="shared" si="11"/>
        <v>0</v>
      </c>
      <c r="P133" s="74">
        <v>382098</v>
      </c>
      <c r="Q133" s="61">
        <v>0</v>
      </c>
      <c r="R133" s="61">
        <v>0</v>
      </c>
      <c r="S133" s="61">
        <v>0</v>
      </c>
      <c r="T133" s="62">
        <v>0</v>
      </c>
      <c r="U133" s="61">
        <v>0</v>
      </c>
      <c r="V133" s="61">
        <v>0</v>
      </c>
      <c r="W133" s="61">
        <v>0</v>
      </c>
      <c r="X133" s="61">
        <v>0</v>
      </c>
      <c r="Y133" s="61">
        <v>0</v>
      </c>
      <c r="Z133" s="61">
        <v>0</v>
      </c>
      <c r="AA133" s="61">
        <v>0</v>
      </c>
      <c r="AB133" s="75">
        <v>0</v>
      </c>
      <c r="AC133" s="61">
        <v>0</v>
      </c>
      <c r="AD133" s="61">
        <v>0</v>
      </c>
      <c r="AE133" s="61">
        <v>0</v>
      </c>
      <c r="AF133" s="62">
        <v>0</v>
      </c>
      <c r="AG133" s="61">
        <v>0</v>
      </c>
      <c r="AH133" s="61">
        <v>0</v>
      </c>
      <c r="AI133" s="61">
        <v>0</v>
      </c>
      <c r="AJ133" s="61">
        <v>0</v>
      </c>
      <c r="AK133" s="61">
        <v>0</v>
      </c>
      <c r="AL133" s="61">
        <v>0</v>
      </c>
      <c r="AM133" s="61">
        <v>0</v>
      </c>
      <c r="AN133" s="75">
        <v>0</v>
      </c>
    </row>
    <row r="134" spans="1:41" s="62" customFormat="1" hidden="1" outlineLevel="2">
      <c r="A134" s="61" t="s">
        <v>561</v>
      </c>
      <c r="B134" s="61" t="s">
        <v>562</v>
      </c>
      <c r="C134" s="71" t="s">
        <v>563</v>
      </c>
      <c r="D134" s="72" t="s">
        <v>1058</v>
      </c>
      <c r="E134" s="73"/>
      <c r="F134" s="62">
        <v>0</v>
      </c>
      <c r="G134" s="62">
        <v>297141</v>
      </c>
      <c r="H134" s="62">
        <f t="shared" si="9"/>
        <v>-297141</v>
      </c>
      <c r="J134" s="62">
        <v>297141</v>
      </c>
      <c r="K134" s="62">
        <f t="shared" si="10"/>
        <v>-297141</v>
      </c>
      <c r="M134" s="62">
        <v>0</v>
      </c>
      <c r="N134" s="62">
        <f t="shared" si="11"/>
        <v>0</v>
      </c>
      <c r="P134" s="74">
        <v>0</v>
      </c>
      <c r="Q134" s="61">
        <v>375193</v>
      </c>
      <c r="R134" s="61">
        <v>379570</v>
      </c>
      <c r="S134" s="61">
        <v>345005</v>
      </c>
      <c r="T134" s="62">
        <v>382744</v>
      </c>
      <c r="U134" s="61">
        <v>314094</v>
      </c>
      <c r="V134" s="61">
        <v>274575</v>
      </c>
      <c r="W134" s="61">
        <v>333090</v>
      </c>
      <c r="X134" s="61">
        <v>321560</v>
      </c>
      <c r="Y134" s="61">
        <v>345912</v>
      </c>
      <c r="Z134" s="61">
        <v>336979</v>
      </c>
      <c r="AA134" s="61">
        <v>341988</v>
      </c>
      <c r="AB134" s="75">
        <v>297141</v>
      </c>
      <c r="AC134" s="61">
        <v>0</v>
      </c>
      <c r="AD134" s="61">
        <v>0</v>
      </c>
      <c r="AE134" s="61">
        <v>0</v>
      </c>
      <c r="AF134" s="62">
        <v>0</v>
      </c>
      <c r="AG134" s="61">
        <v>0</v>
      </c>
      <c r="AH134" s="61">
        <v>0</v>
      </c>
      <c r="AI134" s="61">
        <v>0</v>
      </c>
      <c r="AJ134" s="61">
        <v>0</v>
      </c>
      <c r="AK134" s="61">
        <v>0</v>
      </c>
      <c r="AL134" s="61">
        <v>0</v>
      </c>
      <c r="AM134" s="61">
        <v>0</v>
      </c>
      <c r="AN134" s="75">
        <v>0</v>
      </c>
    </row>
    <row r="135" spans="1:41" s="62" customFormat="1" hidden="1" outlineLevel="2">
      <c r="A135" s="61" t="s">
        <v>564</v>
      </c>
      <c r="B135" s="61" t="s">
        <v>565</v>
      </c>
      <c r="C135" s="71" t="s">
        <v>563</v>
      </c>
      <c r="D135" s="72" t="s">
        <v>1058</v>
      </c>
      <c r="E135" s="73"/>
      <c r="F135" s="62">
        <v>319787</v>
      </c>
      <c r="G135" s="62">
        <v>0</v>
      </c>
      <c r="H135" s="62">
        <f t="shared" si="9"/>
        <v>319787</v>
      </c>
      <c r="J135" s="62">
        <v>0</v>
      </c>
      <c r="K135" s="62">
        <f t="shared" si="10"/>
        <v>319787</v>
      </c>
      <c r="M135" s="62">
        <v>326788</v>
      </c>
      <c r="N135" s="62">
        <f t="shared" si="11"/>
        <v>-7001</v>
      </c>
      <c r="P135" s="74">
        <v>0</v>
      </c>
      <c r="Q135" s="61">
        <v>0</v>
      </c>
      <c r="R135" s="61">
        <v>0</v>
      </c>
      <c r="S135" s="61">
        <v>0</v>
      </c>
      <c r="T135" s="62">
        <v>0</v>
      </c>
      <c r="U135" s="61">
        <v>0</v>
      </c>
      <c r="V135" s="61">
        <v>0</v>
      </c>
      <c r="W135" s="61">
        <v>0</v>
      </c>
      <c r="X135" s="61">
        <v>0</v>
      </c>
      <c r="Y135" s="61">
        <v>0</v>
      </c>
      <c r="Z135" s="61">
        <v>0</v>
      </c>
      <c r="AA135" s="61">
        <v>0</v>
      </c>
      <c r="AB135" s="75">
        <v>0</v>
      </c>
      <c r="AC135" s="61">
        <v>343149</v>
      </c>
      <c r="AD135" s="61">
        <v>361710</v>
      </c>
      <c r="AE135" s="61">
        <v>385303</v>
      </c>
      <c r="AF135" s="62">
        <v>359200</v>
      </c>
      <c r="AG135" s="61">
        <v>325934</v>
      </c>
      <c r="AH135" s="61">
        <v>319165</v>
      </c>
      <c r="AI135" s="61">
        <v>354026</v>
      </c>
      <c r="AJ135" s="61">
        <v>358548</v>
      </c>
      <c r="AK135" s="61">
        <v>357933</v>
      </c>
      <c r="AL135" s="61">
        <v>350877</v>
      </c>
      <c r="AM135" s="61">
        <v>326788</v>
      </c>
      <c r="AN135" s="75">
        <v>319787</v>
      </c>
    </row>
    <row r="136" spans="1:41" s="62" customFormat="1" hidden="1" outlineLevel="2">
      <c r="A136" s="61" t="s">
        <v>1069</v>
      </c>
      <c r="B136" s="61" t="s">
        <v>1070</v>
      </c>
      <c r="C136" s="71" t="s">
        <v>568</v>
      </c>
      <c r="D136" s="72" t="s">
        <v>1058</v>
      </c>
      <c r="E136" s="73"/>
      <c r="F136" s="62">
        <v>0</v>
      </c>
      <c r="G136" s="62">
        <v>0</v>
      </c>
      <c r="H136" s="62">
        <f t="shared" si="9"/>
        <v>0</v>
      </c>
      <c r="J136" s="62">
        <v>0</v>
      </c>
      <c r="K136" s="62">
        <f t="shared" si="10"/>
        <v>0</v>
      </c>
      <c r="M136" s="62">
        <v>0</v>
      </c>
      <c r="N136" s="62">
        <f t="shared" si="11"/>
        <v>0</v>
      </c>
      <c r="P136" s="74">
        <v>0</v>
      </c>
      <c r="Q136" s="61">
        <v>0</v>
      </c>
      <c r="R136" s="61">
        <v>0</v>
      </c>
      <c r="S136" s="61">
        <v>0</v>
      </c>
      <c r="T136" s="62">
        <v>0</v>
      </c>
      <c r="U136" s="61">
        <v>0</v>
      </c>
      <c r="V136" s="61">
        <v>0</v>
      </c>
      <c r="W136" s="61">
        <v>0</v>
      </c>
      <c r="X136" s="61">
        <v>0</v>
      </c>
      <c r="Y136" s="61">
        <v>0</v>
      </c>
      <c r="Z136" s="61">
        <v>0</v>
      </c>
      <c r="AA136" s="61">
        <v>0</v>
      </c>
      <c r="AB136" s="75">
        <v>0</v>
      </c>
      <c r="AC136" s="61">
        <v>0</v>
      </c>
      <c r="AD136" s="61">
        <v>0</v>
      </c>
      <c r="AE136" s="61">
        <v>0</v>
      </c>
      <c r="AF136" s="62">
        <v>0</v>
      </c>
      <c r="AG136" s="61">
        <v>0</v>
      </c>
      <c r="AH136" s="61">
        <v>0</v>
      </c>
      <c r="AI136" s="61">
        <v>0</v>
      </c>
      <c r="AJ136" s="61">
        <v>0</v>
      </c>
      <c r="AK136" s="61">
        <v>0</v>
      </c>
      <c r="AL136" s="61">
        <v>0</v>
      </c>
      <c r="AM136" s="61">
        <v>0</v>
      </c>
      <c r="AN136" s="75">
        <v>0</v>
      </c>
    </row>
    <row r="137" spans="1:41" s="62" customFormat="1" hidden="1" outlineLevel="2">
      <c r="A137" s="61" t="s">
        <v>1071</v>
      </c>
      <c r="B137" s="61" t="s">
        <v>1072</v>
      </c>
      <c r="C137" s="71" t="s">
        <v>568</v>
      </c>
      <c r="D137" s="72" t="s">
        <v>1058</v>
      </c>
      <c r="E137" s="73"/>
      <c r="F137" s="62">
        <v>0</v>
      </c>
      <c r="G137" s="62">
        <v>0</v>
      </c>
      <c r="H137" s="62">
        <f t="shared" si="9"/>
        <v>0</v>
      </c>
      <c r="J137" s="62">
        <v>0</v>
      </c>
      <c r="K137" s="62">
        <f t="shared" si="10"/>
        <v>0</v>
      </c>
      <c r="M137" s="62">
        <v>0</v>
      </c>
      <c r="N137" s="62">
        <f t="shared" si="11"/>
        <v>0</v>
      </c>
      <c r="P137" s="74">
        <v>0</v>
      </c>
      <c r="Q137" s="61">
        <v>0</v>
      </c>
      <c r="R137" s="61">
        <v>0</v>
      </c>
      <c r="S137" s="61">
        <v>0</v>
      </c>
      <c r="T137" s="62">
        <v>0</v>
      </c>
      <c r="U137" s="61">
        <v>0</v>
      </c>
      <c r="V137" s="61">
        <v>0</v>
      </c>
      <c r="W137" s="61">
        <v>0</v>
      </c>
      <c r="X137" s="61">
        <v>0</v>
      </c>
      <c r="Y137" s="61">
        <v>0</v>
      </c>
      <c r="Z137" s="61">
        <v>0</v>
      </c>
      <c r="AA137" s="61">
        <v>0</v>
      </c>
      <c r="AB137" s="75">
        <v>0</v>
      </c>
      <c r="AC137" s="61">
        <v>0</v>
      </c>
      <c r="AD137" s="61">
        <v>0</v>
      </c>
      <c r="AE137" s="61">
        <v>0</v>
      </c>
      <c r="AF137" s="62">
        <v>0</v>
      </c>
      <c r="AG137" s="61">
        <v>0</v>
      </c>
      <c r="AH137" s="61">
        <v>0</v>
      </c>
      <c r="AI137" s="61">
        <v>0</v>
      </c>
      <c r="AJ137" s="61">
        <v>0</v>
      </c>
      <c r="AK137" s="61">
        <v>0</v>
      </c>
      <c r="AL137" s="61">
        <v>0</v>
      </c>
      <c r="AM137" s="61">
        <v>0</v>
      </c>
      <c r="AN137" s="75">
        <v>0</v>
      </c>
    </row>
    <row r="138" spans="1:41" s="62" customFormat="1" hidden="1" outlineLevel="2">
      <c r="A138" s="61" t="s">
        <v>786</v>
      </c>
      <c r="B138" s="61" t="s">
        <v>787</v>
      </c>
      <c r="C138" s="71" t="s">
        <v>568</v>
      </c>
      <c r="D138" s="72" t="s">
        <v>1058</v>
      </c>
      <c r="E138" s="73"/>
      <c r="F138" s="62">
        <v>0</v>
      </c>
      <c r="G138" s="62">
        <v>0</v>
      </c>
      <c r="H138" s="62">
        <f t="shared" ref="H138:H162" si="19">+F138-G138</f>
        <v>0</v>
      </c>
      <c r="J138" s="62">
        <v>0</v>
      </c>
      <c r="K138" s="62">
        <f t="shared" ref="K138:K162" si="20">+F138-J138</f>
        <v>0</v>
      </c>
      <c r="M138" s="62">
        <v>0</v>
      </c>
      <c r="N138" s="62">
        <f t="shared" ref="N138:N162" si="21">+F138-M138</f>
        <v>0</v>
      </c>
      <c r="P138" s="74">
        <v>55187</v>
      </c>
      <c r="Q138" s="61">
        <v>0</v>
      </c>
      <c r="R138" s="61">
        <v>0</v>
      </c>
      <c r="S138" s="61">
        <v>0</v>
      </c>
      <c r="T138" s="62">
        <v>0</v>
      </c>
      <c r="U138" s="61">
        <v>0</v>
      </c>
      <c r="V138" s="61">
        <v>0</v>
      </c>
      <c r="W138" s="61">
        <v>0</v>
      </c>
      <c r="X138" s="61">
        <v>0</v>
      </c>
      <c r="Y138" s="61">
        <v>0</v>
      </c>
      <c r="Z138" s="61">
        <v>0</v>
      </c>
      <c r="AA138" s="61">
        <v>0</v>
      </c>
      <c r="AB138" s="75">
        <v>0</v>
      </c>
      <c r="AC138" s="61">
        <v>0</v>
      </c>
      <c r="AD138" s="61">
        <v>0</v>
      </c>
      <c r="AE138" s="61">
        <v>0</v>
      </c>
      <c r="AF138" s="62">
        <v>0</v>
      </c>
      <c r="AG138" s="61">
        <v>0</v>
      </c>
      <c r="AH138" s="61">
        <v>0</v>
      </c>
      <c r="AI138" s="61">
        <v>0</v>
      </c>
      <c r="AJ138" s="61">
        <v>0</v>
      </c>
      <c r="AK138" s="61">
        <v>0</v>
      </c>
      <c r="AL138" s="61">
        <v>0</v>
      </c>
      <c r="AM138" s="61">
        <v>0</v>
      </c>
      <c r="AN138" s="75">
        <v>0</v>
      </c>
    </row>
    <row r="139" spans="1:41" s="62" customFormat="1" hidden="1" outlineLevel="2">
      <c r="A139" s="61" t="s">
        <v>566</v>
      </c>
      <c r="B139" s="61" t="s">
        <v>567</v>
      </c>
      <c r="C139" s="71" t="s">
        <v>568</v>
      </c>
      <c r="D139" s="72" t="s">
        <v>1058</v>
      </c>
      <c r="E139" s="73"/>
      <c r="F139" s="62">
        <v>0</v>
      </c>
      <c r="G139" s="62">
        <v>43426</v>
      </c>
      <c r="H139" s="62">
        <f t="shared" si="19"/>
        <v>-43426</v>
      </c>
      <c r="J139" s="62">
        <v>43426</v>
      </c>
      <c r="K139" s="62">
        <f t="shared" si="20"/>
        <v>-43426</v>
      </c>
      <c r="M139" s="62">
        <v>0</v>
      </c>
      <c r="N139" s="62">
        <f t="shared" si="21"/>
        <v>0</v>
      </c>
      <c r="P139" s="74">
        <v>0</v>
      </c>
      <c r="Q139" s="61">
        <v>70031</v>
      </c>
      <c r="R139" s="61">
        <v>35528</v>
      </c>
      <c r="S139" s="61">
        <v>32957</v>
      </c>
      <c r="T139" s="62">
        <v>36958</v>
      </c>
      <c r="U139" s="61">
        <v>35410</v>
      </c>
      <c r="V139" s="61">
        <v>44957</v>
      </c>
      <c r="W139" s="61">
        <v>99922</v>
      </c>
      <c r="X139" s="61">
        <v>33224</v>
      </c>
      <c r="Y139" s="61">
        <v>35517</v>
      </c>
      <c r="Z139" s="61">
        <v>47164</v>
      </c>
      <c r="AA139" s="61">
        <v>40908</v>
      </c>
      <c r="AB139" s="75">
        <v>43426</v>
      </c>
      <c r="AC139" s="61">
        <v>0</v>
      </c>
      <c r="AD139" s="61">
        <v>0</v>
      </c>
      <c r="AE139" s="61">
        <v>0</v>
      </c>
      <c r="AF139" s="62">
        <v>0</v>
      </c>
      <c r="AG139" s="61">
        <v>0</v>
      </c>
      <c r="AH139" s="61">
        <v>0</v>
      </c>
      <c r="AI139" s="61">
        <v>0</v>
      </c>
      <c r="AJ139" s="61">
        <v>0</v>
      </c>
      <c r="AK139" s="61">
        <v>0</v>
      </c>
      <c r="AL139" s="61">
        <v>0</v>
      </c>
      <c r="AM139" s="61">
        <v>0</v>
      </c>
      <c r="AN139" s="75">
        <v>0</v>
      </c>
    </row>
    <row r="140" spans="1:41" s="62" customFormat="1" hidden="1" outlineLevel="2">
      <c r="A140" s="61" t="s">
        <v>569</v>
      </c>
      <c r="B140" s="61" t="s">
        <v>570</v>
      </c>
      <c r="C140" s="71" t="s">
        <v>568</v>
      </c>
      <c r="D140" s="72" t="s">
        <v>1058</v>
      </c>
      <c r="E140" s="73"/>
      <c r="F140" s="62">
        <v>46292</v>
      </c>
      <c r="G140" s="62">
        <v>0</v>
      </c>
      <c r="H140" s="62">
        <f t="shared" si="19"/>
        <v>46292</v>
      </c>
      <c r="J140" s="62">
        <v>0</v>
      </c>
      <c r="K140" s="62">
        <f t="shared" si="20"/>
        <v>46292</v>
      </c>
      <c r="M140" s="62">
        <v>44968</v>
      </c>
      <c r="N140" s="62">
        <f t="shared" si="21"/>
        <v>1324</v>
      </c>
      <c r="P140" s="74">
        <v>0</v>
      </c>
      <c r="Q140" s="61">
        <v>0</v>
      </c>
      <c r="R140" s="61">
        <v>0</v>
      </c>
      <c r="S140" s="61">
        <v>0</v>
      </c>
      <c r="T140" s="62">
        <v>0</v>
      </c>
      <c r="U140" s="61">
        <v>0</v>
      </c>
      <c r="V140" s="61">
        <v>0</v>
      </c>
      <c r="W140" s="61">
        <v>0</v>
      </c>
      <c r="X140" s="61">
        <v>0</v>
      </c>
      <c r="Y140" s="61">
        <v>0</v>
      </c>
      <c r="Z140" s="61">
        <v>0</v>
      </c>
      <c r="AA140" s="61">
        <v>0</v>
      </c>
      <c r="AB140" s="75">
        <v>0</v>
      </c>
      <c r="AC140" s="61">
        <v>82474</v>
      </c>
      <c r="AD140" s="61">
        <v>78567</v>
      </c>
      <c r="AE140" s="61">
        <v>46590</v>
      </c>
      <c r="AF140" s="62">
        <v>70118</v>
      </c>
      <c r="AG140" s="61">
        <v>60510</v>
      </c>
      <c r="AH140" s="61">
        <v>49649</v>
      </c>
      <c r="AI140" s="61">
        <v>43669</v>
      </c>
      <c r="AJ140" s="61">
        <v>39988</v>
      </c>
      <c r="AK140" s="61">
        <v>35495</v>
      </c>
      <c r="AL140" s="61">
        <v>49289</v>
      </c>
      <c r="AM140" s="61">
        <v>44968</v>
      </c>
      <c r="AN140" s="75">
        <v>46292</v>
      </c>
    </row>
    <row r="141" spans="1:41" s="114" customFormat="1" ht="15" hidden="1" customHeight="1" outlineLevel="1">
      <c r="A141" s="113" t="s">
        <v>1073</v>
      </c>
      <c r="B141" s="114" t="s">
        <v>2</v>
      </c>
      <c r="C141" s="149" t="s">
        <v>1074</v>
      </c>
      <c r="D141" s="147" t="s">
        <v>1058</v>
      </c>
      <c r="E141" s="117"/>
      <c r="F141" s="128">
        <v>929478.67</v>
      </c>
      <c r="G141" s="129">
        <v>906668.56</v>
      </c>
      <c r="H141" s="129">
        <f t="shared" si="19"/>
        <v>22810.109999999986</v>
      </c>
      <c r="I141" s="130"/>
      <c r="J141" s="129">
        <v>906668.56</v>
      </c>
      <c r="K141" s="129">
        <f t="shared" si="20"/>
        <v>22810.109999999986</v>
      </c>
      <c r="L141" s="129"/>
      <c r="M141" s="129">
        <v>1029055.61</v>
      </c>
      <c r="N141" s="129">
        <f t="shared" si="21"/>
        <v>-99576.939999999944</v>
      </c>
      <c r="O141" s="131"/>
      <c r="P141" s="132">
        <v>972061.67</v>
      </c>
      <c r="Q141" s="129">
        <v>890871.23</v>
      </c>
      <c r="R141" s="129">
        <v>771615.79</v>
      </c>
      <c r="S141" s="129">
        <v>645350.35</v>
      </c>
      <c r="T141" s="129">
        <v>597960.91</v>
      </c>
      <c r="U141" s="129">
        <v>438633.47</v>
      </c>
      <c r="V141" s="129">
        <v>1451735.12</v>
      </c>
      <c r="W141" s="129">
        <v>1470864.8599999999</v>
      </c>
      <c r="X141" s="129">
        <v>1298286.6000000001</v>
      </c>
      <c r="Y141" s="129">
        <v>1230581.3399999999</v>
      </c>
      <c r="Z141" s="129">
        <v>1138945.08</v>
      </c>
      <c r="AA141" s="129">
        <v>1043347.8200000001</v>
      </c>
      <c r="AB141" s="133">
        <v>906668.56</v>
      </c>
      <c r="AC141" s="129">
        <v>897374.3</v>
      </c>
      <c r="AD141" s="129">
        <v>817678.04</v>
      </c>
      <c r="AE141" s="129">
        <v>714943.78</v>
      </c>
      <c r="AF141" s="129">
        <v>618018.52</v>
      </c>
      <c r="AG141" s="129">
        <v>480794.26</v>
      </c>
      <c r="AH141" s="129">
        <v>1495613.31</v>
      </c>
      <c r="AI141" s="129">
        <v>1430594.37</v>
      </c>
      <c r="AJ141" s="129">
        <v>1337535.4300000002</v>
      </c>
      <c r="AK141" s="129">
        <v>1238527.49</v>
      </c>
      <c r="AL141" s="129">
        <v>1151365.55</v>
      </c>
      <c r="AM141" s="129">
        <v>1029055.61</v>
      </c>
      <c r="AN141" s="133">
        <v>929478.67</v>
      </c>
      <c r="AO141" s="134"/>
    </row>
    <row r="142" spans="1:41" s="114" customFormat="1" ht="15" hidden="1" customHeight="1" outlineLevel="1">
      <c r="A142" s="113" t="s">
        <v>1075</v>
      </c>
      <c r="B142" s="114" t="s">
        <v>2</v>
      </c>
      <c r="C142" s="149" t="s">
        <v>1076</v>
      </c>
      <c r="D142" s="147" t="s">
        <v>1058</v>
      </c>
      <c r="E142" s="117"/>
      <c r="F142" s="128">
        <v>0</v>
      </c>
      <c r="G142" s="129">
        <v>0</v>
      </c>
      <c r="H142" s="129">
        <f t="shared" si="19"/>
        <v>0</v>
      </c>
      <c r="I142" s="130"/>
      <c r="J142" s="129">
        <v>0</v>
      </c>
      <c r="K142" s="129">
        <f t="shared" si="20"/>
        <v>0</v>
      </c>
      <c r="L142" s="129"/>
      <c r="M142" s="129">
        <v>0</v>
      </c>
      <c r="N142" s="129">
        <f t="shared" si="21"/>
        <v>0</v>
      </c>
      <c r="O142" s="131"/>
      <c r="P142" s="132">
        <v>0</v>
      </c>
      <c r="Q142" s="129">
        <v>0</v>
      </c>
      <c r="R142" s="129">
        <v>0</v>
      </c>
      <c r="S142" s="129">
        <v>0</v>
      </c>
      <c r="T142" s="129">
        <v>0</v>
      </c>
      <c r="U142" s="129">
        <v>0</v>
      </c>
      <c r="V142" s="129">
        <v>0</v>
      </c>
      <c r="W142" s="129">
        <v>0</v>
      </c>
      <c r="X142" s="129">
        <v>0</v>
      </c>
      <c r="Y142" s="129">
        <v>0</v>
      </c>
      <c r="Z142" s="129">
        <v>0</v>
      </c>
      <c r="AA142" s="129">
        <v>0</v>
      </c>
      <c r="AB142" s="133">
        <v>0</v>
      </c>
      <c r="AC142" s="129">
        <v>0</v>
      </c>
      <c r="AD142" s="129">
        <v>0</v>
      </c>
      <c r="AE142" s="129">
        <v>0</v>
      </c>
      <c r="AF142" s="129">
        <v>0</v>
      </c>
      <c r="AG142" s="129">
        <v>0</v>
      </c>
      <c r="AH142" s="129">
        <v>0</v>
      </c>
      <c r="AI142" s="129">
        <v>0</v>
      </c>
      <c r="AJ142" s="129">
        <v>0</v>
      </c>
      <c r="AK142" s="129">
        <v>0</v>
      </c>
      <c r="AL142" s="129">
        <v>0</v>
      </c>
      <c r="AM142" s="129">
        <v>0</v>
      </c>
      <c r="AN142" s="133">
        <v>0</v>
      </c>
      <c r="AO142" s="134"/>
    </row>
    <row r="143" spans="1:41" s="114" customFormat="1" ht="15" hidden="1" customHeight="1" outlineLevel="1">
      <c r="A143" s="113"/>
      <c r="B143" s="114" t="s">
        <v>2</v>
      </c>
      <c r="C143" s="126" t="s">
        <v>1077</v>
      </c>
      <c r="D143" s="146"/>
      <c r="E143" s="117"/>
      <c r="F143" s="128">
        <f>+F142+F141+F125</f>
        <v>1456900.9180000001</v>
      </c>
      <c r="G143" s="129">
        <f>+G142+G141+G125</f>
        <v>1303308.6100000001</v>
      </c>
      <c r="H143" s="129">
        <f t="shared" si="19"/>
        <v>153592.30799999996</v>
      </c>
      <c r="I143" s="130"/>
      <c r="J143" s="129">
        <f>+J142+J141+J125</f>
        <v>1303308.6100000001</v>
      </c>
      <c r="K143" s="129">
        <f t="shared" si="20"/>
        <v>153592.30799999996</v>
      </c>
      <c r="L143" s="129"/>
      <c r="M143" s="129">
        <f>+M142+M141+M125</f>
        <v>1573314.9879999999</v>
      </c>
      <c r="N143" s="129">
        <f t="shared" si="21"/>
        <v>-116414.06999999983</v>
      </c>
      <c r="O143" s="131"/>
      <c r="P143" s="132">
        <f t="shared" ref="P143:AN143" si="22">+P142+P141+P125</f>
        <v>1334100.9300000002</v>
      </c>
      <c r="Q143" s="129">
        <f t="shared" si="22"/>
        <v>1552843.31</v>
      </c>
      <c r="R143" s="129">
        <f t="shared" si="22"/>
        <v>1343022.3800000001</v>
      </c>
      <c r="S143" s="129">
        <f t="shared" si="22"/>
        <v>1174966.54</v>
      </c>
      <c r="T143" s="129">
        <f t="shared" si="22"/>
        <v>1027215.51</v>
      </c>
      <c r="U143" s="129">
        <f t="shared" si="22"/>
        <v>778885.81</v>
      </c>
      <c r="V143" s="129">
        <f t="shared" si="22"/>
        <v>1834373.79</v>
      </c>
      <c r="W143" s="129">
        <f t="shared" si="22"/>
        <v>2194188.8499999996</v>
      </c>
      <c r="X143" s="129">
        <f t="shared" si="22"/>
        <v>1920607.56</v>
      </c>
      <c r="Y143" s="129">
        <f t="shared" si="22"/>
        <v>1775557.7599999998</v>
      </c>
      <c r="Z143" s="129">
        <f t="shared" si="22"/>
        <v>1627165.9900000002</v>
      </c>
      <c r="AA143" s="129">
        <f t="shared" si="22"/>
        <v>1440751.29</v>
      </c>
      <c r="AB143" s="133">
        <f t="shared" si="22"/>
        <v>1303308.6100000001</v>
      </c>
      <c r="AC143" s="129">
        <f t="shared" si="22"/>
        <v>1545741.21</v>
      </c>
      <c r="AD143" s="129">
        <f t="shared" si="22"/>
        <v>1383513.77</v>
      </c>
      <c r="AE143" s="129">
        <f t="shared" si="22"/>
        <v>1194067.83</v>
      </c>
      <c r="AF143" s="129">
        <f t="shared" si="22"/>
        <v>1017617</v>
      </c>
      <c r="AG143" s="129">
        <f t="shared" si="22"/>
        <v>820476.04</v>
      </c>
      <c r="AH143" s="129">
        <f t="shared" si="22"/>
        <v>1774915.97</v>
      </c>
      <c r="AI143" s="129">
        <f t="shared" si="22"/>
        <v>2182425.8080000002</v>
      </c>
      <c r="AJ143" s="129">
        <f t="shared" si="22"/>
        <v>2009172.8180000002</v>
      </c>
      <c r="AK143" s="129">
        <f t="shared" si="22"/>
        <v>2062004.2679999999</v>
      </c>
      <c r="AL143" s="129">
        <f t="shared" si="22"/>
        <v>1664936.898</v>
      </c>
      <c r="AM143" s="129">
        <f t="shared" si="22"/>
        <v>1573314.9879999999</v>
      </c>
      <c r="AN143" s="133">
        <f t="shared" si="22"/>
        <v>1456900.9180000001</v>
      </c>
      <c r="AO143" s="134"/>
    </row>
    <row r="144" spans="1:41" s="114" customFormat="1" ht="15" hidden="1" customHeight="1" outlineLevel="1">
      <c r="A144" s="113" t="s">
        <v>1078</v>
      </c>
      <c r="B144" s="114" t="s">
        <v>2</v>
      </c>
      <c r="C144" s="135" t="s">
        <v>1079</v>
      </c>
      <c r="D144" s="147" t="s">
        <v>1058</v>
      </c>
      <c r="E144" s="117"/>
      <c r="F144" s="128">
        <v>0</v>
      </c>
      <c r="G144" s="129">
        <v>0</v>
      </c>
      <c r="H144" s="129">
        <f t="shared" si="19"/>
        <v>0</v>
      </c>
      <c r="I144" s="130"/>
      <c r="J144" s="129">
        <v>0</v>
      </c>
      <c r="K144" s="129">
        <f t="shared" si="20"/>
        <v>0</v>
      </c>
      <c r="L144" s="129"/>
      <c r="M144" s="129">
        <v>0</v>
      </c>
      <c r="N144" s="129">
        <f t="shared" si="21"/>
        <v>0</v>
      </c>
      <c r="O144" s="131"/>
      <c r="P144" s="132">
        <v>0</v>
      </c>
      <c r="Q144" s="129">
        <v>0</v>
      </c>
      <c r="R144" s="129">
        <v>0</v>
      </c>
      <c r="S144" s="129">
        <v>0</v>
      </c>
      <c r="T144" s="129">
        <v>0</v>
      </c>
      <c r="U144" s="129">
        <v>0</v>
      </c>
      <c r="V144" s="129">
        <v>0</v>
      </c>
      <c r="W144" s="129">
        <v>0</v>
      </c>
      <c r="X144" s="129">
        <v>0</v>
      </c>
      <c r="Y144" s="129">
        <v>0</v>
      </c>
      <c r="Z144" s="129">
        <v>0</v>
      </c>
      <c r="AA144" s="129">
        <v>0</v>
      </c>
      <c r="AB144" s="133">
        <v>0</v>
      </c>
      <c r="AC144" s="129">
        <v>0</v>
      </c>
      <c r="AD144" s="129">
        <v>0</v>
      </c>
      <c r="AE144" s="129">
        <v>0</v>
      </c>
      <c r="AF144" s="129">
        <v>0</v>
      </c>
      <c r="AG144" s="129">
        <v>0</v>
      </c>
      <c r="AH144" s="129">
        <v>0</v>
      </c>
      <c r="AI144" s="129">
        <v>0</v>
      </c>
      <c r="AJ144" s="129">
        <v>0</v>
      </c>
      <c r="AK144" s="129">
        <v>0</v>
      </c>
      <c r="AL144" s="129">
        <v>0</v>
      </c>
      <c r="AM144" s="129">
        <v>0</v>
      </c>
      <c r="AN144" s="133">
        <v>0</v>
      </c>
      <c r="AO144" s="134"/>
    </row>
    <row r="145" spans="1:41" s="114" customFormat="1" ht="15" hidden="1" customHeight="1" outlineLevel="1">
      <c r="A145" s="113"/>
      <c r="B145" s="114" t="s">
        <v>2</v>
      </c>
      <c r="C145" s="135" t="s">
        <v>1080</v>
      </c>
      <c r="D145" s="147" t="s">
        <v>1058</v>
      </c>
      <c r="E145" s="117"/>
      <c r="F145" s="128"/>
      <c r="G145" s="129"/>
      <c r="H145" s="129">
        <f t="shared" si="19"/>
        <v>0</v>
      </c>
      <c r="I145" s="130"/>
      <c r="J145" s="129"/>
      <c r="K145" s="129">
        <f t="shared" si="20"/>
        <v>0</v>
      </c>
      <c r="L145" s="129"/>
      <c r="M145" s="129"/>
      <c r="N145" s="129">
        <f t="shared" si="21"/>
        <v>0</v>
      </c>
      <c r="O145" s="131"/>
      <c r="P145" s="132"/>
      <c r="Q145" s="129"/>
      <c r="R145" s="129"/>
      <c r="S145" s="129"/>
      <c r="T145" s="129"/>
      <c r="U145" s="129"/>
      <c r="V145" s="129"/>
      <c r="W145" s="129"/>
      <c r="X145" s="129"/>
      <c r="Y145" s="129"/>
      <c r="Z145" s="129"/>
      <c r="AA145" s="129"/>
      <c r="AB145" s="133"/>
      <c r="AC145" s="129"/>
      <c r="AD145" s="129"/>
      <c r="AE145" s="129"/>
      <c r="AF145" s="129"/>
      <c r="AG145" s="129"/>
      <c r="AH145" s="129"/>
      <c r="AI145" s="129"/>
      <c r="AJ145" s="129"/>
      <c r="AK145" s="129"/>
      <c r="AL145" s="129"/>
      <c r="AM145" s="129"/>
      <c r="AN145" s="133"/>
      <c r="AO145" s="134"/>
    </row>
    <row r="146" spans="1:41" s="114" customFormat="1" ht="15" hidden="1" customHeight="1" outlineLevel="1">
      <c r="A146" s="113"/>
      <c r="C146" s="126" t="s">
        <v>1081</v>
      </c>
      <c r="D146" s="146"/>
      <c r="E146" s="117"/>
      <c r="F146" s="128">
        <f>+F145+F144</f>
        <v>0</v>
      </c>
      <c r="G146" s="129">
        <f>+G145+G144</f>
        <v>0</v>
      </c>
      <c r="H146" s="129">
        <f t="shared" si="19"/>
        <v>0</v>
      </c>
      <c r="I146" s="130"/>
      <c r="J146" s="129">
        <f>+J145+J144</f>
        <v>0</v>
      </c>
      <c r="K146" s="129">
        <f t="shared" si="20"/>
        <v>0</v>
      </c>
      <c r="L146" s="129"/>
      <c r="M146" s="129">
        <f>+M145+M144</f>
        <v>0</v>
      </c>
      <c r="N146" s="129">
        <f t="shared" si="21"/>
        <v>0</v>
      </c>
      <c r="O146" s="131"/>
      <c r="P146" s="132">
        <f t="shared" ref="P146:AN146" si="23">+P145+P144</f>
        <v>0</v>
      </c>
      <c r="Q146" s="129">
        <f t="shared" si="23"/>
        <v>0</v>
      </c>
      <c r="R146" s="129">
        <f t="shared" si="23"/>
        <v>0</v>
      </c>
      <c r="S146" s="129">
        <f t="shared" si="23"/>
        <v>0</v>
      </c>
      <c r="T146" s="129">
        <f t="shared" si="23"/>
        <v>0</v>
      </c>
      <c r="U146" s="129">
        <f t="shared" si="23"/>
        <v>0</v>
      </c>
      <c r="V146" s="129">
        <f t="shared" si="23"/>
        <v>0</v>
      </c>
      <c r="W146" s="129">
        <f t="shared" si="23"/>
        <v>0</v>
      </c>
      <c r="X146" s="129">
        <f t="shared" si="23"/>
        <v>0</v>
      </c>
      <c r="Y146" s="129">
        <f t="shared" si="23"/>
        <v>0</v>
      </c>
      <c r="Z146" s="129">
        <f t="shared" si="23"/>
        <v>0</v>
      </c>
      <c r="AA146" s="129">
        <f t="shared" si="23"/>
        <v>0</v>
      </c>
      <c r="AB146" s="133">
        <f t="shared" si="23"/>
        <v>0</v>
      </c>
      <c r="AC146" s="129">
        <f t="shared" si="23"/>
        <v>0</v>
      </c>
      <c r="AD146" s="129">
        <f t="shared" si="23"/>
        <v>0</v>
      </c>
      <c r="AE146" s="129">
        <f t="shared" si="23"/>
        <v>0</v>
      </c>
      <c r="AF146" s="129">
        <f t="shared" si="23"/>
        <v>0</v>
      </c>
      <c r="AG146" s="129">
        <f t="shared" si="23"/>
        <v>0</v>
      </c>
      <c r="AH146" s="129">
        <f t="shared" si="23"/>
        <v>0</v>
      </c>
      <c r="AI146" s="129">
        <f t="shared" si="23"/>
        <v>0</v>
      </c>
      <c r="AJ146" s="129">
        <f t="shared" si="23"/>
        <v>0</v>
      </c>
      <c r="AK146" s="129">
        <f t="shared" si="23"/>
        <v>0</v>
      </c>
      <c r="AL146" s="129">
        <f t="shared" si="23"/>
        <v>0</v>
      </c>
      <c r="AM146" s="129">
        <f t="shared" si="23"/>
        <v>0</v>
      </c>
      <c r="AN146" s="133">
        <f t="shared" si="23"/>
        <v>0</v>
      </c>
      <c r="AO146" s="134"/>
    </row>
    <row r="147" spans="1:41" s="114" customFormat="1" ht="15" hidden="1" customHeight="1" outlineLevel="1">
      <c r="A147" s="113" t="s">
        <v>1082</v>
      </c>
      <c r="B147" s="114" t="s">
        <v>2</v>
      </c>
      <c r="C147" s="149" t="s">
        <v>1083</v>
      </c>
      <c r="D147" s="147" t="s">
        <v>1058</v>
      </c>
      <c r="E147" s="117"/>
      <c r="F147" s="128">
        <v>0</v>
      </c>
      <c r="G147" s="129">
        <v>0</v>
      </c>
      <c r="H147" s="129">
        <f t="shared" si="19"/>
        <v>0</v>
      </c>
      <c r="I147" s="130"/>
      <c r="J147" s="129">
        <v>0</v>
      </c>
      <c r="K147" s="129">
        <f t="shared" si="20"/>
        <v>0</v>
      </c>
      <c r="L147" s="129"/>
      <c r="M147" s="129">
        <v>0</v>
      </c>
      <c r="N147" s="129">
        <f t="shared" si="21"/>
        <v>0</v>
      </c>
      <c r="O147" s="131"/>
      <c r="P147" s="132">
        <v>0</v>
      </c>
      <c r="Q147" s="129">
        <v>0</v>
      </c>
      <c r="R147" s="129">
        <v>0</v>
      </c>
      <c r="S147" s="129">
        <v>0</v>
      </c>
      <c r="T147" s="129">
        <v>0</v>
      </c>
      <c r="U147" s="129">
        <v>0</v>
      </c>
      <c r="V147" s="129">
        <v>0</v>
      </c>
      <c r="W147" s="129">
        <v>0</v>
      </c>
      <c r="X147" s="129">
        <v>0</v>
      </c>
      <c r="Y147" s="129">
        <v>0</v>
      </c>
      <c r="Z147" s="129">
        <v>0</v>
      </c>
      <c r="AA147" s="129">
        <v>0</v>
      </c>
      <c r="AB147" s="133">
        <v>0</v>
      </c>
      <c r="AC147" s="129">
        <v>0</v>
      </c>
      <c r="AD147" s="129">
        <v>0</v>
      </c>
      <c r="AE147" s="129">
        <v>0</v>
      </c>
      <c r="AF147" s="129">
        <v>0</v>
      </c>
      <c r="AG147" s="129">
        <v>0</v>
      </c>
      <c r="AH147" s="129">
        <v>0</v>
      </c>
      <c r="AI147" s="129">
        <v>0</v>
      </c>
      <c r="AJ147" s="129">
        <v>0</v>
      </c>
      <c r="AK147" s="129">
        <v>0</v>
      </c>
      <c r="AL147" s="129">
        <v>0</v>
      </c>
      <c r="AM147" s="129">
        <v>0</v>
      </c>
      <c r="AN147" s="133">
        <v>0</v>
      </c>
      <c r="AO147" s="134"/>
    </row>
    <row r="148" spans="1:41" s="114" customFormat="1" ht="15" hidden="1" customHeight="1" outlineLevel="1">
      <c r="A148" s="113" t="s">
        <v>1084</v>
      </c>
      <c r="B148" s="114" t="s">
        <v>2</v>
      </c>
      <c r="C148" s="149" t="s">
        <v>1085</v>
      </c>
      <c r="D148" s="147" t="s">
        <v>1058</v>
      </c>
      <c r="E148" s="117"/>
      <c r="F148" s="128">
        <v>0</v>
      </c>
      <c r="G148" s="129">
        <v>0</v>
      </c>
      <c r="H148" s="129">
        <f t="shared" si="19"/>
        <v>0</v>
      </c>
      <c r="I148" s="130"/>
      <c r="J148" s="129">
        <v>0</v>
      </c>
      <c r="K148" s="129">
        <f t="shared" si="20"/>
        <v>0</v>
      </c>
      <c r="L148" s="129"/>
      <c r="M148" s="129">
        <v>0</v>
      </c>
      <c r="N148" s="129">
        <f t="shared" si="21"/>
        <v>0</v>
      </c>
      <c r="O148" s="131"/>
      <c r="P148" s="132">
        <v>0</v>
      </c>
      <c r="Q148" s="129">
        <v>0</v>
      </c>
      <c r="R148" s="129">
        <v>0</v>
      </c>
      <c r="S148" s="129">
        <v>0</v>
      </c>
      <c r="T148" s="129">
        <v>0</v>
      </c>
      <c r="U148" s="129">
        <v>0</v>
      </c>
      <c r="V148" s="129">
        <v>0</v>
      </c>
      <c r="W148" s="129">
        <v>0</v>
      </c>
      <c r="X148" s="129">
        <v>0</v>
      </c>
      <c r="Y148" s="129">
        <v>0</v>
      </c>
      <c r="Z148" s="129">
        <v>0</v>
      </c>
      <c r="AA148" s="129">
        <v>0</v>
      </c>
      <c r="AB148" s="133">
        <v>0</v>
      </c>
      <c r="AC148" s="129">
        <v>0</v>
      </c>
      <c r="AD148" s="129">
        <v>0</v>
      </c>
      <c r="AE148" s="129">
        <v>0</v>
      </c>
      <c r="AF148" s="129">
        <v>0</v>
      </c>
      <c r="AG148" s="129">
        <v>0</v>
      </c>
      <c r="AH148" s="129">
        <v>0</v>
      </c>
      <c r="AI148" s="129">
        <v>0</v>
      </c>
      <c r="AJ148" s="129">
        <v>0</v>
      </c>
      <c r="AK148" s="129">
        <v>0</v>
      </c>
      <c r="AL148" s="129">
        <v>0</v>
      </c>
      <c r="AM148" s="129">
        <v>0</v>
      </c>
      <c r="AN148" s="133">
        <v>0</v>
      </c>
      <c r="AO148" s="134"/>
    </row>
    <row r="149" spans="1:41" s="114" customFormat="1" ht="15" hidden="1" customHeight="1" outlineLevel="1">
      <c r="A149" s="113" t="s">
        <v>1086</v>
      </c>
      <c r="B149" s="114" t="s">
        <v>2</v>
      </c>
      <c r="C149" s="149" t="s">
        <v>1087</v>
      </c>
      <c r="D149" s="147" t="s">
        <v>1058</v>
      </c>
      <c r="E149" s="117"/>
      <c r="F149" s="128">
        <v>0</v>
      </c>
      <c r="G149" s="129">
        <v>0</v>
      </c>
      <c r="H149" s="129">
        <f t="shared" si="19"/>
        <v>0</v>
      </c>
      <c r="I149" s="130"/>
      <c r="J149" s="129">
        <v>0</v>
      </c>
      <c r="K149" s="129">
        <f t="shared" si="20"/>
        <v>0</v>
      </c>
      <c r="L149" s="129"/>
      <c r="M149" s="129">
        <v>0</v>
      </c>
      <c r="N149" s="129">
        <f t="shared" si="21"/>
        <v>0</v>
      </c>
      <c r="O149" s="131"/>
      <c r="P149" s="132">
        <v>0</v>
      </c>
      <c r="Q149" s="129">
        <v>0</v>
      </c>
      <c r="R149" s="129">
        <v>0</v>
      </c>
      <c r="S149" s="129">
        <v>0</v>
      </c>
      <c r="T149" s="129">
        <v>0</v>
      </c>
      <c r="U149" s="129">
        <v>0</v>
      </c>
      <c r="V149" s="129">
        <v>0</v>
      </c>
      <c r="W149" s="129">
        <v>0</v>
      </c>
      <c r="X149" s="129">
        <v>0</v>
      </c>
      <c r="Y149" s="129">
        <v>0</v>
      </c>
      <c r="Z149" s="129">
        <v>0</v>
      </c>
      <c r="AA149" s="129">
        <v>0</v>
      </c>
      <c r="AB149" s="133">
        <v>0</v>
      </c>
      <c r="AC149" s="129">
        <v>0</v>
      </c>
      <c r="AD149" s="129">
        <v>0</v>
      </c>
      <c r="AE149" s="129">
        <v>0</v>
      </c>
      <c r="AF149" s="129">
        <v>0</v>
      </c>
      <c r="AG149" s="129">
        <v>0</v>
      </c>
      <c r="AH149" s="129">
        <v>0</v>
      </c>
      <c r="AI149" s="129">
        <v>0</v>
      </c>
      <c r="AJ149" s="129">
        <v>0</v>
      </c>
      <c r="AK149" s="129">
        <v>0</v>
      </c>
      <c r="AL149" s="129">
        <v>0</v>
      </c>
      <c r="AM149" s="129">
        <v>0</v>
      </c>
      <c r="AN149" s="133">
        <v>0</v>
      </c>
      <c r="AO149" s="134"/>
    </row>
    <row r="150" spans="1:41" s="62" customFormat="1" hidden="1" outlineLevel="2">
      <c r="A150" s="61" t="s">
        <v>574</v>
      </c>
      <c r="B150" s="61" t="s">
        <v>575</v>
      </c>
      <c r="C150" s="71" t="s">
        <v>576</v>
      </c>
      <c r="D150" s="72" t="s">
        <v>1058</v>
      </c>
      <c r="E150" s="73"/>
      <c r="F150" s="62">
        <v>50464.587</v>
      </c>
      <c r="G150" s="62">
        <v>93409.566999999995</v>
      </c>
      <c r="H150" s="62">
        <f t="shared" si="19"/>
        <v>-42944.979999999996</v>
      </c>
      <c r="J150" s="62">
        <v>93409.566999999995</v>
      </c>
      <c r="K150" s="62">
        <f t="shared" si="20"/>
        <v>-42944.979999999996</v>
      </c>
      <c r="M150" s="62">
        <v>546697.97699999996</v>
      </c>
      <c r="N150" s="62">
        <f t="shared" si="21"/>
        <v>-496233.38999999996</v>
      </c>
      <c r="P150" s="74">
        <v>156560.56700000001</v>
      </c>
      <c r="Q150" s="61">
        <v>147654.51699999999</v>
      </c>
      <c r="R150" s="61">
        <v>103559.607</v>
      </c>
      <c r="S150" s="61">
        <v>88374.096999999994</v>
      </c>
      <c r="T150" s="62">
        <v>93996.616999999998</v>
      </c>
      <c r="U150" s="61">
        <v>64969.616999999998</v>
      </c>
      <c r="V150" s="61">
        <v>71971.557000000001</v>
      </c>
      <c r="W150" s="61">
        <v>177356.057</v>
      </c>
      <c r="X150" s="61">
        <v>189189.777</v>
      </c>
      <c r="Y150" s="61">
        <v>202969.467</v>
      </c>
      <c r="Z150" s="61">
        <v>197817.72700000001</v>
      </c>
      <c r="AA150" s="61">
        <v>196908.647</v>
      </c>
      <c r="AB150" s="75">
        <v>93409.566999999995</v>
      </c>
      <c r="AC150" s="61">
        <v>110922.467</v>
      </c>
      <c r="AD150" s="61">
        <v>84051.607000000004</v>
      </c>
      <c r="AE150" s="61">
        <v>152838.90700000001</v>
      </c>
      <c r="AF150" s="62">
        <v>170494.997</v>
      </c>
      <c r="AG150" s="61">
        <v>347498.48700000002</v>
      </c>
      <c r="AH150" s="61">
        <v>244421.367</v>
      </c>
      <c r="AI150" s="61">
        <v>170708.87700000001</v>
      </c>
      <c r="AJ150" s="61">
        <v>91668.626999999993</v>
      </c>
      <c r="AK150" s="61">
        <v>49713.067000000003</v>
      </c>
      <c r="AL150" s="61">
        <v>521469.62699999998</v>
      </c>
      <c r="AM150" s="61">
        <v>546697.97699999996</v>
      </c>
      <c r="AN150" s="75">
        <v>50464.587</v>
      </c>
    </row>
    <row r="151" spans="1:41" s="114" customFormat="1" ht="15" hidden="1" customHeight="1" outlineLevel="1">
      <c r="A151" s="113" t="s">
        <v>1088</v>
      </c>
      <c r="B151" s="114" t="s">
        <v>2</v>
      </c>
      <c r="C151" s="149" t="s">
        <v>576</v>
      </c>
      <c r="D151" s="147" t="s">
        <v>1058</v>
      </c>
      <c r="E151" s="117"/>
      <c r="F151" s="128">
        <v>50464.587</v>
      </c>
      <c r="G151" s="129">
        <v>93409.566999999995</v>
      </c>
      <c r="H151" s="129">
        <f t="shared" si="19"/>
        <v>-42944.979999999996</v>
      </c>
      <c r="I151" s="130"/>
      <c r="J151" s="129">
        <v>93409.566999999995</v>
      </c>
      <c r="K151" s="129">
        <f t="shared" si="20"/>
        <v>-42944.979999999996</v>
      </c>
      <c r="L151" s="129"/>
      <c r="M151" s="129">
        <v>546697.97699999996</v>
      </c>
      <c r="N151" s="129">
        <f t="shared" si="21"/>
        <v>-496233.38999999996</v>
      </c>
      <c r="O151" s="131"/>
      <c r="P151" s="132">
        <v>156560.56700000001</v>
      </c>
      <c r="Q151" s="129">
        <v>147654.51699999999</v>
      </c>
      <c r="R151" s="129">
        <v>103559.607</v>
      </c>
      <c r="S151" s="129">
        <v>88374.096999999994</v>
      </c>
      <c r="T151" s="129">
        <v>93996.616999999998</v>
      </c>
      <c r="U151" s="129">
        <v>64969.616999999998</v>
      </c>
      <c r="V151" s="129">
        <v>71971.557000000001</v>
      </c>
      <c r="W151" s="129">
        <v>177356.057</v>
      </c>
      <c r="X151" s="129">
        <v>189189.777</v>
      </c>
      <c r="Y151" s="129">
        <v>202969.467</v>
      </c>
      <c r="Z151" s="129">
        <v>197817.72700000001</v>
      </c>
      <c r="AA151" s="129">
        <v>196908.647</v>
      </c>
      <c r="AB151" s="133">
        <v>93409.566999999995</v>
      </c>
      <c r="AC151" s="129">
        <v>110922.467</v>
      </c>
      <c r="AD151" s="129">
        <v>84051.607000000004</v>
      </c>
      <c r="AE151" s="129">
        <v>152838.90700000001</v>
      </c>
      <c r="AF151" s="129">
        <v>170494.997</v>
      </c>
      <c r="AG151" s="129">
        <v>347498.48700000002</v>
      </c>
      <c r="AH151" s="129">
        <v>244421.367</v>
      </c>
      <c r="AI151" s="129">
        <v>170708.87700000001</v>
      </c>
      <c r="AJ151" s="129">
        <v>91668.626999999993</v>
      </c>
      <c r="AK151" s="129">
        <v>49713.067000000003</v>
      </c>
      <c r="AL151" s="129">
        <v>521469.62699999998</v>
      </c>
      <c r="AM151" s="129">
        <v>546697.97699999996</v>
      </c>
      <c r="AN151" s="133">
        <v>50464.587</v>
      </c>
      <c r="AO151" s="134"/>
    </row>
    <row r="152" spans="1:41" s="114" customFormat="1" ht="15" hidden="1" customHeight="1" outlineLevel="1">
      <c r="A152" s="113" t="s">
        <v>1089</v>
      </c>
      <c r="B152" s="114" t="s">
        <v>2</v>
      </c>
      <c r="C152" s="149" t="s">
        <v>1090</v>
      </c>
      <c r="D152" s="147" t="s">
        <v>1058</v>
      </c>
      <c r="E152" s="117"/>
      <c r="F152" s="128">
        <v>0</v>
      </c>
      <c r="G152" s="129">
        <v>0</v>
      </c>
      <c r="H152" s="129">
        <f t="shared" si="19"/>
        <v>0</v>
      </c>
      <c r="I152" s="130"/>
      <c r="J152" s="129">
        <v>0</v>
      </c>
      <c r="K152" s="129">
        <f t="shared" si="20"/>
        <v>0</v>
      </c>
      <c r="L152" s="129"/>
      <c r="M152" s="129">
        <v>0</v>
      </c>
      <c r="N152" s="129">
        <f t="shared" si="21"/>
        <v>0</v>
      </c>
      <c r="O152" s="131"/>
      <c r="P152" s="132">
        <v>0</v>
      </c>
      <c r="Q152" s="129">
        <v>0</v>
      </c>
      <c r="R152" s="129">
        <v>0</v>
      </c>
      <c r="S152" s="129">
        <v>0</v>
      </c>
      <c r="T152" s="129">
        <v>0</v>
      </c>
      <c r="U152" s="129">
        <v>0</v>
      </c>
      <c r="V152" s="129">
        <v>0</v>
      </c>
      <c r="W152" s="129">
        <v>0</v>
      </c>
      <c r="X152" s="129">
        <v>0</v>
      </c>
      <c r="Y152" s="129">
        <v>0</v>
      </c>
      <c r="Z152" s="129">
        <v>0</v>
      </c>
      <c r="AA152" s="129">
        <v>0</v>
      </c>
      <c r="AB152" s="133">
        <v>0</v>
      </c>
      <c r="AC152" s="129">
        <v>0</v>
      </c>
      <c r="AD152" s="129">
        <v>0</v>
      </c>
      <c r="AE152" s="129">
        <v>0</v>
      </c>
      <c r="AF152" s="129">
        <v>0</v>
      </c>
      <c r="AG152" s="129">
        <v>0</v>
      </c>
      <c r="AH152" s="129">
        <v>0</v>
      </c>
      <c r="AI152" s="129">
        <v>0</v>
      </c>
      <c r="AJ152" s="129">
        <v>0</v>
      </c>
      <c r="AK152" s="129">
        <v>0</v>
      </c>
      <c r="AL152" s="129">
        <v>0</v>
      </c>
      <c r="AM152" s="129">
        <v>0</v>
      </c>
      <c r="AN152" s="133">
        <v>0</v>
      </c>
      <c r="AO152" s="134"/>
    </row>
    <row r="153" spans="1:41" s="62" customFormat="1" hidden="1" outlineLevel="2">
      <c r="A153" s="61" t="s">
        <v>788</v>
      </c>
      <c r="B153" s="61" t="s">
        <v>789</v>
      </c>
      <c r="C153" s="71" t="s">
        <v>790</v>
      </c>
      <c r="D153" s="72" t="s">
        <v>1058</v>
      </c>
      <c r="E153" s="73"/>
      <c r="F153" s="62">
        <v>0</v>
      </c>
      <c r="G153" s="62">
        <v>0</v>
      </c>
      <c r="H153" s="62">
        <f t="shared" si="19"/>
        <v>0</v>
      </c>
      <c r="J153" s="62">
        <v>0</v>
      </c>
      <c r="K153" s="62">
        <f t="shared" si="20"/>
        <v>0</v>
      </c>
      <c r="M153" s="62">
        <v>0</v>
      </c>
      <c r="N153" s="62">
        <f t="shared" si="21"/>
        <v>0</v>
      </c>
      <c r="P153" s="74">
        <v>0</v>
      </c>
      <c r="Q153" s="61">
        <v>0</v>
      </c>
      <c r="R153" s="61">
        <v>0</v>
      </c>
      <c r="S153" s="61">
        <v>0</v>
      </c>
      <c r="T153" s="62">
        <v>0</v>
      </c>
      <c r="U153" s="61">
        <v>0</v>
      </c>
      <c r="V153" s="61">
        <v>0</v>
      </c>
      <c r="W153" s="61">
        <v>0</v>
      </c>
      <c r="X153" s="61">
        <v>0</v>
      </c>
      <c r="Y153" s="61">
        <v>0</v>
      </c>
      <c r="Z153" s="61">
        <v>0</v>
      </c>
      <c r="AA153" s="61">
        <v>0</v>
      </c>
      <c r="AB153" s="75">
        <v>0</v>
      </c>
      <c r="AC153" s="61">
        <v>0</v>
      </c>
      <c r="AD153" s="61">
        <v>0</v>
      </c>
      <c r="AE153" s="61">
        <v>41541.01</v>
      </c>
      <c r="AF153" s="62">
        <v>0</v>
      </c>
      <c r="AG153" s="61">
        <v>0</v>
      </c>
      <c r="AH153" s="61">
        <v>0</v>
      </c>
      <c r="AI153" s="61">
        <v>0</v>
      </c>
      <c r="AJ153" s="61">
        <v>0</v>
      </c>
      <c r="AK153" s="61">
        <v>0</v>
      </c>
      <c r="AL153" s="61">
        <v>0</v>
      </c>
      <c r="AM153" s="61">
        <v>0</v>
      </c>
      <c r="AN153" s="75">
        <v>0</v>
      </c>
    </row>
    <row r="154" spans="1:41" s="62" customFormat="1" hidden="1" outlineLevel="2">
      <c r="A154" s="61" t="s">
        <v>1091</v>
      </c>
      <c r="B154" s="61" t="s">
        <v>1092</v>
      </c>
      <c r="C154" s="71" t="s">
        <v>1093</v>
      </c>
      <c r="D154" s="72" t="s">
        <v>1058</v>
      </c>
      <c r="E154" s="73"/>
      <c r="F154" s="62">
        <v>0</v>
      </c>
      <c r="G154" s="62">
        <v>0</v>
      </c>
      <c r="H154" s="62">
        <f t="shared" si="19"/>
        <v>0</v>
      </c>
      <c r="J154" s="62">
        <v>0</v>
      </c>
      <c r="K154" s="62">
        <f t="shared" si="20"/>
        <v>0</v>
      </c>
      <c r="M154" s="62">
        <v>0</v>
      </c>
      <c r="N154" s="62">
        <f t="shared" si="21"/>
        <v>0</v>
      </c>
      <c r="P154" s="74">
        <v>0</v>
      </c>
      <c r="Q154" s="61">
        <v>0</v>
      </c>
      <c r="R154" s="61">
        <v>0</v>
      </c>
      <c r="S154" s="61">
        <v>0</v>
      </c>
      <c r="T154" s="62">
        <v>0</v>
      </c>
      <c r="U154" s="61">
        <v>0</v>
      </c>
      <c r="V154" s="61">
        <v>0</v>
      </c>
      <c r="W154" s="61">
        <v>0</v>
      </c>
      <c r="X154" s="61">
        <v>0</v>
      </c>
      <c r="Y154" s="61">
        <v>0</v>
      </c>
      <c r="Z154" s="61">
        <v>0</v>
      </c>
      <c r="AA154" s="61">
        <v>0</v>
      </c>
      <c r="AB154" s="75">
        <v>0</v>
      </c>
      <c r="AC154" s="61">
        <v>0</v>
      </c>
      <c r="AD154" s="61">
        <v>0</v>
      </c>
      <c r="AE154" s="61">
        <v>0</v>
      </c>
      <c r="AF154" s="62">
        <v>0</v>
      </c>
      <c r="AG154" s="61">
        <v>0</v>
      </c>
      <c r="AH154" s="61">
        <v>0</v>
      </c>
      <c r="AI154" s="61">
        <v>0</v>
      </c>
      <c r="AJ154" s="61">
        <v>0</v>
      </c>
      <c r="AK154" s="61">
        <v>0</v>
      </c>
      <c r="AL154" s="61">
        <v>0</v>
      </c>
      <c r="AM154" s="61">
        <v>0</v>
      </c>
      <c r="AN154" s="75">
        <v>0</v>
      </c>
    </row>
    <row r="155" spans="1:41" s="62" customFormat="1" hidden="1" outlineLevel="2">
      <c r="A155" s="61" t="s">
        <v>717</v>
      </c>
      <c r="B155" s="61" t="s">
        <v>718</v>
      </c>
      <c r="C155" s="71" t="s">
        <v>719</v>
      </c>
      <c r="D155" s="72" t="s">
        <v>1058</v>
      </c>
      <c r="E155" s="73"/>
      <c r="F155" s="62">
        <v>0</v>
      </c>
      <c r="G155" s="62">
        <v>0</v>
      </c>
      <c r="H155" s="62">
        <f t="shared" si="19"/>
        <v>0</v>
      </c>
      <c r="J155" s="62">
        <v>0</v>
      </c>
      <c r="K155" s="62">
        <f t="shared" si="20"/>
        <v>0</v>
      </c>
      <c r="M155" s="62">
        <v>0</v>
      </c>
      <c r="N155" s="62">
        <f t="shared" si="21"/>
        <v>0</v>
      </c>
      <c r="P155" s="74">
        <v>0</v>
      </c>
      <c r="Q155" s="61">
        <v>0</v>
      </c>
      <c r="R155" s="61">
        <v>0</v>
      </c>
      <c r="S155" s="61">
        <v>0</v>
      </c>
      <c r="T155" s="62">
        <v>0</v>
      </c>
      <c r="U155" s="61">
        <v>0</v>
      </c>
      <c r="V155" s="61">
        <v>0</v>
      </c>
      <c r="W155" s="61">
        <v>198</v>
      </c>
      <c r="X155" s="61">
        <v>198</v>
      </c>
      <c r="Y155" s="61">
        <v>198</v>
      </c>
      <c r="Z155" s="61">
        <v>198</v>
      </c>
      <c r="AA155" s="61">
        <v>0</v>
      </c>
      <c r="AB155" s="75">
        <v>0</v>
      </c>
      <c r="AC155" s="61">
        <v>0</v>
      </c>
      <c r="AD155" s="61">
        <v>0</v>
      </c>
      <c r="AE155" s="61">
        <v>0</v>
      </c>
      <c r="AF155" s="62">
        <v>0</v>
      </c>
      <c r="AG155" s="61">
        <v>0</v>
      </c>
      <c r="AH155" s="61">
        <v>0</v>
      </c>
      <c r="AI155" s="61">
        <v>0</v>
      </c>
      <c r="AJ155" s="61">
        <v>0</v>
      </c>
      <c r="AK155" s="61">
        <v>0</v>
      </c>
      <c r="AL155" s="61">
        <v>0</v>
      </c>
      <c r="AM155" s="61">
        <v>0</v>
      </c>
      <c r="AN155" s="75">
        <v>0</v>
      </c>
    </row>
    <row r="156" spans="1:41" s="62" customFormat="1" hidden="1" outlineLevel="2">
      <c r="A156" s="61" t="s">
        <v>720</v>
      </c>
      <c r="B156" s="61" t="s">
        <v>721</v>
      </c>
      <c r="C156" s="71" t="s">
        <v>719</v>
      </c>
      <c r="D156" s="72" t="s">
        <v>1058</v>
      </c>
      <c r="E156" s="73"/>
      <c r="F156" s="62">
        <v>0</v>
      </c>
      <c r="G156" s="62">
        <v>0</v>
      </c>
      <c r="H156" s="62">
        <f t="shared" si="19"/>
        <v>0</v>
      </c>
      <c r="J156" s="62">
        <v>0</v>
      </c>
      <c r="K156" s="62">
        <f t="shared" si="20"/>
        <v>0</v>
      </c>
      <c r="M156" s="62">
        <v>0</v>
      </c>
      <c r="N156" s="62">
        <f t="shared" si="21"/>
        <v>0</v>
      </c>
      <c r="P156" s="74">
        <v>0</v>
      </c>
      <c r="Q156" s="61">
        <v>0</v>
      </c>
      <c r="R156" s="61">
        <v>0</v>
      </c>
      <c r="S156" s="61">
        <v>0</v>
      </c>
      <c r="T156" s="62">
        <v>0</v>
      </c>
      <c r="U156" s="61">
        <v>0</v>
      </c>
      <c r="V156" s="61">
        <v>0</v>
      </c>
      <c r="W156" s="61">
        <v>0</v>
      </c>
      <c r="X156" s="61">
        <v>0</v>
      </c>
      <c r="Y156" s="61">
        <v>0</v>
      </c>
      <c r="Z156" s="61">
        <v>0</v>
      </c>
      <c r="AA156" s="61">
        <v>0</v>
      </c>
      <c r="AB156" s="75">
        <v>0</v>
      </c>
      <c r="AC156" s="61">
        <v>0</v>
      </c>
      <c r="AD156" s="61">
        <v>0</v>
      </c>
      <c r="AE156" s="61">
        <v>0</v>
      </c>
      <c r="AF156" s="62">
        <v>0</v>
      </c>
      <c r="AG156" s="61">
        <v>0</v>
      </c>
      <c r="AH156" s="61">
        <v>0</v>
      </c>
      <c r="AI156" s="61">
        <v>127</v>
      </c>
      <c r="AJ156" s="61">
        <v>127</v>
      </c>
      <c r="AK156" s="61">
        <v>127</v>
      </c>
      <c r="AL156" s="61">
        <v>127</v>
      </c>
      <c r="AM156" s="61">
        <v>0</v>
      </c>
      <c r="AN156" s="75">
        <v>0</v>
      </c>
    </row>
    <row r="157" spans="1:41" s="62" customFormat="1" hidden="1" outlineLevel="2">
      <c r="A157" s="61" t="s">
        <v>812</v>
      </c>
      <c r="B157" s="61" t="s">
        <v>813</v>
      </c>
      <c r="C157" s="71" t="s">
        <v>814</v>
      </c>
      <c r="D157" s="72" t="s">
        <v>1058</v>
      </c>
      <c r="E157" s="73"/>
      <c r="F157" s="62">
        <v>0</v>
      </c>
      <c r="G157" s="62">
        <v>0</v>
      </c>
      <c r="H157" s="62">
        <f t="shared" si="19"/>
        <v>0</v>
      </c>
      <c r="J157" s="62">
        <v>0</v>
      </c>
      <c r="K157" s="62">
        <f t="shared" si="20"/>
        <v>0</v>
      </c>
      <c r="M157" s="62">
        <v>0</v>
      </c>
      <c r="N157" s="62">
        <f t="shared" si="21"/>
        <v>0</v>
      </c>
      <c r="P157" s="74">
        <v>0</v>
      </c>
      <c r="Q157" s="61">
        <v>120.25</v>
      </c>
      <c r="R157" s="61">
        <v>-76.75</v>
      </c>
      <c r="S157" s="61">
        <v>0</v>
      </c>
      <c r="T157" s="62">
        <v>127.94</v>
      </c>
      <c r="U157" s="61">
        <v>-201.39000000000001</v>
      </c>
      <c r="V157" s="61">
        <v>0</v>
      </c>
      <c r="W157" s="61">
        <v>0</v>
      </c>
      <c r="X157" s="61">
        <v>0</v>
      </c>
      <c r="Y157" s="61">
        <v>0</v>
      </c>
      <c r="Z157" s="61">
        <v>0</v>
      </c>
      <c r="AA157" s="61">
        <v>0</v>
      </c>
      <c r="AB157" s="75">
        <v>0</v>
      </c>
      <c r="AC157" s="61">
        <v>0</v>
      </c>
      <c r="AD157" s="61">
        <v>0</v>
      </c>
      <c r="AE157" s="61">
        <v>0</v>
      </c>
      <c r="AF157" s="62">
        <v>0</v>
      </c>
      <c r="AG157" s="61">
        <v>0</v>
      </c>
      <c r="AH157" s="61">
        <v>0</v>
      </c>
      <c r="AI157" s="61">
        <v>0</v>
      </c>
      <c r="AJ157" s="61">
        <v>0</v>
      </c>
      <c r="AK157" s="61">
        <v>0</v>
      </c>
      <c r="AL157" s="61">
        <v>30.2</v>
      </c>
      <c r="AM157" s="61">
        <v>0</v>
      </c>
      <c r="AN157" s="75">
        <v>0</v>
      </c>
    </row>
    <row r="158" spans="1:41" s="62" customFormat="1" hidden="1" outlineLevel="2">
      <c r="A158" s="61" t="s">
        <v>605</v>
      </c>
      <c r="B158" s="61" t="s">
        <v>606</v>
      </c>
      <c r="C158" s="71" t="s">
        <v>607</v>
      </c>
      <c r="D158" s="72" t="s">
        <v>1058</v>
      </c>
      <c r="E158" s="73"/>
      <c r="F158" s="62">
        <v>42108.959999999999</v>
      </c>
      <c r="G158" s="62">
        <v>69103.600000000006</v>
      </c>
      <c r="H158" s="62">
        <f t="shared" si="19"/>
        <v>-26994.640000000007</v>
      </c>
      <c r="J158" s="62">
        <v>69103.600000000006</v>
      </c>
      <c r="K158" s="62">
        <f t="shared" si="20"/>
        <v>-26994.640000000007</v>
      </c>
      <c r="M158" s="62">
        <v>0</v>
      </c>
      <c r="N158" s="62">
        <f t="shared" si="21"/>
        <v>42108.959999999999</v>
      </c>
      <c r="P158" s="74">
        <v>216492.11000000002</v>
      </c>
      <c r="Q158" s="61">
        <v>111461.06</v>
      </c>
      <c r="R158" s="61">
        <v>81696.900000000009</v>
      </c>
      <c r="S158" s="61">
        <v>0</v>
      </c>
      <c r="T158" s="62">
        <v>0</v>
      </c>
      <c r="U158" s="61">
        <v>0</v>
      </c>
      <c r="V158" s="61">
        <v>0</v>
      </c>
      <c r="W158" s="61">
        <v>0</v>
      </c>
      <c r="X158" s="61">
        <v>0</v>
      </c>
      <c r="Y158" s="61">
        <v>0</v>
      </c>
      <c r="Z158" s="61">
        <v>0</v>
      </c>
      <c r="AA158" s="61">
        <v>0</v>
      </c>
      <c r="AB158" s="75">
        <v>69103.600000000006</v>
      </c>
      <c r="AC158" s="61">
        <v>153122.26999999999</v>
      </c>
      <c r="AD158" s="61">
        <v>153122.26999999999</v>
      </c>
      <c r="AE158" s="61">
        <v>0</v>
      </c>
      <c r="AF158" s="62">
        <v>0</v>
      </c>
      <c r="AG158" s="61">
        <v>0</v>
      </c>
      <c r="AH158" s="61">
        <v>0</v>
      </c>
      <c r="AI158" s="61">
        <v>0</v>
      </c>
      <c r="AJ158" s="61">
        <v>0</v>
      </c>
      <c r="AK158" s="61">
        <v>4205.88</v>
      </c>
      <c r="AL158" s="61">
        <v>4205.88</v>
      </c>
      <c r="AM158" s="61">
        <v>0</v>
      </c>
      <c r="AN158" s="75">
        <v>42108.959999999999</v>
      </c>
    </row>
    <row r="159" spans="1:41" s="114" customFormat="1" ht="15" hidden="1" customHeight="1" outlineLevel="1">
      <c r="A159" s="113" t="s">
        <v>1094</v>
      </c>
      <c r="B159" s="114" t="s">
        <v>2</v>
      </c>
      <c r="C159" s="149" t="s">
        <v>1095</v>
      </c>
      <c r="D159" s="147" t="s">
        <v>1058</v>
      </c>
      <c r="E159" s="117"/>
      <c r="F159" s="128">
        <v>42108.959999999999</v>
      </c>
      <c r="G159" s="129">
        <v>69103.600000000006</v>
      </c>
      <c r="H159" s="129">
        <f t="shared" si="19"/>
        <v>-26994.640000000007</v>
      </c>
      <c r="I159" s="130"/>
      <c r="J159" s="129">
        <v>69103.600000000006</v>
      </c>
      <c r="K159" s="129">
        <f t="shared" si="20"/>
        <v>-26994.640000000007</v>
      </c>
      <c r="L159" s="129"/>
      <c r="M159" s="129">
        <v>0</v>
      </c>
      <c r="N159" s="129">
        <f t="shared" si="21"/>
        <v>42108.959999999999</v>
      </c>
      <c r="O159" s="131"/>
      <c r="P159" s="132">
        <v>216492.11000000002</v>
      </c>
      <c r="Q159" s="129">
        <v>111581.31</v>
      </c>
      <c r="R159" s="129">
        <v>81620.150000000009</v>
      </c>
      <c r="S159" s="129">
        <v>0</v>
      </c>
      <c r="T159" s="129">
        <v>127.94</v>
      </c>
      <c r="U159" s="129">
        <v>-201.39000000000001</v>
      </c>
      <c r="V159" s="129">
        <v>0</v>
      </c>
      <c r="W159" s="129">
        <v>198</v>
      </c>
      <c r="X159" s="129">
        <v>198</v>
      </c>
      <c r="Y159" s="129">
        <v>198</v>
      </c>
      <c r="Z159" s="129">
        <v>198</v>
      </c>
      <c r="AA159" s="129">
        <v>0</v>
      </c>
      <c r="AB159" s="133">
        <v>69103.600000000006</v>
      </c>
      <c r="AC159" s="129">
        <v>153122.26999999999</v>
      </c>
      <c r="AD159" s="129">
        <v>153122.26999999999</v>
      </c>
      <c r="AE159" s="129">
        <v>41541.01</v>
      </c>
      <c r="AF159" s="129">
        <v>0</v>
      </c>
      <c r="AG159" s="129">
        <v>0</v>
      </c>
      <c r="AH159" s="129">
        <v>0</v>
      </c>
      <c r="AI159" s="129">
        <v>127</v>
      </c>
      <c r="AJ159" s="129">
        <v>127</v>
      </c>
      <c r="AK159" s="129">
        <v>4332.88</v>
      </c>
      <c r="AL159" s="129">
        <v>4363.08</v>
      </c>
      <c r="AM159" s="129">
        <v>0</v>
      </c>
      <c r="AN159" s="133">
        <v>42108.959999999999</v>
      </c>
      <c r="AO159" s="134"/>
    </row>
    <row r="160" spans="1:41" s="114" customFormat="1" ht="15" hidden="1" customHeight="1" outlineLevel="1">
      <c r="A160" s="113"/>
      <c r="B160" s="114" t="s">
        <v>2</v>
      </c>
      <c r="C160" s="126" t="s">
        <v>1096</v>
      </c>
      <c r="D160" s="147" t="s">
        <v>1058</v>
      </c>
      <c r="E160" s="117"/>
      <c r="F160" s="128">
        <f>+F159+F152+F151+F149+F148+F147</f>
        <v>92573.546999999991</v>
      </c>
      <c r="G160" s="129">
        <f>+G159+G152+G151+G149+G148+G147</f>
        <v>162513.16700000002</v>
      </c>
      <c r="H160" s="129">
        <f t="shared" si="19"/>
        <v>-69939.620000000024</v>
      </c>
      <c r="I160" s="130"/>
      <c r="J160" s="129">
        <f>+J159+J152+J151+J149+J148+J147</f>
        <v>162513.16700000002</v>
      </c>
      <c r="K160" s="129">
        <f t="shared" si="20"/>
        <v>-69939.620000000024</v>
      </c>
      <c r="L160" s="129"/>
      <c r="M160" s="129">
        <f>+M159+M152+M151+M149+M148+M147</f>
        <v>546697.97699999996</v>
      </c>
      <c r="N160" s="129">
        <f t="shared" si="21"/>
        <v>-454124.42999999993</v>
      </c>
      <c r="O160" s="131"/>
      <c r="P160" s="132">
        <f t="shared" ref="P160:AN160" si="24">+P159+P152+P151+P149+P148+P147</f>
        <v>373052.67700000003</v>
      </c>
      <c r="Q160" s="129">
        <f t="shared" si="24"/>
        <v>259235.82699999999</v>
      </c>
      <c r="R160" s="129">
        <f t="shared" si="24"/>
        <v>185179.75700000001</v>
      </c>
      <c r="S160" s="129">
        <f t="shared" si="24"/>
        <v>88374.096999999994</v>
      </c>
      <c r="T160" s="129">
        <f t="shared" si="24"/>
        <v>94124.557000000001</v>
      </c>
      <c r="U160" s="129">
        <f t="shared" si="24"/>
        <v>64768.226999999999</v>
      </c>
      <c r="V160" s="129">
        <f t="shared" si="24"/>
        <v>71971.557000000001</v>
      </c>
      <c r="W160" s="129">
        <f t="shared" si="24"/>
        <v>177554.057</v>
      </c>
      <c r="X160" s="129">
        <f t="shared" si="24"/>
        <v>189387.777</v>
      </c>
      <c r="Y160" s="129">
        <f t="shared" si="24"/>
        <v>203167.467</v>
      </c>
      <c r="Z160" s="129">
        <f t="shared" si="24"/>
        <v>198015.72700000001</v>
      </c>
      <c r="AA160" s="129">
        <f t="shared" si="24"/>
        <v>196908.647</v>
      </c>
      <c r="AB160" s="133">
        <f t="shared" si="24"/>
        <v>162513.16700000002</v>
      </c>
      <c r="AC160" s="129">
        <f t="shared" si="24"/>
        <v>264044.73699999996</v>
      </c>
      <c r="AD160" s="129">
        <f t="shared" si="24"/>
        <v>237173.87699999998</v>
      </c>
      <c r="AE160" s="129">
        <f t="shared" si="24"/>
        <v>194379.91700000002</v>
      </c>
      <c r="AF160" s="129">
        <f t="shared" si="24"/>
        <v>170494.997</v>
      </c>
      <c r="AG160" s="129">
        <f t="shared" si="24"/>
        <v>347498.48700000002</v>
      </c>
      <c r="AH160" s="129">
        <f t="shared" si="24"/>
        <v>244421.367</v>
      </c>
      <c r="AI160" s="129">
        <f t="shared" si="24"/>
        <v>170835.87700000001</v>
      </c>
      <c r="AJ160" s="129">
        <f t="shared" si="24"/>
        <v>91795.626999999993</v>
      </c>
      <c r="AK160" s="129">
        <f t="shared" si="24"/>
        <v>54045.947</v>
      </c>
      <c r="AL160" s="129">
        <f t="shared" si="24"/>
        <v>525832.70699999994</v>
      </c>
      <c r="AM160" s="129">
        <f t="shared" si="24"/>
        <v>546697.97699999996</v>
      </c>
      <c r="AN160" s="133">
        <f t="shared" si="24"/>
        <v>92573.546999999991</v>
      </c>
      <c r="AO160" s="134"/>
    </row>
    <row r="161" spans="1:41" s="137" customFormat="1" ht="15" customHeight="1" collapsed="1">
      <c r="A161" s="136"/>
      <c r="B161" s="137" t="s">
        <v>2</v>
      </c>
      <c r="C161" s="138" t="s">
        <v>1097</v>
      </c>
      <c r="D161" s="146"/>
      <c r="E161" s="117"/>
      <c r="F161" s="139">
        <f>+F160+F143+F146</f>
        <v>1549474.4650000001</v>
      </c>
      <c r="G161" s="140">
        <f>+G160+G143+G146</f>
        <v>1465821.7770000002</v>
      </c>
      <c r="H161" s="140">
        <f t="shared" si="19"/>
        <v>83652.687999999849</v>
      </c>
      <c r="I161" s="141"/>
      <c r="J161" s="140">
        <f>+J160+J143+J146</f>
        <v>1465821.7770000002</v>
      </c>
      <c r="K161" s="140">
        <f t="shared" si="20"/>
        <v>83652.687999999849</v>
      </c>
      <c r="L161" s="140"/>
      <c r="M161" s="140">
        <f>+M160+M143+M146</f>
        <v>2120012.9649999999</v>
      </c>
      <c r="N161" s="140">
        <f t="shared" si="21"/>
        <v>-570538.49999999977</v>
      </c>
      <c r="O161" s="131"/>
      <c r="P161" s="142">
        <f t="shared" ref="P161:AN161" si="25">+P160+P143+P146</f>
        <v>1707153.6070000003</v>
      </c>
      <c r="Q161" s="140">
        <f t="shared" si="25"/>
        <v>1812079.1370000001</v>
      </c>
      <c r="R161" s="140">
        <f t="shared" si="25"/>
        <v>1528202.1370000001</v>
      </c>
      <c r="S161" s="140">
        <f t="shared" si="25"/>
        <v>1263340.6370000001</v>
      </c>
      <c r="T161" s="140">
        <f t="shared" si="25"/>
        <v>1121340.067</v>
      </c>
      <c r="U161" s="140">
        <f t="shared" si="25"/>
        <v>843654.03700000001</v>
      </c>
      <c r="V161" s="140">
        <f t="shared" si="25"/>
        <v>1906345.3470000001</v>
      </c>
      <c r="W161" s="140">
        <f t="shared" si="25"/>
        <v>2371742.9069999997</v>
      </c>
      <c r="X161" s="140">
        <f t="shared" si="25"/>
        <v>2109995.3370000003</v>
      </c>
      <c r="Y161" s="140">
        <f t="shared" si="25"/>
        <v>1978725.2269999997</v>
      </c>
      <c r="Z161" s="140">
        <f t="shared" si="25"/>
        <v>1825181.7170000002</v>
      </c>
      <c r="AA161" s="140">
        <f t="shared" si="25"/>
        <v>1637659.9369999999</v>
      </c>
      <c r="AB161" s="143">
        <f t="shared" si="25"/>
        <v>1465821.7770000002</v>
      </c>
      <c r="AC161" s="140">
        <f t="shared" si="25"/>
        <v>1809785.9469999999</v>
      </c>
      <c r="AD161" s="140">
        <f t="shared" si="25"/>
        <v>1620687.6469999999</v>
      </c>
      <c r="AE161" s="140">
        <f t="shared" si="25"/>
        <v>1388447.747</v>
      </c>
      <c r="AF161" s="140">
        <f t="shared" si="25"/>
        <v>1188111.997</v>
      </c>
      <c r="AG161" s="140">
        <f t="shared" si="25"/>
        <v>1167974.527</v>
      </c>
      <c r="AH161" s="140">
        <f t="shared" si="25"/>
        <v>2019337.3370000001</v>
      </c>
      <c r="AI161" s="140">
        <f t="shared" si="25"/>
        <v>2353261.6850000001</v>
      </c>
      <c r="AJ161" s="140">
        <f t="shared" si="25"/>
        <v>2100968.4450000003</v>
      </c>
      <c r="AK161" s="140">
        <f t="shared" si="25"/>
        <v>2116050.2149999999</v>
      </c>
      <c r="AL161" s="140">
        <f t="shared" si="25"/>
        <v>2190769.605</v>
      </c>
      <c r="AM161" s="140">
        <f t="shared" si="25"/>
        <v>2120012.9649999999</v>
      </c>
      <c r="AN161" s="143">
        <f t="shared" si="25"/>
        <v>1549474.4650000001</v>
      </c>
      <c r="AO161" s="144"/>
    </row>
    <row r="162" spans="1:41" s="137" customFormat="1" ht="15" customHeight="1">
      <c r="A162" s="136"/>
      <c r="B162" s="137" t="s">
        <v>2</v>
      </c>
      <c r="C162" s="159" t="s">
        <v>1098</v>
      </c>
      <c r="D162" s="160"/>
      <c r="E162" s="161"/>
      <c r="F162" s="162">
        <f>+F161+F116+F112+F107+F99+F85+F21+F16+F88+F91+F117</f>
        <v>33548470.579</v>
      </c>
      <c r="G162" s="163">
        <f>+G161+G116+G112+G107+G99+G85+G21+G16+G88+G91+G117</f>
        <v>27455167.634999998</v>
      </c>
      <c r="H162" s="163">
        <f t="shared" si="19"/>
        <v>6093302.944000002</v>
      </c>
      <c r="I162" s="141"/>
      <c r="J162" s="163">
        <f>+J161+J116+J112+J107+J99+J85+J21+J16+J88+J91+J117</f>
        <v>27455167.634999998</v>
      </c>
      <c r="K162" s="163">
        <f t="shared" si="20"/>
        <v>6093302.944000002</v>
      </c>
      <c r="L162" s="163"/>
      <c r="M162" s="163">
        <f>+M161+M116+M112+M107+M99+M85+M21+M16+M88+M91+M117</f>
        <v>26573986.607000001</v>
      </c>
      <c r="N162" s="163">
        <f t="shared" si="21"/>
        <v>6974483.9719999991</v>
      </c>
      <c r="O162" s="131"/>
      <c r="P162" s="164">
        <f t="shared" ref="P162:AN162" si="26">+P161+P116+P112+P107+P99+P85+P21+P16+P88+P91+P117</f>
        <v>215290445.35299996</v>
      </c>
      <c r="Q162" s="163">
        <f t="shared" si="26"/>
        <v>31055522.142999992</v>
      </c>
      <c r="R162" s="163">
        <f t="shared" si="26"/>
        <v>29084764.503000002</v>
      </c>
      <c r="S162" s="163">
        <f t="shared" si="26"/>
        <v>25423259.102999993</v>
      </c>
      <c r="T162" s="163">
        <f t="shared" si="26"/>
        <v>20802989.873</v>
      </c>
      <c r="U162" s="163">
        <f t="shared" si="26"/>
        <v>26489568.852999996</v>
      </c>
      <c r="V162" s="163">
        <f t="shared" si="26"/>
        <v>29731890.283000004</v>
      </c>
      <c r="W162" s="163">
        <f t="shared" si="26"/>
        <v>23041298.342999995</v>
      </c>
      <c r="X162" s="163">
        <f t="shared" si="26"/>
        <v>20080911.963</v>
      </c>
      <c r="Y162" s="163">
        <f t="shared" si="26"/>
        <v>27689067.702999998</v>
      </c>
      <c r="Z162" s="163">
        <f t="shared" si="26"/>
        <v>29912892.683000006</v>
      </c>
      <c r="AA162" s="163">
        <f t="shared" si="26"/>
        <v>21797731.013</v>
      </c>
      <c r="AB162" s="165">
        <f t="shared" si="26"/>
        <v>27455167.634999998</v>
      </c>
      <c r="AC162" s="163">
        <f t="shared" si="26"/>
        <v>34132347.383000001</v>
      </c>
      <c r="AD162" s="163">
        <f t="shared" si="26"/>
        <v>30640216.612999998</v>
      </c>
      <c r="AE162" s="163">
        <f t="shared" si="26"/>
        <v>31581226.954999994</v>
      </c>
      <c r="AF162" s="163">
        <f t="shared" si="26"/>
        <v>19550123.342999998</v>
      </c>
      <c r="AG162" s="163">
        <f t="shared" si="26"/>
        <v>26387864.289000001</v>
      </c>
      <c r="AH162" s="163">
        <f t="shared" si="26"/>
        <v>28958954.451000005</v>
      </c>
      <c r="AI162" s="163">
        <f t="shared" si="26"/>
        <v>27011559.186999992</v>
      </c>
      <c r="AJ162" s="163">
        <f t="shared" si="26"/>
        <v>25771879.956999999</v>
      </c>
      <c r="AK162" s="163">
        <f t="shared" si="26"/>
        <v>24874843.038999993</v>
      </c>
      <c r="AL162" s="163">
        <f t="shared" si="26"/>
        <v>17733241.396999996</v>
      </c>
      <c r="AM162" s="163">
        <f t="shared" si="26"/>
        <v>26573986.607000001</v>
      </c>
      <c r="AN162" s="165">
        <f t="shared" si="26"/>
        <v>33548470.579</v>
      </c>
      <c r="AO162" s="144"/>
    </row>
    <row r="163" spans="1:41" s="114" customFormat="1" ht="15" customHeight="1">
      <c r="A163" s="113"/>
      <c r="B163" s="114" t="s">
        <v>2</v>
      </c>
      <c r="C163" s="63"/>
      <c r="D163" s="146"/>
      <c r="E163" s="117"/>
      <c r="F163" s="128"/>
      <c r="G163" s="129"/>
      <c r="H163" s="129"/>
      <c r="I163" s="130"/>
      <c r="J163" s="129"/>
      <c r="K163" s="129"/>
      <c r="L163" s="129"/>
      <c r="M163" s="129"/>
      <c r="N163" s="129"/>
      <c r="O163" s="131"/>
      <c r="P163" s="132"/>
      <c r="Q163" s="129"/>
      <c r="R163" s="129"/>
      <c r="S163" s="129"/>
      <c r="T163" s="129"/>
      <c r="U163" s="129"/>
      <c r="V163" s="129"/>
      <c r="W163" s="129"/>
      <c r="X163" s="129"/>
      <c r="Y163" s="129"/>
      <c r="Z163" s="129"/>
      <c r="AA163" s="129"/>
      <c r="AB163" s="133"/>
      <c r="AC163" s="129"/>
      <c r="AD163" s="129"/>
      <c r="AE163" s="129"/>
      <c r="AF163" s="129"/>
      <c r="AG163" s="129"/>
      <c r="AH163" s="129"/>
      <c r="AI163" s="129"/>
      <c r="AJ163" s="129"/>
      <c r="AK163" s="129"/>
      <c r="AL163" s="129"/>
      <c r="AM163" s="129"/>
      <c r="AN163" s="133"/>
      <c r="AO163" s="134"/>
    </row>
    <row r="164" spans="1:41" s="114" customFormat="1" ht="2.25" hidden="1" customHeight="1" outlineLevel="1">
      <c r="A164" s="113"/>
      <c r="C164" s="63"/>
      <c r="D164" s="146"/>
      <c r="E164" s="117"/>
      <c r="F164" s="128"/>
      <c r="G164" s="129"/>
      <c r="H164" s="129"/>
      <c r="I164" s="130"/>
      <c r="J164" s="129"/>
      <c r="K164" s="129"/>
      <c r="L164" s="129"/>
      <c r="M164" s="129"/>
      <c r="N164" s="129"/>
      <c r="O164" s="131"/>
      <c r="P164" s="132"/>
      <c r="Q164" s="129"/>
      <c r="R164" s="129"/>
      <c r="S164" s="129"/>
      <c r="T164" s="129"/>
      <c r="U164" s="129"/>
      <c r="V164" s="129"/>
      <c r="W164" s="129"/>
      <c r="X164" s="129"/>
      <c r="Y164" s="129"/>
      <c r="Z164" s="129"/>
      <c r="AA164" s="129"/>
      <c r="AB164" s="133"/>
      <c r="AC164" s="129"/>
      <c r="AD164" s="129"/>
      <c r="AE164" s="129"/>
      <c r="AF164" s="129"/>
      <c r="AG164" s="129"/>
      <c r="AH164" s="129"/>
      <c r="AI164" s="129"/>
      <c r="AJ164" s="129"/>
      <c r="AK164" s="129"/>
      <c r="AL164" s="129"/>
      <c r="AM164" s="129"/>
      <c r="AN164" s="133"/>
      <c r="AO164" s="134"/>
    </row>
    <row r="165" spans="1:41" s="62" customFormat="1" hidden="1" outlineLevel="2">
      <c r="A165" s="61" t="s">
        <v>30</v>
      </c>
      <c r="B165" s="61" t="s">
        <v>31</v>
      </c>
      <c r="C165" s="71" t="s">
        <v>32</v>
      </c>
      <c r="D165" s="72" t="s">
        <v>1099</v>
      </c>
      <c r="E165" s="73"/>
      <c r="F165" s="62">
        <v>811236386.98000002</v>
      </c>
      <c r="G165" s="62">
        <v>779333644.89999998</v>
      </c>
      <c r="H165" s="62">
        <f t="shared" ref="H165:H170" si="27">+F165-G165</f>
        <v>31902742.080000043</v>
      </c>
      <c r="J165" s="62">
        <v>779333644.89999998</v>
      </c>
      <c r="K165" s="62">
        <f t="shared" ref="K165:K170" si="28">+F165-J165</f>
        <v>31902742.080000043</v>
      </c>
      <c r="M165" s="62">
        <v>809471157.5</v>
      </c>
      <c r="N165" s="62">
        <f t="shared" ref="N165:N170" si="29">+F165-M165</f>
        <v>1765229.4800000191</v>
      </c>
      <c r="P165" s="74">
        <v>744447708.29999995</v>
      </c>
      <c r="Q165" s="61">
        <v>748020378.77999997</v>
      </c>
      <c r="R165" s="61">
        <v>749434792.04999995</v>
      </c>
      <c r="S165" s="61">
        <v>756011977.51999998</v>
      </c>
      <c r="T165" s="62">
        <v>759141226.25999999</v>
      </c>
      <c r="U165" s="61">
        <v>760948985.09000003</v>
      </c>
      <c r="V165" s="61">
        <v>767771190.26999998</v>
      </c>
      <c r="W165" s="61">
        <v>768733611.76999998</v>
      </c>
      <c r="X165" s="61">
        <v>769551841.73000002</v>
      </c>
      <c r="Y165" s="61">
        <v>772211199.75</v>
      </c>
      <c r="Z165" s="61">
        <v>773897853.22000003</v>
      </c>
      <c r="AA165" s="61">
        <v>778602920.92999995</v>
      </c>
      <c r="AB165" s="75">
        <v>779333644.89999998</v>
      </c>
      <c r="AC165" s="61">
        <v>780857585.25</v>
      </c>
      <c r="AD165" s="61">
        <v>783048000.80999994</v>
      </c>
      <c r="AE165" s="61">
        <v>786349810.54999995</v>
      </c>
      <c r="AF165" s="62">
        <v>790233092.02999997</v>
      </c>
      <c r="AG165" s="61">
        <v>792271256.79999995</v>
      </c>
      <c r="AH165" s="61">
        <v>800756069.30999994</v>
      </c>
      <c r="AI165" s="61">
        <v>801797235.62</v>
      </c>
      <c r="AJ165" s="61">
        <v>803925665.73000002</v>
      </c>
      <c r="AK165" s="61">
        <v>806743398.50999999</v>
      </c>
      <c r="AL165" s="61">
        <v>808180528.19000006</v>
      </c>
      <c r="AM165" s="61">
        <v>809471157.5</v>
      </c>
      <c r="AN165" s="75">
        <v>811236386.98000002</v>
      </c>
    </row>
    <row r="166" spans="1:41" s="62" customFormat="1" hidden="1" outlineLevel="2">
      <c r="A166" s="61" t="s">
        <v>33</v>
      </c>
      <c r="B166" s="61" t="s">
        <v>34</v>
      </c>
      <c r="C166" s="71" t="s">
        <v>35</v>
      </c>
      <c r="D166" s="72" t="s">
        <v>1099</v>
      </c>
      <c r="E166" s="73"/>
      <c r="F166" s="62">
        <v>2617190.15</v>
      </c>
      <c r="G166" s="62">
        <v>2292438.7400000002</v>
      </c>
      <c r="H166" s="62">
        <f t="shared" si="27"/>
        <v>324751.40999999968</v>
      </c>
      <c r="J166" s="62">
        <v>2292438.7400000002</v>
      </c>
      <c r="K166" s="62">
        <f t="shared" si="28"/>
        <v>324751.40999999968</v>
      </c>
      <c r="M166" s="62">
        <v>2660896.9699999997</v>
      </c>
      <c r="N166" s="62">
        <f t="shared" si="29"/>
        <v>-43706.819999999832</v>
      </c>
      <c r="P166" s="74">
        <v>2638221.2400000002</v>
      </c>
      <c r="Q166" s="61">
        <v>2590703.0700000003</v>
      </c>
      <c r="R166" s="61">
        <v>2552809.0300000003</v>
      </c>
      <c r="S166" s="61">
        <v>2469302.7800000003</v>
      </c>
      <c r="T166" s="62">
        <v>2555941.5700000003</v>
      </c>
      <c r="U166" s="61">
        <v>2555941.5700000003</v>
      </c>
      <c r="V166" s="61">
        <v>2541061.3200000003</v>
      </c>
      <c r="W166" s="61">
        <v>2536577.2199999997</v>
      </c>
      <c r="X166" s="61">
        <v>2555059.4699999997</v>
      </c>
      <c r="Y166" s="61">
        <v>2556012.27</v>
      </c>
      <c r="Z166" s="61">
        <v>2567091.23</v>
      </c>
      <c r="AA166" s="61">
        <v>2486777.9900000002</v>
      </c>
      <c r="AB166" s="75">
        <v>2292438.7400000002</v>
      </c>
      <c r="AC166" s="61">
        <v>2468161.09</v>
      </c>
      <c r="AD166" s="61">
        <v>2469379.0300000003</v>
      </c>
      <c r="AE166" s="61">
        <v>2469379.0300000003</v>
      </c>
      <c r="AF166" s="62">
        <v>2487871.2999999998</v>
      </c>
      <c r="AG166" s="61">
        <v>2515895.5499999998</v>
      </c>
      <c r="AH166" s="61">
        <v>2554777.5099999998</v>
      </c>
      <c r="AI166" s="61">
        <v>2539860.56</v>
      </c>
      <c r="AJ166" s="61">
        <v>2532322.33</v>
      </c>
      <c r="AK166" s="61">
        <v>2538825.19</v>
      </c>
      <c r="AL166" s="61">
        <v>2546534.75</v>
      </c>
      <c r="AM166" s="61">
        <v>2660896.9699999997</v>
      </c>
      <c r="AN166" s="75">
        <v>2617190.15</v>
      </c>
    </row>
    <row r="167" spans="1:41" s="62" customFormat="1" hidden="1" outlineLevel="2">
      <c r="A167" s="61" t="s">
        <v>42</v>
      </c>
      <c r="B167" s="61" t="s">
        <v>43</v>
      </c>
      <c r="C167" s="71" t="s">
        <v>44</v>
      </c>
      <c r="D167" s="72" t="s">
        <v>1099</v>
      </c>
      <c r="E167" s="73"/>
      <c r="F167" s="62">
        <v>3346.76</v>
      </c>
      <c r="G167" s="62">
        <v>29260.880000000001</v>
      </c>
      <c r="H167" s="62">
        <f t="shared" si="27"/>
        <v>-25914.120000000003</v>
      </c>
      <c r="J167" s="62">
        <v>29260.880000000001</v>
      </c>
      <c r="K167" s="62">
        <f t="shared" si="28"/>
        <v>-25914.120000000003</v>
      </c>
      <c r="M167" s="62">
        <v>6695.56</v>
      </c>
      <c r="N167" s="62">
        <f t="shared" si="29"/>
        <v>-3348.8</v>
      </c>
      <c r="P167" s="74">
        <v>13674.94</v>
      </c>
      <c r="Q167" s="61">
        <v>7976.79</v>
      </c>
      <c r="R167" s="61">
        <v>29764.16</v>
      </c>
      <c r="S167" s="61">
        <v>86639.63</v>
      </c>
      <c r="T167" s="62">
        <v>0</v>
      </c>
      <c r="U167" s="61">
        <v>0</v>
      </c>
      <c r="V167" s="61">
        <v>0</v>
      </c>
      <c r="W167" s="61">
        <v>20850.16</v>
      </c>
      <c r="X167" s="61">
        <v>952.80000000000007</v>
      </c>
      <c r="Y167" s="61">
        <v>12031.56</v>
      </c>
      <c r="Z167" s="61">
        <v>37653.33</v>
      </c>
      <c r="AA167" s="61">
        <v>10052.969999999999</v>
      </c>
      <c r="AB167" s="75">
        <v>29260.880000000001</v>
      </c>
      <c r="AC167" s="61">
        <v>33517.230000000003</v>
      </c>
      <c r="AD167" s="61">
        <v>42295.03</v>
      </c>
      <c r="AE167" s="61">
        <v>70101.67</v>
      </c>
      <c r="AF167" s="62">
        <v>62380.18</v>
      </c>
      <c r="AG167" s="61">
        <v>45284.87</v>
      </c>
      <c r="AH167" s="61">
        <v>3254.9900000000002</v>
      </c>
      <c r="AI167" s="61">
        <v>0</v>
      </c>
      <c r="AJ167" s="61">
        <v>11023.79</v>
      </c>
      <c r="AK167" s="61">
        <v>13106.44</v>
      </c>
      <c r="AL167" s="61">
        <v>11928.09</v>
      </c>
      <c r="AM167" s="61">
        <v>6695.56</v>
      </c>
      <c r="AN167" s="75">
        <v>3346.76</v>
      </c>
    </row>
    <row r="168" spans="1:41" s="62" customFormat="1" hidden="1" outlineLevel="2">
      <c r="A168" s="61" t="s">
        <v>36</v>
      </c>
      <c r="B168" s="61" t="s">
        <v>37</v>
      </c>
      <c r="C168" s="71" t="s">
        <v>38</v>
      </c>
      <c r="D168" s="72" t="s">
        <v>1099</v>
      </c>
      <c r="E168" s="73"/>
      <c r="F168" s="62">
        <v>627603.73</v>
      </c>
      <c r="G168" s="62">
        <v>627603.73</v>
      </c>
      <c r="H168" s="62">
        <f t="shared" si="27"/>
        <v>0</v>
      </c>
      <c r="J168" s="62">
        <v>627603.73</v>
      </c>
      <c r="K168" s="62">
        <f t="shared" si="28"/>
        <v>0</v>
      </c>
      <c r="M168" s="62">
        <v>627603.73</v>
      </c>
      <c r="N168" s="62">
        <f t="shared" si="29"/>
        <v>0</v>
      </c>
      <c r="P168" s="74">
        <v>627603.73</v>
      </c>
      <c r="Q168" s="61">
        <v>627603.73</v>
      </c>
      <c r="R168" s="61">
        <v>627603.73</v>
      </c>
      <c r="S168" s="61">
        <v>627603.73</v>
      </c>
      <c r="T168" s="62">
        <v>627603.73</v>
      </c>
      <c r="U168" s="61">
        <v>627603.73</v>
      </c>
      <c r="V168" s="61">
        <v>627603.73</v>
      </c>
      <c r="W168" s="61">
        <v>627603.73</v>
      </c>
      <c r="X168" s="61">
        <v>627603.73</v>
      </c>
      <c r="Y168" s="61">
        <v>627603.73</v>
      </c>
      <c r="Z168" s="61">
        <v>627603.73</v>
      </c>
      <c r="AA168" s="61">
        <v>627603.73</v>
      </c>
      <c r="AB168" s="75">
        <v>627603.73</v>
      </c>
      <c r="AC168" s="61">
        <v>627603.73</v>
      </c>
      <c r="AD168" s="61">
        <v>627603.73</v>
      </c>
      <c r="AE168" s="61">
        <v>627603.73</v>
      </c>
      <c r="AF168" s="62">
        <v>627603.73</v>
      </c>
      <c r="AG168" s="61">
        <v>627603.73</v>
      </c>
      <c r="AH168" s="61">
        <v>627603.73</v>
      </c>
      <c r="AI168" s="61">
        <v>627603.73</v>
      </c>
      <c r="AJ168" s="61">
        <v>627603.73</v>
      </c>
      <c r="AK168" s="61">
        <v>627603.73</v>
      </c>
      <c r="AL168" s="61">
        <v>627603.73</v>
      </c>
      <c r="AM168" s="61">
        <v>627603.73</v>
      </c>
      <c r="AN168" s="75">
        <v>627603.73</v>
      </c>
    </row>
    <row r="169" spans="1:41" s="62" customFormat="1" hidden="1" outlineLevel="2">
      <c r="A169" s="61" t="s">
        <v>39</v>
      </c>
      <c r="B169" s="61" t="s">
        <v>40</v>
      </c>
      <c r="C169" s="71" t="s">
        <v>41</v>
      </c>
      <c r="D169" s="72" t="s">
        <v>1099</v>
      </c>
      <c r="E169" s="73"/>
      <c r="F169" s="62">
        <v>17979236.300000001</v>
      </c>
      <c r="G169" s="62">
        <v>18930941.690000001</v>
      </c>
      <c r="H169" s="62">
        <f t="shared" si="27"/>
        <v>-951705.3900000006</v>
      </c>
      <c r="J169" s="62">
        <v>18930941.690000001</v>
      </c>
      <c r="K169" s="62">
        <f t="shared" si="28"/>
        <v>-951705.3900000006</v>
      </c>
      <c r="M169" s="62">
        <v>16720808.16</v>
      </c>
      <c r="N169" s="62">
        <f t="shared" si="29"/>
        <v>1258428.1400000006</v>
      </c>
      <c r="P169" s="74">
        <v>26693673.379999999</v>
      </c>
      <c r="Q169" s="61">
        <v>24869534.050000001</v>
      </c>
      <c r="R169" s="61">
        <v>25524285.579999998</v>
      </c>
      <c r="S169" s="61">
        <v>23728915.239999998</v>
      </c>
      <c r="T169" s="62">
        <v>22711996.149999999</v>
      </c>
      <c r="U169" s="61">
        <v>22314059.73</v>
      </c>
      <c r="V169" s="61">
        <v>19539824.079999998</v>
      </c>
      <c r="W169" s="61">
        <v>21380234.68</v>
      </c>
      <c r="X169" s="61">
        <v>22818970.379999999</v>
      </c>
      <c r="Y169" s="61">
        <v>22850760.68</v>
      </c>
      <c r="Z169" s="61">
        <v>23653991.719999999</v>
      </c>
      <c r="AA169" s="61">
        <v>19491743.039999999</v>
      </c>
      <c r="AB169" s="75">
        <v>18930941.690000001</v>
      </c>
      <c r="AC169" s="61">
        <v>18435148.23</v>
      </c>
      <c r="AD169" s="61">
        <v>19375089.18</v>
      </c>
      <c r="AE169" s="61">
        <v>17797152.829999998</v>
      </c>
      <c r="AF169" s="62">
        <v>17334707.25</v>
      </c>
      <c r="AG169" s="61">
        <v>18409748.109999999</v>
      </c>
      <c r="AH169" s="61">
        <v>13244557.380000001</v>
      </c>
      <c r="AI169" s="61">
        <v>14471551.68</v>
      </c>
      <c r="AJ169" s="61">
        <v>14851257.710000001</v>
      </c>
      <c r="AK169" s="61">
        <v>14362584.41</v>
      </c>
      <c r="AL169" s="61">
        <v>15251753.23</v>
      </c>
      <c r="AM169" s="61">
        <v>16720808.16</v>
      </c>
      <c r="AN169" s="75">
        <v>17979236.300000001</v>
      </c>
    </row>
    <row r="170" spans="1:41" s="137" customFormat="1" ht="15" customHeight="1" collapsed="1">
      <c r="A170" s="136" t="s">
        <v>1100</v>
      </c>
      <c r="B170" s="137" t="s">
        <v>2</v>
      </c>
      <c r="C170" s="138" t="s">
        <v>1101</v>
      </c>
      <c r="D170" s="147" t="s">
        <v>1099</v>
      </c>
      <c r="E170" s="117"/>
      <c r="F170" s="139">
        <v>832463763.91999996</v>
      </c>
      <c r="G170" s="140">
        <v>801213889.94000006</v>
      </c>
      <c r="H170" s="140">
        <f t="shared" si="27"/>
        <v>31249873.9799999</v>
      </c>
      <c r="I170" s="141"/>
      <c r="J170" s="140">
        <v>801213889.94000006</v>
      </c>
      <c r="K170" s="140">
        <f t="shared" si="28"/>
        <v>31249873.9799999</v>
      </c>
      <c r="L170" s="140"/>
      <c r="M170" s="140">
        <v>829487161.91999996</v>
      </c>
      <c r="N170" s="140">
        <f t="shared" si="29"/>
        <v>2976602</v>
      </c>
      <c r="O170" s="131"/>
      <c r="P170" s="142">
        <v>774420881.59000003</v>
      </c>
      <c r="Q170" s="140">
        <v>776116196.41999996</v>
      </c>
      <c r="R170" s="140">
        <v>778169254.54999995</v>
      </c>
      <c r="S170" s="140">
        <v>782924438.89999998</v>
      </c>
      <c r="T170" s="140">
        <v>785036767.71000004</v>
      </c>
      <c r="U170" s="140">
        <v>786446590.12000012</v>
      </c>
      <c r="V170" s="140">
        <v>790479679.4000001</v>
      </c>
      <c r="W170" s="140">
        <v>793298877.55999994</v>
      </c>
      <c r="X170" s="140">
        <v>795554428.11000001</v>
      </c>
      <c r="Y170" s="140">
        <v>798257607.98999989</v>
      </c>
      <c r="Z170" s="140">
        <v>800784193.23000014</v>
      </c>
      <c r="AA170" s="140">
        <v>801219098.65999997</v>
      </c>
      <c r="AB170" s="143">
        <v>801213889.94000006</v>
      </c>
      <c r="AC170" s="140">
        <v>802422015.53000009</v>
      </c>
      <c r="AD170" s="140">
        <v>805562367.77999985</v>
      </c>
      <c r="AE170" s="140">
        <v>807314047.80999994</v>
      </c>
      <c r="AF170" s="140">
        <v>810745654.48999989</v>
      </c>
      <c r="AG170" s="140">
        <v>813869789.05999994</v>
      </c>
      <c r="AH170" s="140">
        <v>817186262.91999996</v>
      </c>
      <c r="AI170" s="140">
        <v>819436251.58999991</v>
      </c>
      <c r="AJ170" s="140">
        <v>821947873.29000008</v>
      </c>
      <c r="AK170" s="140">
        <v>824285518.28000009</v>
      </c>
      <c r="AL170" s="140">
        <v>826618347.99000013</v>
      </c>
      <c r="AM170" s="140">
        <v>829487161.91999996</v>
      </c>
      <c r="AN170" s="143">
        <v>832463763.91999996</v>
      </c>
      <c r="AO170" s="144"/>
    </row>
    <row r="171" spans="1:41" s="114" customFormat="1" ht="3.75" hidden="1" customHeight="1" outlineLevel="1">
      <c r="A171" s="113"/>
      <c r="C171" s="63"/>
      <c r="D171" s="146"/>
      <c r="E171" s="117"/>
      <c r="F171" s="128"/>
      <c r="G171" s="129"/>
      <c r="H171" s="129"/>
      <c r="I171" s="130"/>
      <c r="J171" s="129"/>
      <c r="K171" s="129"/>
      <c r="L171" s="129"/>
      <c r="M171" s="129"/>
      <c r="N171" s="129"/>
      <c r="O171" s="131"/>
      <c r="P171" s="132"/>
      <c r="Q171" s="129"/>
      <c r="R171" s="129"/>
      <c r="S171" s="129"/>
      <c r="T171" s="129"/>
      <c r="U171" s="129"/>
      <c r="V171" s="129"/>
      <c r="W171" s="129"/>
      <c r="X171" s="129"/>
      <c r="Y171" s="129"/>
      <c r="Z171" s="129"/>
      <c r="AA171" s="129"/>
      <c r="AB171" s="133"/>
      <c r="AC171" s="129"/>
      <c r="AD171" s="129"/>
      <c r="AE171" s="129"/>
      <c r="AF171" s="129"/>
      <c r="AG171" s="129"/>
      <c r="AH171" s="129"/>
      <c r="AI171" s="129"/>
      <c r="AJ171" s="129"/>
      <c r="AK171" s="129"/>
      <c r="AL171" s="129"/>
      <c r="AM171" s="129"/>
      <c r="AN171" s="133"/>
      <c r="AO171" s="134"/>
    </row>
    <row r="172" spans="1:41" s="137" customFormat="1" ht="15" customHeight="1" collapsed="1">
      <c r="A172" s="136" t="s">
        <v>1102</v>
      </c>
      <c r="B172" s="137" t="s">
        <v>2</v>
      </c>
      <c r="C172" s="138" t="s">
        <v>1103</v>
      </c>
      <c r="D172" s="147" t="s">
        <v>1104</v>
      </c>
      <c r="E172" s="117"/>
      <c r="F172" s="139">
        <v>0</v>
      </c>
      <c r="G172" s="140">
        <v>0</v>
      </c>
      <c r="H172" s="140">
        <f>+F172-G172</f>
        <v>0</v>
      </c>
      <c r="I172" s="141"/>
      <c r="J172" s="140">
        <v>0</v>
      </c>
      <c r="K172" s="140">
        <f>+F172-J172</f>
        <v>0</v>
      </c>
      <c r="L172" s="140"/>
      <c r="M172" s="140">
        <v>0</v>
      </c>
      <c r="N172" s="140">
        <f>+F172-M172</f>
        <v>0</v>
      </c>
      <c r="O172" s="131"/>
      <c r="P172" s="142">
        <v>0</v>
      </c>
      <c r="Q172" s="140">
        <v>0</v>
      </c>
      <c r="R172" s="140">
        <v>0</v>
      </c>
      <c r="S172" s="140">
        <v>0</v>
      </c>
      <c r="T172" s="140">
        <v>0</v>
      </c>
      <c r="U172" s="140">
        <v>0</v>
      </c>
      <c r="V172" s="140">
        <v>0</v>
      </c>
      <c r="W172" s="140">
        <v>0</v>
      </c>
      <c r="X172" s="140">
        <v>0</v>
      </c>
      <c r="Y172" s="140">
        <v>0</v>
      </c>
      <c r="Z172" s="140">
        <v>0</v>
      </c>
      <c r="AA172" s="140">
        <v>0</v>
      </c>
      <c r="AB172" s="143">
        <v>0</v>
      </c>
      <c r="AC172" s="140">
        <v>0</v>
      </c>
      <c r="AD172" s="140">
        <v>0</v>
      </c>
      <c r="AE172" s="140">
        <v>0</v>
      </c>
      <c r="AF172" s="140">
        <v>0</v>
      </c>
      <c r="AG172" s="140">
        <v>0</v>
      </c>
      <c r="AH172" s="140">
        <v>0</v>
      </c>
      <c r="AI172" s="140">
        <v>0</v>
      </c>
      <c r="AJ172" s="140">
        <v>0</v>
      </c>
      <c r="AK172" s="140">
        <v>0</v>
      </c>
      <c r="AL172" s="140">
        <v>0</v>
      </c>
      <c r="AM172" s="140">
        <v>0</v>
      </c>
      <c r="AN172" s="143">
        <v>0</v>
      </c>
      <c r="AO172" s="144"/>
    </row>
    <row r="173" spans="1:41" s="114" customFormat="1" ht="3" hidden="1" customHeight="1" outlineLevel="1">
      <c r="A173" s="113"/>
      <c r="C173" s="63"/>
      <c r="D173" s="146"/>
      <c r="E173" s="117"/>
      <c r="F173" s="128"/>
      <c r="G173" s="129"/>
      <c r="H173" s="129"/>
      <c r="I173" s="130"/>
      <c r="J173" s="129"/>
      <c r="K173" s="129"/>
      <c r="L173" s="129"/>
      <c r="M173" s="129"/>
      <c r="N173" s="129"/>
      <c r="O173" s="131"/>
      <c r="P173" s="132"/>
      <c r="Q173" s="129"/>
      <c r="R173" s="129"/>
      <c r="S173" s="129"/>
      <c r="T173" s="129"/>
      <c r="U173" s="129"/>
      <c r="V173" s="129"/>
      <c r="W173" s="129"/>
      <c r="X173" s="129"/>
      <c r="Y173" s="129"/>
      <c r="Z173" s="129"/>
      <c r="AA173" s="129"/>
      <c r="AB173" s="133"/>
      <c r="AC173" s="129"/>
      <c r="AD173" s="129"/>
      <c r="AE173" s="129"/>
      <c r="AF173" s="129"/>
      <c r="AG173" s="129"/>
      <c r="AH173" s="129"/>
      <c r="AI173" s="129"/>
      <c r="AJ173" s="129"/>
      <c r="AK173" s="129"/>
      <c r="AL173" s="129"/>
      <c r="AM173" s="129"/>
      <c r="AN173" s="133"/>
      <c r="AO173" s="134"/>
    </row>
    <row r="174" spans="1:41" s="137" customFormat="1" ht="15" customHeight="1" collapsed="1">
      <c r="A174" s="136" t="s">
        <v>1105</v>
      </c>
      <c r="B174" s="137" t="s">
        <v>2</v>
      </c>
      <c r="C174" s="138" t="s">
        <v>1106</v>
      </c>
      <c r="D174" s="147" t="s">
        <v>1107</v>
      </c>
      <c r="E174" s="117"/>
      <c r="F174" s="139">
        <v>0</v>
      </c>
      <c r="G174" s="140">
        <v>0</v>
      </c>
      <c r="H174" s="140">
        <f>+F174-G174</f>
        <v>0</v>
      </c>
      <c r="I174" s="141"/>
      <c r="J174" s="140">
        <v>0</v>
      </c>
      <c r="K174" s="140">
        <f>+F174-J174</f>
        <v>0</v>
      </c>
      <c r="L174" s="140"/>
      <c r="M174" s="140">
        <v>0</v>
      </c>
      <c r="N174" s="140">
        <f>+F174-M174</f>
        <v>0</v>
      </c>
      <c r="O174" s="131"/>
      <c r="P174" s="142">
        <v>0</v>
      </c>
      <c r="Q174" s="140">
        <v>0</v>
      </c>
      <c r="R174" s="140">
        <v>0</v>
      </c>
      <c r="S174" s="140">
        <v>0</v>
      </c>
      <c r="T174" s="140">
        <v>0</v>
      </c>
      <c r="U174" s="140">
        <v>0</v>
      </c>
      <c r="V174" s="140">
        <v>0</v>
      </c>
      <c r="W174" s="140">
        <v>0</v>
      </c>
      <c r="X174" s="140">
        <v>0</v>
      </c>
      <c r="Y174" s="140">
        <v>0</v>
      </c>
      <c r="Z174" s="140">
        <v>0</v>
      </c>
      <c r="AA174" s="140">
        <v>0</v>
      </c>
      <c r="AB174" s="143">
        <v>0</v>
      </c>
      <c r="AC174" s="140">
        <v>0</v>
      </c>
      <c r="AD174" s="140">
        <v>0</v>
      </c>
      <c r="AE174" s="140">
        <v>0</v>
      </c>
      <c r="AF174" s="140">
        <v>0</v>
      </c>
      <c r="AG174" s="140">
        <v>0</v>
      </c>
      <c r="AH174" s="140">
        <v>0</v>
      </c>
      <c r="AI174" s="140">
        <v>0</v>
      </c>
      <c r="AJ174" s="140">
        <v>0</v>
      </c>
      <c r="AK174" s="140">
        <v>0</v>
      </c>
      <c r="AL174" s="140">
        <v>0</v>
      </c>
      <c r="AM174" s="140">
        <v>0</v>
      </c>
      <c r="AN174" s="143">
        <v>0</v>
      </c>
      <c r="AO174" s="144"/>
    </row>
    <row r="175" spans="1:41" s="114" customFormat="1" ht="3" hidden="1" customHeight="1" outlineLevel="1">
      <c r="A175" s="113"/>
      <c r="C175" s="145"/>
      <c r="D175" s="146"/>
      <c r="E175" s="117"/>
      <c r="F175" s="128"/>
      <c r="G175" s="129"/>
      <c r="H175" s="129"/>
      <c r="I175" s="130"/>
      <c r="J175" s="129"/>
      <c r="K175" s="129"/>
      <c r="L175" s="129"/>
      <c r="M175" s="129"/>
      <c r="N175" s="129"/>
      <c r="O175" s="131"/>
      <c r="P175" s="132"/>
      <c r="Q175" s="129"/>
      <c r="R175" s="129"/>
      <c r="S175" s="129"/>
      <c r="T175" s="129"/>
      <c r="U175" s="129"/>
      <c r="V175" s="129"/>
      <c r="W175" s="129"/>
      <c r="X175" s="129"/>
      <c r="Y175" s="129"/>
      <c r="Z175" s="129"/>
      <c r="AA175" s="129"/>
      <c r="AB175" s="133"/>
      <c r="AC175" s="129"/>
      <c r="AD175" s="129"/>
      <c r="AE175" s="129"/>
      <c r="AF175" s="129"/>
      <c r="AG175" s="129"/>
      <c r="AH175" s="129"/>
      <c r="AI175" s="129"/>
      <c r="AJ175" s="129"/>
      <c r="AK175" s="129"/>
      <c r="AL175" s="129"/>
      <c r="AM175" s="129"/>
      <c r="AN175" s="133"/>
      <c r="AO175" s="134"/>
    </row>
    <row r="176" spans="1:41" s="62" customFormat="1" hidden="1" outlineLevel="2">
      <c r="A176" s="61" t="s">
        <v>487</v>
      </c>
      <c r="B176" s="61" t="s">
        <v>488</v>
      </c>
      <c r="C176" s="71" t="s">
        <v>489</v>
      </c>
      <c r="D176" s="72" t="s">
        <v>1108</v>
      </c>
      <c r="E176" s="73"/>
      <c r="F176" s="62">
        <v>199571</v>
      </c>
      <c r="G176" s="62">
        <v>199571</v>
      </c>
      <c r="H176" s="62">
        <f t="shared" ref="H176:H181" si="30">+F176-G176</f>
        <v>0</v>
      </c>
      <c r="J176" s="62">
        <v>199571</v>
      </c>
      <c r="K176" s="62">
        <f t="shared" ref="K176:K181" si="31">+F176-J176</f>
        <v>0</v>
      </c>
      <c r="M176" s="62">
        <v>199571</v>
      </c>
      <c r="N176" s="62">
        <f t="shared" ref="N176:N181" si="32">+F176-M176</f>
        <v>0</v>
      </c>
      <c r="P176" s="74">
        <v>199571</v>
      </c>
      <c r="Q176" s="61">
        <v>199571</v>
      </c>
      <c r="R176" s="61">
        <v>199571</v>
      </c>
      <c r="S176" s="61">
        <v>199571</v>
      </c>
      <c r="T176" s="62">
        <v>199571</v>
      </c>
      <c r="U176" s="61">
        <v>199571</v>
      </c>
      <c r="V176" s="61">
        <v>199571</v>
      </c>
      <c r="W176" s="61">
        <v>199571</v>
      </c>
      <c r="X176" s="61">
        <v>199571</v>
      </c>
      <c r="Y176" s="61">
        <v>199571</v>
      </c>
      <c r="Z176" s="61">
        <v>199571</v>
      </c>
      <c r="AA176" s="61">
        <v>199571</v>
      </c>
      <c r="AB176" s="75">
        <v>199571</v>
      </c>
      <c r="AC176" s="61">
        <v>199571</v>
      </c>
      <c r="AD176" s="61">
        <v>199571</v>
      </c>
      <c r="AE176" s="61">
        <v>199571</v>
      </c>
      <c r="AF176" s="62">
        <v>199571</v>
      </c>
      <c r="AG176" s="61">
        <v>199571</v>
      </c>
      <c r="AH176" s="61">
        <v>199571</v>
      </c>
      <c r="AI176" s="61">
        <v>199571</v>
      </c>
      <c r="AJ176" s="61">
        <v>199571</v>
      </c>
      <c r="AK176" s="61">
        <v>199571</v>
      </c>
      <c r="AL176" s="61">
        <v>199571</v>
      </c>
      <c r="AM176" s="61">
        <v>199571</v>
      </c>
      <c r="AN176" s="75">
        <v>199571</v>
      </c>
    </row>
    <row r="177" spans="1:41" s="114" customFormat="1" ht="15" hidden="1" customHeight="1" outlineLevel="1">
      <c r="A177" s="113" t="s">
        <v>1109</v>
      </c>
      <c r="B177" s="114" t="s">
        <v>2</v>
      </c>
      <c r="C177" s="126" t="s">
        <v>1110</v>
      </c>
      <c r="D177" s="147" t="s">
        <v>1108</v>
      </c>
      <c r="E177" s="117"/>
      <c r="F177" s="128">
        <v>199571</v>
      </c>
      <c r="G177" s="129">
        <v>199571</v>
      </c>
      <c r="H177" s="129">
        <f t="shared" si="30"/>
        <v>0</v>
      </c>
      <c r="I177" s="130"/>
      <c r="J177" s="129">
        <v>199571</v>
      </c>
      <c r="K177" s="129">
        <f t="shared" si="31"/>
        <v>0</v>
      </c>
      <c r="L177" s="129"/>
      <c r="M177" s="129">
        <v>199571</v>
      </c>
      <c r="N177" s="129">
        <f t="shared" si="32"/>
        <v>0</v>
      </c>
      <c r="O177" s="131"/>
      <c r="P177" s="132">
        <v>199571</v>
      </c>
      <c r="Q177" s="129">
        <v>199571</v>
      </c>
      <c r="R177" s="129">
        <v>199571</v>
      </c>
      <c r="S177" s="129">
        <v>199571</v>
      </c>
      <c r="T177" s="129">
        <v>199571</v>
      </c>
      <c r="U177" s="129">
        <v>199571</v>
      </c>
      <c r="V177" s="129">
        <v>199571</v>
      </c>
      <c r="W177" s="129">
        <v>199571</v>
      </c>
      <c r="X177" s="129">
        <v>199571</v>
      </c>
      <c r="Y177" s="129">
        <v>199571</v>
      </c>
      <c r="Z177" s="129">
        <v>199571</v>
      </c>
      <c r="AA177" s="129">
        <v>199571</v>
      </c>
      <c r="AB177" s="133">
        <v>199571</v>
      </c>
      <c r="AC177" s="129">
        <v>199571</v>
      </c>
      <c r="AD177" s="129">
        <v>199571</v>
      </c>
      <c r="AE177" s="129">
        <v>199571</v>
      </c>
      <c r="AF177" s="129">
        <v>199571</v>
      </c>
      <c r="AG177" s="129">
        <v>199571</v>
      </c>
      <c r="AH177" s="129">
        <v>199571</v>
      </c>
      <c r="AI177" s="129">
        <v>199571</v>
      </c>
      <c r="AJ177" s="129">
        <v>199571</v>
      </c>
      <c r="AK177" s="129">
        <v>199571</v>
      </c>
      <c r="AL177" s="129">
        <v>199571</v>
      </c>
      <c r="AM177" s="129">
        <v>199571</v>
      </c>
      <c r="AN177" s="133">
        <v>199571</v>
      </c>
      <c r="AO177" s="134"/>
    </row>
    <row r="178" spans="1:41" s="114" customFormat="1" ht="15" hidden="1" customHeight="1" outlineLevel="1">
      <c r="A178" s="113" t="s">
        <v>1111</v>
      </c>
      <c r="B178" s="114" t="s">
        <v>2</v>
      </c>
      <c r="C178" s="149" t="s">
        <v>1112</v>
      </c>
      <c r="D178" s="147" t="s">
        <v>1108</v>
      </c>
      <c r="E178" s="117"/>
      <c r="F178" s="128">
        <v>0</v>
      </c>
      <c r="G178" s="129">
        <v>0</v>
      </c>
      <c r="H178" s="129">
        <f t="shared" si="30"/>
        <v>0</v>
      </c>
      <c r="I178" s="130"/>
      <c r="J178" s="129">
        <v>0</v>
      </c>
      <c r="K178" s="129">
        <f t="shared" si="31"/>
        <v>0</v>
      </c>
      <c r="L178" s="129"/>
      <c r="M178" s="129">
        <v>0</v>
      </c>
      <c r="N178" s="129">
        <f t="shared" si="32"/>
        <v>0</v>
      </c>
      <c r="O178" s="131"/>
      <c r="P178" s="132">
        <v>0</v>
      </c>
      <c r="Q178" s="129">
        <v>0</v>
      </c>
      <c r="R178" s="129">
        <v>0</v>
      </c>
      <c r="S178" s="129">
        <v>0</v>
      </c>
      <c r="T178" s="129">
        <v>0</v>
      </c>
      <c r="U178" s="129">
        <v>0</v>
      </c>
      <c r="V178" s="129">
        <v>0</v>
      </c>
      <c r="W178" s="129">
        <v>0</v>
      </c>
      <c r="X178" s="129">
        <v>0</v>
      </c>
      <c r="Y178" s="129">
        <v>0</v>
      </c>
      <c r="Z178" s="129">
        <v>0</v>
      </c>
      <c r="AA178" s="129">
        <v>0</v>
      </c>
      <c r="AB178" s="133">
        <v>0</v>
      </c>
      <c r="AC178" s="129">
        <v>0</v>
      </c>
      <c r="AD178" s="129">
        <v>0</v>
      </c>
      <c r="AE178" s="129">
        <v>0</v>
      </c>
      <c r="AF178" s="129">
        <v>0</v>
      </c>
      <c r="AG178" s="129">
        <v>0</v>
      </c>
      <c r="AH178" s="129">
        <v>0</v>
      </c>
      <c r="AI178" s="129">
        <v>0</v>
      </c>
      <c r="AJ178" s="129">
        <v>0</v>
      </c>
      <c r="AK178" s="129">
        <v>0</v>
      </c>
      <c r="AL178" s="129">
        <v>0</v>
      </c>
      <c r="AM178" s="129">
        <v>0</v>
      </c>
      <c r="AN178" s="133">
        <v>0</v>
      </c>
      <c r="AO178" s="134"/>
    </row>
    <row r="179" spans="1:41" s="114" customFormat="1" ht="15" hidden="1" customHeight="1" outlineLevel="1">
      <c r="A179" s="113" t="s">
        <v>1113</v>
      </c>
      <c r="B179" s="114" t="s">
        <v>2</v>
      </c>
      <c r="C179" s="149" t="s">
        <v>1114</v>
      </c>
      <c r="D179" s="147" t="s">
        <v>1108</v>
      </c>
      <c r="E179" s="117"/>
      <c r="F179" s="128">
        <v>0</v>
      </c>
      <c r="G179" s="129">
        <v>0</v>
      </c>
      <c r="H179" s="129">
        <f t="shared" si="30"/>
        <v>0</v>
      </c>
      <c r="I179" s="130"/>
      <c r="J179" s="129">
        <v>0</v>
      </c>
      <c r="K179" s="129">
        <f t="shared" si="31"/>
        <v>0</v>
      </c>
      <c r="L179" s="129"/>
      <c r="M179" s="129">
        <v>0</v>
      </c>
      <c r="N179" s="129">
        <f t="shared" si="32"/>
        <v>0</v>
      </c>
      <c r="O179" s="131"/>
      <c r="P179" s="132">
        <v>0</v>
      </c>
      <c r="Q179" s="129">
        <v>0</v>
      </c>
      <c r="R179" s="129">
        <v>0</v>
      </c>
      <c r="S179" s="129">
        <v>0</v>
      </c>
      <c r="T179" s="129">
        <v>0</v>
      </c>
      <c r="U179" s="129">
        <v>0</v>
      </c>
      <c r="V179" s="129">
        <v>0</v>
      </c>
      <c r="W179" s="129">
        <v>0</v>
      </c>
      <c r="X179" s="129">
        <v>0</v>
      </c>
      <c r="Y179" s="129">
        <v>0</v>
      </c>
      <c r="Z179" s="129">
        <v>0</v>
      </c>
      <c r="AA179" s="129">
        <v>0</v>
      </c>
      <c r="AB179" s="133">
        <v>0</v>
      </c>
      <c r="AC179" s="129">
        <v>0</v>
      </c>
      <c r="AD179" s="129">
        <v>0</v>
      </c>
      <c r="AE179" s="129">
        <v>0</v>
      </c>
      <c r="AF179" s="129">
        <v>0</v>
      </c>
      <c r="AG179" s="129">
        <v>0</v>
      </c>
      <c r="AH179" s="129">
        <v>0</v>
      </c>
      <c r="AI179" s="129">
        <v>0</v>
      </c>
      <c r="AJ179" s="129">
        <v>0</v>
      </c>
      <c r="AK179" s="129">
        <v>0</v>
      </c>
      <c r="AL179" s="129">
        <v>0</v>
      </c>
      <c r="AM179" s="129">
        <v>0</v>
      </c>
      <c r="AN179" s="133">
        <v>0</v>
      </c>
      <c r="AO179" s="134"/>
    </row>
    <row r="180" spans="1:41" s="114" customFormat="1" ht="15" hidden="1" customHeight="1" outlineLevel="1">
      <c r="A180" s="113"/>
      <c r="B180" s="114" t="s">
        <v>2</v>
      </c>
      <c r="C180" s="126" t="s">
        <v>1115</v>
      </c>
      <c r="D180" s="147" t="s">
        <v>1108</v>
      </c>
      <c r="E180" s="117"/>
      <c r="F180" s="128">
        <f>+F179+F178</f>
        <v>0</v>
      </c>
      <c r="G180" s="129">
        <f>+G179+G178</f>
        <v>0</v>
      </c>
      <c r="H180" s="129">
        <f t="shared" si="30"/>
        <v>0</v>
      </c>
      <c r="I180" s="130"/>
      <c r="J180" s="129">
        <f>+J179+J178</f>
        <v>0</v>
      </c>
      <c r="K180" s="129">
        <f t="shared" si="31"/>
        <v>0</v>
      </c>
      <c r="L180" s="129"/>
      <c r="M180" s="129">
        <f>+M179+M178</f>
        <v>0</v>
      </c>
      <c r="N180" s="129">
        <f t="shared" si="32"/>
        <v>0</v>
      </c>
      <c r="O180" s="131"/>
      <c r="P180" s="132">
        <f t="shared" ref="P180:AN180" si="33">+P179+P178</f>
        <v>0</v>
      </c>
      <c r="Q180" s="129">
        <f t="shared" si="33"/>
        <v>0</v>
      </c>
      <c r="R180" s="129">
        <f t="shared" si="33"/>
        <v>0</v>
      </c>
      <c r="S180" s="129">
        <f t="shared" si="33"/>
        <v>0</v>
      </c>
      <c r="T180" s="129">
        <f t="shared" si="33"/>
        <v>0</v>
      </c>
      <c r="U180" s="129">
        <f t="shared" si="33"/>
        <v>0</v>
      </c>
      <c r="V180" s="129">
        <f t="shared" si="33"/>
        <v>0</v>
      </c>
      <c r="W180" s="129">
        <f t="shared" si="33"/>
        <v>0</v>
      </c>
      <c r="X180" s="129">
        <f t="shared" si="33"/>
        <v>0</v>
      </c>
      <c r="Y180" s="129">
        <f t="shared" si="33"/>
        <v>0</v>
      </c>
      <c r="Z180" s="129">
        <f t="shared" si="33"/>
        <v>0</v>
      </c>
      <c r="AA180" s="129">
        <f t="shared" si="33"/>
        <v>0</v>
      </c>
      <c r="AB180" s="133">
        <f t="shared" si="33"/>
        <v>0</v>
      </c>
      <c r="AC180" s="129">
        <f t="shared" si="33"/>
        <v>0</v>
      </c>
      <c r="AD180" s="129">
        <f t="shared" si="33"/>
        <v>0</v>
      </c>
      <c r="AE180" s="129">
        <f t="shared" si="33"/>
        <v>0</v>
      </c>
      <c r="AF180" s="129">
        <f t="shared" si="33"/>
        <v>0</v>
      </c>
      <c r="AG180" s="129">
        <f t="shared" si="33"/>
        <v>0</v>
      </c>
      <c r="AH180" s="129">
        <f t="shared" si="33"/>
        <v>0</v>
      </c>
      <c r="AI180" s="129">
        <f t="shared" si="33"/>
        <v>0</v>
      </c>
      <c r="AJ180" s="129">
        <f t="shared" si="33"/>
        <v>0</v>
      </c>
      <c r="AK180" s="129">
        <f t="shared" si="33"/>
        <v>0</v>
      </c>
      <c r="AL180" s="129">
        <f t="shared" si="33"/>
        <v>0</v>
      </c>
      <c r="AM180" s="129">
        <f t="shared" si="33"/>
        <v>0</v>
      </c>
      <c r="AN180" s="133">
        <f t="shared" si="33"/>
        <v>0</v>
      </c>
      <c r="AO180" s="134"/>
    </row>
    <row r="181" spans="1:41" s="137" customFormat="1" ht="15" customHeight="1" collapsed="1">
      <c r="A181" s="136"/>
      <c r="B181" s="137" t="s">
        <v>2</v>
      </c>
      <c r="C181" s="138" t="s">
        <v>1116</v>
      </c>
      <c r="D181" s="146"/>
      <c r="E181" s="117"/>
      <c r="F181" s="139">
        <f>+F180+F177</f>
        <v>199571</v>
      </c>
      <c r="G181" s="140">
        <f>+G180+G177</f>
        <v>199571</v>
      </c>
      <c r="H181" s="140">
        <f t="shared" si="30"/>
        <v>0</v>
      </c>
      <c r="I181" s="141"/>
      <c r="J181" s="140">
        <f>+J180+J177</f>
        <v>199571</v>
      </c>
      <c r="K181" s="140">
        <f t="shared" si="31"/>
        <v>0</v>
      </c>
      <c r="L181" s="140"/>
      <c r="M181" s="140">
        <f>+M180+M177</f>
        <v>199571</v>
      </c>
      <c r="N181" s="140">
        <f t="shared" si="32"/>
        <v>0</v>
      </c>
      <c r="O181" s="131"/>
      <c r="P181" s="142">
        <f t="shared" ref="P181:AN181" si="34">+P180+P177</f>
        <v>199571</v>
      </c>
      <c r="Q181" s="140">
        <f t="shared" si="34"/>
        <v>199571</v>
      </c>
      <c r="R181" s="140">
        <f t="shared" si="34"/>
        <v>199571</v>
      </c>
      <c r="S181" s="140">
        <f t="shared" si="34"/>
        <v>199571</v>
      </c>
      <c r="T181" s="140">
        <f t="shared" si="34"/>
        <v>199571</v>
      </c>
      <c r="U181" s="140">
        <f t="shared" si="34"/>
        <v>199571</v>
      </c>
      <c r="V181" s="140">
        <f t="shared" si="34"/>
        <v>199571</v>
      </c>
      <c r="W181" s="140">
        <f t="shared" si="34"/>
        <v>199571</v>
      </c>
      <c r="X181" s="140">
        <f t="shared" si="34"/>
        <v>199571</v>
      </c>
      <c r="Y181" s="140">
        <f t="shared" si="34"/>
        <v>199571</v>
      </c>
      <c r="Z181" s="140">
        <f t="shared" si="34"/>
        <v>199571</v>
      </c>
      <c r="AA181" s="140">
        <f t="shared" si="34"/>
        <v>199571</v>
      </c>
      <c r="AB181" s="143">
        <f t="shared" si="34"/>
        <v>199571</v>
      </c>
      <c r="AC181" s="140">
        <f t="shared" si="34"/>
        <v>199571</v>
      </c>
      <c r="AD181" s="140">
        <f t="shared" si="34"/>
        <v>199571</v>
      </c>
      <c r="AE181" s="140">
        <f t="shared" si="34"/>
        <v>199571</v>
      </c>
      <c r="AF181" s="140">
        <f t="shared" si="34"/>
        <v>199571</v>
      </c>
      <c r="AG181" s="140">
        <f t="shared" si="34"/>
        <v>199571</v>
      </c>
      <c r="AH181" s="140">
        <f t="shared" si="34"/>
        <v>199571</v>
      </c>
      <c r="AI181" s="140">
        <f t="shared" si="34"/>
        <v>199571</v>
      </c>
      <c r="AJ181" s="140">
        <f t="shared" si="34"/>
        <v>199571</v>
      </c>
      <c r="AK181" s="140">
        <f t="shared" si="34"/>
        <v>199571</v>
      </c>
      <c r="AL181" s="140">
        <f t="shared" si="34"/>
        <v>199571</v>
      </c>
      <c r="AM181" s="140">
        <f t="shared" si="34"/>
        <v>199571</v>
      </c>
      <c r="AN181" s="143">
        <f t="shared" si="34"/>
        <v>199571</v>
      </c>
      <c r="AO181" s="144"/>
    </row>
    <row r="182" spans="1:41" s="137" customFormat="1" ht="3.75" hidden="1" customHeight="1" outlineLevel="1">
      <c r="A182" s="136"/>
      <c r="C182" s="138"/>
      <c r="D182" s="146"/>
      <c r="E182" s="117"/>
      <c r="F182" s="139"/>
      <c r="G182" s="140"/>
      <c r="H182" s="140"/>
      <c r="I182" s="141"/>
      <c r="J182" s="140"/>
      <c r="K182" s="140"/>
      <c r="L182" s="140"/>
      <c r="M182" s="140"/>
      <c r="N182" s="140"/>
      <c r="O182" s="131"/>
      <c r="P182" s="142"/>
      <c r="Q182" s="140"/>
      <c r="R182" s="140"/>
      <c r="S182" s="140"/>
      <c r="T182" s="140"/>
      <c r="U182" s="140"/>
      <c r="V182" s="140"/>
      <c r="W182" s="140"/>
      <c r="X182" s="140"/>
      <c r="Y182" s="140"/>
      <c r="Z182" s="140"/>
      <c r="AA182" s="140"/>
      <c r="AB182" s="143"/>
      <c r="AC182" s="140"/>
      <c r="AD182" s="140"/>
      <c r="AE182" s="140"/>
      <c r="AF182" s="140"/>
      <c r="AG182" s="140"/>
      <c r="AH182" s="140"/>
      <c r="AI182" s="140"/>
      <c r="AJ182" s="140"/>
      <c r="AK182" s="140"/>
      <c r="AL182" s="140"/>
      <c r="AM182" s="140"/>
      <c r="AN182" s="143"/>
      <c r="AO182" s="144"/>
    </row>
    <row r="183" spans="1:41" s="62" customFormat="1" hidden="1" outlineLevel="2">
      <c r="A183" s="61" t="s">
        <v>45</v>
      </c>
      <c r="B183" s="61" t="s">
        <v>46</v>
      </c>
      <c r="C183" s="71" t="s">
        <v>47</v>
      </c>
      <c r="D183" s="72" t="s">
        <v>1117</v>
      </c>
      <c r="E183" s="73"/>
      <c r="F183" s="62">
        <v>11054154.710999999</v>
      </c>
      <c r="G183" s="62">
        <v>11202862.367000001</v>
      </c>
      <c r="H183" s="62">
        <f>+F183-G183</f>
        <v>-148707.65600000136</v>
      </c>
      <c r="J183" s="62">
        <v>11202862.367000001</v>
      </c>
      <c r="K183" s="62">
        <f>+F183-J183</f>
        <v>-148707.65600000136</v>
      </c>
      <c r="M183" s="62">
        <v>9393351.2109999992</v>
      </c>
      <c r="N183" s="62">
        <f>+F183-M183</f>
        <v>1660803.5</v>
      </c>
      <c r="P183" s="74">
        <v>9509321.227</v>
      </c>
      <c r="Q183" s="61">
        <v>9737628.4069999997</v>
      </c>
      <c r="R183" s="61">
        <v>9638749.3969999999</v>
      </c>
      <c r="S183" s="61">
        <v>7540495.2570000002</v>
      </c>
      <c r="T183" s="62">
        <v>7965559.227</v>
      </c>
      <c r="U183" s="61">
        <v>9158948.977</v>
      </c>
      <c r="V183" s="61">
        <v>9187632.8369999994</v>
      </c>
      <c r="W183" s="61">
        <v>9524142.0069999993</v>
      </c>
      <c r="X183" s="61">
        <v>10761772.477</v>
      </c>
      <c r="Y183" s="61">
        <v>10445950.977</v>
      </c>
      <c r="Z183" s="61">
        <v>10868983.907</v>
      </c>
      <c r="AA183" s="61">
        <v>12005462.336999999</v>
      </c>
      <c r="AB183" s="75">
        <v>11202862.367000001</v>
      </c>
      <c r="AC183" s="61">
        <v>13066990.517000001</v>
      </c>
      <c r="AD183" s="61">
        <v>12140306.277000001</v>
      </c>
      <c r="AE183" s="61">
        <v>11774483.887</v>
      </c>
      <c r="AF183" s="62">
        <v>11042126.997</v>
      </c>
      <c r="AG183" s="61">
        <v>10998866.591</v>
      </c>
      <c r="AH183" s="61">
        <v>10071412.551000001</v>
      </c>
      <c r="AI183" s="61">
        <v>9787434.2009999994</v>
      </c>
      <c r="AJ183" s="61">
        <v>9395908.1909999996</v>
      </c>
      <c r="AK183" s="61">
        <v>9881431.2210000008</v>
      </c>
      <c r="AL183" s="61">
        <v>9960737.9309999999</v>
      </c>
      <c r="AM183" s="61">
        <v>9393351.2109999992</v>
      </c>
      <c r="AN183" s="75">
        <v>11054154.710999999</v>
      </c>
    </row>
    <row r="184" spans="1:41" s="137" customFormat="1" ht="15" customHeight="1" collapsed="1">
      <c r="A184" s="136" t="s">
        <v>1118</v>
      </c>
      <c r="B184" s="137" t="s">
        <v>2</v>
      </c>
      <c r="C184" s="138" t="s">
        <v>1119</v>
      </c>
      <c r="D184" s="147" t="s">
        <v>1117</v>
      </c>
      <c r="E184" s="117"/>
      <c r="F184" s="139">
        <v>11054154.710999999</v>
      </c>
      <c r="G184" s="140">
        <v>11202862.367000001</v>
      </c>
      <c r="H184" s="140">
        <f>+F184-G184</f>
        <v>-148707.65600000136</v>
      </c>
      <c r="I184" s="141"/>
      <c r="J184" s="140">
        <v>11202862.367000001</v>
      </c>
      <c r="K184" s="140">
        <f>+F184-J184</f>
        <v>-148707.65600000136</v>
      </c>
      <c r="L184" s="140"/>
      <c r="M184" s="140">
        <v>9393351.2109999992</v>
      </c>
      <c r="N184" s="140">
        <f>+F184-M184</f>
        <v>1660803.5</v>
      </c>
      <c r="O184" s="131"/>
      <c r="P184" s="142">
        <v>9509321.227</v>
      </c>
      <c r="Q184" s="140">
        <v>9737628.4069999997</v>
      </c>
      <c r="R184" s="140">
        <v>9638749.3969999999</v>
      </c>
      <c r="S184" s="140">
        <v>7540495.2570000002</v>
      </c>
      <c r="T184" s="140">
        <v>7965559.227</v>
      </c>
      <c r="U184" s="140">
        <v>9158948.977</v>
      </c>
      <c r="V184" s="140">
        <v>9187632.8369999994</v>
      </c>
      <c r="W184" s="140">
        <v>9524142.0069999993</v>
      </c>
      <c r="X184" s="140">
        <v>10761772.477</v>
      </c>
      <c r="Y184" s="140">
        <v>10445950.977</v>
      </c>
      <c r="Z184" s="140">
        <v>10868983.907</v>
      </c>
      <c r="AA184" s="140">
        <v>12005462.336999999</v>
      </c>
      <c r="AB184" s="143">
        <v>11202862.367000001</v>
      </c>
      <c r="AC184" s="140">
        <v>13066990.517000001</v>
      </c>
      <c r="AD184" s="140">
        <v>12140306.277000001</v>
      </c>
      <c r="AE184" s="140">
        <v>11774483.887</v>
      </c>
      <c r="AF184" s="140">
        <v>11042126.997</v>
      </c>
      <c r="AG184" s="140">
        <v>10998866.591</v>
      </c>
      <c r="AH184" s="140">
        <v>10071412.551000001</v>
      </c>
      <c r="AI184" s="140">
        <v>9787434.2009999994</v>
      </c>
      <c r="AJ184" s="140">
        <v>9395908.1909999996</v>
      </c>
      <c r="AK184" s="140">
        <v>9881431.2210000008</v>
      </c>
      <c r="AL184" s="140">
        <v>9960737.9309999999</v>
      </c>
      <c r="AM184" s="140">
        <v>9393351.2109999992</v>
      </c>
      <c r="AN184" s="143">
        <v>11054154.710999999</v>
      </c>
      <c r="AO184" s="144"/>
    </row>
    <row r="185" spans="1:41" s="137" customFormat="1" ht="15" customHeight="1">
      <c r="A185" s="113"/>
      <c r="B185" s="137" t="s">
        <v>2</v>
      </c>
      <c r="C185" s="64" t="s">
        <v>1120</v>
      </c>
      <c r="D185" s="146"/>
      <c r="E185" s="117"/>
      <c r="F185" s="139">
        <f>+F184+F181+F174+F172+F170</f>
        <v>843717489.63099992</v>
      </c>
      <c r="G185" s="140">
        <f>+G184+G181+G174+G172+G170</f>
        <v>812616323.30700004</v>
      </c>
      <c r="H185" s="140">
        <f>+F185-G185</f>
        <v>31101166.323999882</v>
      </c>
      <c r="I185" s="141"/>
      <c r="J185" s="140">
        <f>+J184+J181+J174+J172+J170</f>
        <v>812616323.30700004</v>
      </c>
      <c r="K185" s="140">
        <f>+F185-J185</f>
        <v>31101166.323999882</v>
      </c>
      <c r="L185" s="140"/>
      <c r="M185" s="140">
        <f>+M184+M181+M174+M172+M170</f>
        <v>839080084.13099992</v>
      </c>
      <c r="N185" s="140">
        <f>+F185-M185</f>
        <v>4637405.5</v>
      </c>
      <c r="O185" s="131"/>
      <c r="P185" s="142">
        <f t="shared" ref="P185:AN185" si="35">+P184+P181+P174+P172+P170</f>
        <v>784129773.81700003</v>
      </c>
      <c r="Q185" s="140">
        <f t="shared" si="35"/>
        <v>786053395.8269999</v>
      </c>
      <c r="R185" s="140">
        <f t="shared" si="35"/>
        <v>788007574.94699991</v>
      </c>
      <c r="S185" s="140">
        <f t="shared" si="35"/>
        <v>790664505.15699995</v>
      </c>
      <c r="T185" s="140">
        <f t="shared" si="35"/>
        <v>793201897.93700004</v>
      </c>
      <c r="U185" s="140">
        <f t="shared" si="35"/>
        <v>795805110.09700012</v>
      </c>
      <c r="V185" s="140">
        <f t="shared" si="35"/>
        <v>799866883.23700011</v>
      </c>
      <c r="W185" s="140">
        <f t="shared" si="35"/>
        <v>803022590.56699991</v>
      </c>
      <c r="X185" s="140">
        <f t="shared" si="35"/>
        <v>806515771.58700001</v>
      </c>
      <c r="Y185" s="140">
        <f t="shared" si="35"/>
        <v>808903129.96699989</v>
      </c>
      <c r="Z185" s="140">
        <f t="shared" si="35"/>
        <v>811852748.13700008</v>
      </c>
      <c r="AA185" s="140">
        <f t="shared" si="35"/>
        <v>813424131.99699998</v>
      </c>
      <c r="AB185" s="143">
        <f t="shared" si="35"/>
        <v>812616323.30700004</v>
      </c>
      <c r="AC185" s="140">
        <f t="shared" si="35"/>
        <v>815688577.04700005</v>
      </c>
      <c r="AD185" s="140">
        <f t="shared" si="35"/>
        <v>817902245.0569998</v>
      </c>
      <c r="AE185" s="140">
        <f t="shared" si="35"/>
        <v>819288102.69699991</v>
      </c>
      <c r="AF185" s="140">
        <f t="shared" si="35"/>
        <v>821987352.48699987</v>
      </c>
      <c r="AG185" s="140">
        <f t="shared" si="35"/>
        <v>825068226.6509999</v>
      </c>
      <c r="AH185" s="140">
        <f t="shared" si="35"/>
        <v>827457246.47099996</v>
      </c>
      <c r="AI185" s="140">
        <f t="shared" si="35"/>
        <v>829423256.79099989</v>
      </c>
      <c r="AJ185" s="140">
        <f t="shared" si="35"/>
        <v>831543352.48100007</v>
      </c>
      <c r="AK185" s="140">
        <f t="shared" si="35"/>
        <v>834366520.50100005</v>
      </c>
      <c r="AL185" s="140">
        <f t="shared" si="35"/>
        <v>836778656.92100012</v>
      </c>
      <c r="AM185" s="140">
        <f t="shared" si="35"/>
        <v>839080084.13099992</v>
      </c>
      <c r="AN185" s="143">
        <f t="shared" si="35"/>
        <v>843717489.63099992</v>
      </c>
      <c r="AO185" s="144"/>
    </row>
    <row r="186" spans="1:41" s="137" customFormat="1" ht="2.25" hidden="1" customHeight="1" outlineLevel="1">
      <c r="A186" s="113"/>
      <c r="C186" s="64"/>
      <c r="D186" s="146"/>
      <c r="E186" s="117"/>
      <c r="F186" s="139"/>
      <c r="G186" s="140"/>
      <c r="H186" s="140"/>
      <c r="I186" s="141"/>
      <c r="J186" s="140"/>
      <c r="K186" s="140"/>
      <c r="L186" s="140"/>
      <c r="M186" s="140"/>
      <c r="N186" s="140"/>
      <c r="O186" s="131"/>
      <c r="P186" s="142"/>
      <c r="Q186" s="140"/>
      <c r="R186" s="140"/>
      <c r="S186" s="140"/>
      <c r="T186" s="140"/>
      <c r="U186" s="140"/>
      <c r="V186" s="140"/>
      <c r="W186" s="140"/>
      <c r="X186" s="140"/>
      <c r="Y186" s="140"/>
      <c r="Z186" s="140"/>
      <c r="AA186" s="140"/>
      <c r="AB186" s="143"/>
      <c r="AC186" s="140"/>
      <c r="AD186" s="140"/>
      <c r="AE186" s="140"/>
      <c r="AF186" s="140"/>
      <c r="AG186" s="140"/>
      <c r="AH186" s="140"/>
      <c r="AI186" s="140"/>
      <c r="AJ186" s="140"/>
      <c r="AK186" s="140"/>
      <c r="AL186" s="140"/>
      <c r="AM186" s="140"/>
      <c r="AN186" s="143"/>
      <c r="AO186" s="144"/>
    </row>
    <row r="187" spans="1:41" s="62" customFormat="1" hidden="1" outlineLevel="2">
      <c r="A187" s="61" t="s">
        <v>48</v>
      </c>
      <c r="B187" s="61" t="s">
        <v>49</v>
      </c>
      <c r="C187" s="71" t="s">
        <v>50</v>
      </c>
      <c r="D187" s="72" t="s">
        <v>1121</v>
      </c>
      <c r="E187" s="73"/>
      <c r="F187" s="62">
        <v>-1291983.99</v>
      </c>
      <c r="G187" s="62">
        <v>-1014393.26</v>
      </c>
      <c r="H187" s="62">
        <f t="shared" ref="H187:H195" si="36">+F187-G187</f>
        <v>-277590.73</v>
      </c>
      <c r="J187" s="62">
        <v>-1014393.26</v>
      </c>
      <c r="K187" s="62">
        <f t="shared" ref="K187:K195" si="37">+F187-J187</f>
        <v>-277590.73</v>
      </c>
      <c r="M187" s="62">
        <v>-1331778.47</v>
      </c>
      <c r="N187" s="62">
        <f t="shared" ref="N187:N195" si="38">+F187-M187</f>
        <v>39794.479999999981</v>
      </c>
      <c r="P187" s="74">
        <v>-946834.83000000007</v>
      </c>
      <c r="Q187" s="61">
        <v>-947544.18</v>
      </c>
      <c r="R187" s="61">
        <v>-961021.06</v>
      </c>
      <c r="S187" s="61">
        <v>-900014.62</v>
      </c>
      <c r="T187" s="62">
        <v>-940664.54</v>
      </c>
      <c r="U187" s="61">
        <v>-982929.84</v>
      </c>
      <c r="V187" s="61">
        <v>-1010432.45</v>
      </c>
      <c r="W187" s="61">
        <v>-1047936.72</v>
      </c>
      <c r="X187" s="61">
        <v>-1088269.73</v>
      </c>
      <c r="Y187" s="61">
        <v>-1131044.81</v>
      </c>
      <c r="Z187" s="61">
        <v>-1174440.76</v>
      </c>
      <c r="AA187" s="61">
        <v>-1163716.58</v>
      </c>
      <c r="AB187" s="75">
        <v>-1014393.26</v>
      </c>
      <c r="AC187" s="61">
        <v>-1053728.95</v>
      </c>
      <c r="AD187" s="61">
        <v>-1093884.6299999999</v>
      </c>
      <c r="AE187" s="61">
        <v>-1134151.1000000001</v>
      </c>
      <c r="AF187" s="62">
        <v>-1158275.8600000001</v>
      </c>
      <c r="AG187" s="61">
        <v>-1193916.26</v>
      </c>
      <c r="AH187" s="61">
        <v>-1214575.26</v>
      </c>
      <c r="AI187" s="61">
        <v>-1251266.6299999999</v>
      </c>
      <c r="AJ187" s="61">
        <v>-1228456.78</v>
      </c>
      <c r="AK187" s="61">
        <v>-1268975.4100000001</v>
      </c>
      <c r="AL187" s="61">
        <v>-1307015.44</v>
      </c>
      <c r="AM187" s="61">
        <v>-1331778.47</v>
      </c>
      <c r="AN187" s="75">
        <v>-1291983.99</v>
      </c>
    </row>
    <row r="188" spans="1:41" s="62" customFormat="1" hidden="1" outlineLevel="2">
      <c r="A188" s="61" t="s">
        <v>51</v>
      </c>
      <c r="B188" s="61" t="s">
        <v>52</v>
      </c>
      <c r="C188" s="71" t="s">
        <v>53</v>
      </c>
      <c r="D188" s="72" t="s">
        <v>1121</v>
      </c>
      <c r="E188" s="73"/>
      <c r="F188" s="62">
        <v>-260033569.93099999</v>
      </c>
      <c r="G188" s="62">
        <v>-255038194.70100001</v>
      </c>
      <c r="H188" s="62">
        <f t="shared" si="36"/>
        <v>-4995375.2299999893</v>
      </c>
      <c r="J188" s="62">
        <v>-255038194.70100001</v>
      </c>
      <c r="K188" s="62">
        <f t="shared" si="37"/>
        <v>-4995375.2299999893</v>
      </c>
      <c r="M188" s="62">
        <v>-258998988.611</v>
      </c>
      <c r="N188" s="62">
        <f t="shared" si="38"/>
        <v>-1034581.3199999928</v>
      </c>
      <c r="P188" s="74">
        <v>-243141212.00099999</v>
      </c>
      <c r="Q188" s="61">
        <v>-244613634.45100001</v>
      </c>
      <c r="R188" s="61">
        <v>-246411875.581</v>
      </c>
      <c r="S188" s="61">
        <v>-248281661.38100001</v>
      </c>
      <c r="T188" s="62">
        <v>-250076030.40099999</v>
      </c>
      <c r="U188" s="61">
        <v>-251791197.40099999</v>
      </c>
      <c r="V188" s="61">
        <v>-253238863.65099999</v>
      </c>
      <c r="W188" s="61">
        <v>-253643233.82100001</v>
      </c>
      <c r="X188" s="61">
        <v>-253749689.551</v>
      </c>
      <c r="Y188" s="61">
        <v>-254399740.45100001</v>
      </c>
      <c r="Z188" s="61">
        <v>-255206509.301</v>
      </c>
      <c r="AA188" s="61">
        <v>-255555354.16100001</v>
      </c>
      <c r="AB188" s="75">
        <v>-255038194.70100001</v>
      </c>
      <c r="AC188" s="61">
        <v>-255258944.18099999</v>
      </c>
      <c r="AD188" s="61">
        <v>-256086506.921</v>
      </c>
      <c r="AE188" s="61">
        <v>-255919908.82100001</v>
      </c>
      <c r="AF188" s="62">
        <v>-256314345.50099999</v>
      </c>
      <c r="AG188" s="61">
        <v>-256778104.06099999</v>
      </c>
      <c r="AH188" s="61">
        <v>-257037934.97099999</v>
      </c>
      <c r="AI188" s="61">
        <v>-257554663.03099999</v>
      </c>
      <c r="AJ188" s="61">
        <v>-257938369.13100001</v>
      </c>
      <c r="AK188" s="61">
        <v>-258487054.40099999</v>
      </c>
      <c r="AL188" s="61">
        <v>-258816710.90099999</v>
      </c>
      <c r="AM188" s="61">
        <v>-258998988.611</v>
      </c>
      <c r="AN188" s="75">
        <v>-260033569.93099999</v>
      </c>
    </row>
    <row r="189" spans="1:41" s="62" customFormat="1" hidden="1" outlineLevel="2">
      <c r="A189" s="61" t="s">
        <v>54</v>
      </c>
      <c r="B189" s="61" t="s">
        <v>55</v>
      </c>
      <c r="C189" s="71" t="s">
        <v>56</v>
      </c>
      <c r="D189" s="72" t="s">
        <v>1121</v>
      </c>
      <c r="E189" s="73"/>
      <c r="F189" s="62">
        <v>1007379.977</v>
      </c>
      <c r="G189" s="62">
        <v>1103760.1000000001</v>
      </c>
      <c r="H189" s="62">
        <f t="shared" si="36"/>
        <v>-96380.123000000138</v>
      </c>
      <c r="J189" s="62">
        <v>1103760.1000000001</v>
      </c>
      <c r="K189" s="62">
        <f t="shared" si="37"/>
        <v>-96380.123000000138</v>
      </c>
      <c r="M189" s="62">
        <v>995376.83700000006</v>
      </c>
      <c r="N189" s="62">
        <f t="shared" si="38"/>
        <v>12003.139999999898</v>
      </c>
      <c r="P189" s="74">
        <v>1121826.01</v>
      </c>
      <c r="Q189" s="61">
        <v>957284.59</v>
      </c>
      <c r="R189" s="61">
        <v>1219069.49</v>
      </c>
      <c r="S189" s="61">
        <v>1226505.1599999999</v>
      </c>
      <c r="T189" s="62">
        <v>1207984.69</v>
      </c>
      <c r="U189" s="61">
        <v>1291424.92</v>
      </c>
      <c r="V189" s="61">
        <v>883716</v>
      </c>
      <c r="W189" s="61">
        <v>1053480.8</v>
      </c>
      <c r="X189" s="61">
        <v>1085645.8500000001</v>
      </c>
      <c r="Y189" s="61">
        <v>950429.74</v>
      </c>
      <c r="Z189" s="61">
        <v>1213554.8</v>
      </c>
      <c r="AA189" s="61">
        <v>1301989.01</v>
      </c>
      <c r="AB189" s="75">
        <v>1103760.1000000001</v>
      </c>
      <c r="AC189" s="61">
        <v>1172088.6000000001</v>
      </c>
      <c r="AD189" s="61">
        <v>1245744.48</v>
      </c>
      <c r="AE189" s="61">
        <v>1050835.21</v>
      </c>
      <c r="AF189" s="62">
        <v>878191.89</v>
      </c>
      <c r="AG189" s="61">
        <v>972780.397</v>
      </c>
      <c r="AH189" s="61">
        <v>880742.65700000001</v>
      </c>
      <c r="AI189" s="61">
        <v>977432.51699999999</v>
      </c>
      <c r="AJ189" s="61">
        <v>950554.85699999996</v>
      </c>
      <c r="AK189" s="61">
        <v>891491.147</v>
      </c>
      <c r="AL189" s="61">
        <v>946621.11699999997</v>
      </c>
      <c r="AM189" s="61">
        <v>995376.83700000006</v>
      </c>
      <c r="AN189" s="75">
        <v>1007379.977</v>
      </c>
    </row>
    <row r="190" spans="1:41" s="62" customFormat="1" hidden="1" outlineLevel="2">
      <c r="A190" s="61" t="s">
        <v>63</v>
      </c>
      <c r="B190" s="61" t="s">
        <v>64</v>
      </c>
      <c r="C190" s="71" t="s">
        <v>65</v>
      </c>
      <c r="D190" s="72" t="s">
        <v>1121</v>
      </c>
      <c r="E190" s="73"/>
      <c r="F190" s="62">
        <v>-6558624.4000000004</v>
      </c>
      <c r="G190" s="62">
        <v>-5080066.43</v>
      </c>
      <c r="H190" s="62">
        <f t="shared" si="36"/>
        <v>-1478557.9700000007</v>
      </c>
      <c r="J190" s="62">
        <v>-5080066.43</v>
      </c>
      <c r="K190" s="62">
        <f t="shared" si="37"/>
        <v>-1478557.9700000007</v>
      </c>
      <c r="M190" s="62">
        <v>-6507774.9400000004</v>
      </c>
      <c r="N190" s="62">
        <f t="shared" si="38"/>
        <v>-50849.459999999963</v>
      </c>
      <c r="P190" s="74">
        <v>-8606478.1600000001</v>
      </c>
      <c r="Q190" s="61">
        <v>-8750929.6300000008</v>
      </c>
      <c r="R190" s="61">
        <v>-8896794.1999999993</v>
      </c>
      <c r="S190" s="61">
        <v>-9046718.6300000008</v>
      </c>
      <c r="T190" s="62">
        <v>-9199970.25</v>
      </c>
      <c r="U190" s="61">
        <v>-9355297.2300000004</v>
      </c>
      <c r="V190" s="61">
        <v>-9512365.6199999992</v>
      </c>
      <c r="W190" s="61">
        <v>-9671306.9900000002</v>
      </c>
      <c r="X190" s="61">
        <v>-9834133.1099999994</v>
      </c>
      <c r="Y190" s="61">
        <v>-9998846.2200000007</v>
      </c>
      <c r="Z190" s="61">
        <v>-10163411.130000001</v>
      </c>
      <c r="AA190" s="61">
        <v>-9166520.1300000008</v>
      </c>
      <c r="AB190" s="75">
        <v>-5080066.43</v>
      </c>
      <c r="AC190" s="61">
        <v>-5188743.9800000004</v>
      </c>
      <c r="AD190" s="61">
        <v>-5301432.87</v>
      </c>
      <c r="AE190" s="61">
        <v>-5419267.8200000003</v>
      </c>
      <c r="AF190" s="62">
        <v>-5547859.0700000003</v>
      </c>
      <c r="AG190" s="61">
        <v>-5679152.4199999999</v>
      </c>
      <c r="AH190" s="61">
        <v>-5814387.1299999999</v>
      </c>
      <c r="AI190" s="61">
        <v>-5949946.9699999997</v>
      </c>
      <c r="AJ190" s="61">
        <v>-6088619.8399999999</v>
      </c>
      <c r="AK190" s="61">
        <v>-6220070.1799999997</v>
      </c>
      <c r="AL190" s="61">
        <v>-6362948.3300000001</v>
      </c>
      <c r="AM190" s="61">
        <v>-6507774.9400000004</v>
      </c>
      <c r="AN190" s="75">
        <v>-6558624.4000000004</v>
      </c>
    </row>
    <row r="191" spans="1:41" s="137" customFormat="1" ht="15" hidden="1" customHeight="1" outlineLevel="1">
      <c r="A191" s="113" t="s">
        <v>1122</v>
      </c>
      <c r="B191" s="137" t="s">
        <v>2</v>
      </c>
      <c r="C191" s="126" t="s">
        <v>1123</v>
      </c>
      <c r="D191" s="147" t="s">
        <v>1121</v>
      </c>
      <c r="E191" s="117"/>
      <c r="F191" s="139">
        <v>-266876798.34400001</v>
      </c>
      <c r="G191" s="140">
        <v>-260028894.29100001</v>
      </c>
      <c r="H191" s="140">
        <f t="shared" si="36"/>
        <v>-6847904.0530000031</v>
      </c>
      <c r="I191" s="141"/>
      <c r="J191" s="140">
        <v>-260028894.29100001</v>
      </c>
      <c r="K191" s="140">
        <f t="shared" si="37"/>
        <v>-6847904.0530000031</v>
      </c>
      <c r="L191" s="140"/>
      <c r="M191" s="140">
        <v>-265843165.18399999</v>
      </c>
      <c r="N191" s="140">
        <f t="shared" si="38"/>
        <v>-1033633.1600000262</v>
      </c>
      <c r="O191" s="131"/>
      <c r="P191" s="142">
        <v>-251572698.98100001</v>
      </c>
      <c r="Q191" s="140">
        <v>-253354823.671</v>
      </c>
      <c r="R191" s="140">
        <v>-255050621.35099998</v>
      </c>
      <c r="S191" s="140">
        <v>-257001889.47100002</v>
      </c>
      <c r="T191" s="140">
        <v>-259008680.50099999</v>
      </c>
      <c r="U191" s="140">
        <v>-260837999.551</v>
      </c>
      <c r="V191" s="140">
        <v>-262877945.72099999</v>
      </c>
      <c r="W191" s="140">
        <v>-263308996.73100001</v>
      </c>
      <c r="X191" s="140">
        <v>-263586446.54100001</v>
      </c>
      <c r="Y191" s="140">
        <v>-264579201.741</v>
      </c>
      <c r="Z191" s="140">
        <v>-265330806.39099997</v>
      </c>
      <c r="AA191" s="140">
        <v>-264583601.86100003</v>
      </c>
      <c r="AB191" s="143">
        <v>-260028894.29100001</v>
      </c>
      <c r="AC191" s="140">
        <v>-260329328.51099998</v>
      </c>
      <c r="AD191" s="140">
        <v>-261236079.94100001</v>
      </c>
      <c r="AE191" s="140">
        <v>-261422492.53099999</v>
      </c>
      <c r="AF191" s="140">
        <v>-262142288.54100001</v>
      </c>
      <c r="AG191" s="140">
        <v>-262678392.34399995</v>
      </c>
      <c r="AH191" s="140">
        <v>-263186154.70399997</v>
      </c>
      <c r="AI191" s="140">
        <v>-263778444.11399999</v>
      </c>
      <c r="AJ191" s="140">
        <v>-264304890.89400002</v>
      </c>
      <c r="AK191" s="140">
        <v>-265084608.84399998</v>
      </c>
      <c r="AL191" s="140">
        <v>-265540053.55399999</v>
      </c>
      <c r="AM191" s="140">
        <v>-265843165.18399999</v>
      </c>
      <c r="AN191" s="143">
        <v>-266876798.34400001</v>
      </c>
      <c r="AO191" s="144"/>
    </row>
    <row r="192" spans="1:41" s="62" customFormat="1" hidden="1" outlineLevel="2">
      <c r="A192" s="61" t="s">
        <v>490</v>
      </c>
      <c r="B192" s="61" t="s">
        <v>491</v>
      </c>
      <c r="C192" s="71" t="s">
        <v>492</v>
      </c>
      <c r="D192" s="72" t="s">
        <v>1121</v>
      </c>
      <c r="E192" s="73"/>
      <c r="F192" s="62">
        <v>-70369.600000000006</v>
      </c>
      <c r="G192" s="62">
        <v>-70369.600000000006</v>
      </c>
      <c r="H192" s="62">
        <f t="shared" si="36"/>
        <v>0</v>
      </c>
      <c r="J192" s="62">
        <v>-70369.600000000006</v>
      </c>
      <c r="K192" s="62">
        <f t="shared" si="37"/>
        <v>0</v>
      </c>
      <c r="M192" s="62">
        <v>-70369.600000000006</v>
      </c>
      <c r="N192" s="62">
        <f t="shared" si="38"/>
        <v>0</v>
      </c>
      <c r="P192" s="74">
        <v>-70369.600000000006</v>
      </c>
      <c r="Q192" s="61">
        <v>-70369.600000000006</v>
      </c>
      <c r="R192" s="61">
        <v>-70369.600000000006</v>
      </c>
      <c r="S192" s="61">
        <v>-70369.600000000006</v>
      </c>
      <c r="T192" s="62">
        <v>-70369.600000000006</v>
      </c>
      <c r="U192" s="61">
        <v>-70369.600000000006</v>
      </c>
      <c r="V192" s="61">
        <v>-70369.600000000006</v>
      </c>
      <c r="W192" s="61">
        <v>-70369.600000000006</v>
      </c>
      <c r="X192" s="61">
        <v>-70369.600000000006</v>
      </c>
      <c r="Y192" s="61">
        <v>-70369.600000000006</v>
      </c>
      <c r="Z192" s="61">
        <v>-70369.600000000006</v>
      </c>
      <c r="AA192" s="61">
        <v>-70369.600000000006</v>
      </c>
      <c r="AB192" s="75">
        <v>-70369.600000000006</v>
      </c>
      <c r="AC192" s="61">
        <v>-70369.600000000006</v>
      </c>
      <c r="AD192" s="61">
        <v>-70369.600000000006</v>
      </c>
      <c r="AE192" s="61">
        <v>-70369.600000000006</v>
      </c>
      <c r="AF192" s="62">
        <v>-70369.600000000006</v>
      </c>
      <c r="AG192" s="61">
        <v>-70369.600000000006</v>
      </c>
      <c r="AH192" s="61">
        <v>-70369.600000000006</v>
      </c>
      <c r="AI192" s="61">
        <v>-70369.600000000006</v>
      </c>
      <c r="AJ192" s="61">
        <v>-70369.600000000006</v>
      </c>
      <c r="AK192" s="61">
        <v>-70369.600000000006</v>
      </c>
      <c r="AL192" s="61">
        <v>-70369.600000000006</v>
      </c>
      <c r="AM192" s="61">
        <v>-70369.600000000006</v>
      </c>
      <c r="AN192" s="75">
        <v>-70369.600000000006</v>
      </c>
    </row>
    <row r="193" spans="1:41" s="137" customFormat="1" ht="15" hidden="1" customHeight="1" outlineLevel="1">
      <c r="A193" s="113" t="s">
        <v>1124</v>
      </c>
      <c r="B193" s="137" t="s">
        <v>2</v>
      </c>
      <c r="C193" s="126" t="s">
        <v>1125</v>
      </c>
      <c r="D193" s="147" t="s">
        <v>1121</v>
      </c>
      <c r="E193" s="117"/>
      <c r="F193" s="139">
        <v>-70369.600000000006</v>
      </c>
      <c r="G193" s="140">
        <v>-70369.600000000006</v>
      </c>
      <c r="H193" s="140">
        <f t="shared" si="36"/>
        <v>0</v>
      </c>
      <c r="I193" s="141"/>
      <c r="J193" s="140">
        <v>-70369.600000000006</v>
      </c>
      <c r="K193" s="140">
        <f t="shared" si="37"/>
        <v>0</v>
      </c>
      <c r="L193" s="140"/>
      <c r="M193" s="140">
        <v>-70369.600000000006</v>
      </c>
      <c r="N193" s="140">
        <f t="shared" si="38"/>
        <v>0</v>
      </c>
      <c r="O193" s="131"/>
      <c r="P193" s="142">
        <v>-70369.600000000006</v>
      </c>
      <c r="Q193" s="140">
        <v>-70369.600000000006</v>
      </c>
      <c r="R193" s="140">
        <v>-70369.600000000006</v>
      </c>
      <c r="S193" s="140">
        <v>-70369.600000000006</v>
      </c>
      <c r="T193" s="140">
        <v>-70369.600000000006</v>
      </c>
      <c r="U193" s="140">
        <v>-70369.600000000006</v>
      </c>
      <c r="V193" s="140">
        <v>-70369.600000000006</v>
      </c>
      <c r="W193" s="140">
        <v>-70369.600000000006</v>
      </c>
      <c r="X193" s="140">
        <v>-70369.600000000006</v>
      </c>
      <c r="Y193" s="140">
        <v>-70369.600000000006</v>
      </c>
      <c r="Z193" s="140">
        <v>-70369.600000000006</v>
      </c>
      <c r="AA193" s="140">
        <v>-70369.600000000006</v>
      </c>
      <c r="AB193" s="143">
        <v>-70369.600000000006</v>
      </c>
      <c r="AC193" s="140">
        <v>-70369.600000000006</v>
      </c>
      <c r="AD193" s="140">
        <v>-70369.600000000006</v>
      </c>
      <c r="AE193" s="140">
        <v>-70369.600000000006</v>
      </c>
      <c r="AF193" s="140">
        <v>-70369.600000000006</v>
      </c>
      <c r="AG193" s="140">
        <v>-70369.600000000006</v>
      </c>
      <c r="AH193" s="140">
        <v>-70369.600000000006</v>
      </c>
      <c r="AI193" s="140">
        <v>-70369.600000000006</v>
      </c>
      <c r="AJ193" s="140">
        <v>-70369.600000000006</v>
      </c>
      <c r="AK193" s="140">
        <v>-70369.600000000006</v>
      </c>
      <c r="AL193" s="140">
        <v>-70369.600000000006</v>
      </c>
      <c r="AM193" s="140">
        <v>-70369.600000000006</v>
      </c>
      <c r="AN193" s="143">
        <v>-70369.600000000006</v>
      </c>
      <c r="AO193" s="144"/>
    </row>
    <row r="194" spans="1:41" s="137" customFormat="1" ht="15" customHeight="1" collapsed="1">
      <c r="A194" s="136"/>
      <c r="B194" s="137" t="s">
        <v>2</v>
      </c>
      <c r="C194" s="138" t="s">
        <v>1126</v>
      </c>
      <c r="D194" s="146"/>
      <c r="E194" s="117"/>
      <c r="F194" s="139">
        <f>+F193+F191</f>
        <v>-266947167.94400001</v>
      </c>
      <c r="G194" s="140">
        <f>+G193+G191</f>
        <v>-260099263.891</v>
      </c>
      <c r="H194" s="140">
        <f t="shared" si="36"/>
        <v>-6847904.0530000031</v>
      </c>
      <c r="I194" s="141"/>
      <c r="J194" s="140">
        <f>+J193+J191</f>
        <v>-260099263.891</v>
      </c>
      <c r="K194" s="140">
        <f t="shared" si="37"/>
        <v>-6847904.0530000031</v>
      </c>
      <c r="L194" s="140"/>
      <c r="M194" s="140">
        <f>+M193+M191</f>
        <v>-265913534.78399998</v>
      </c>
      <c r="N194" s="140">
        <f t="shared" si="38"/>
        <v>-1033633.1600000262</v>
      </c>
      <c r="O194" s="131"/>
      <c r="P194" s="142">
        <f t="shared" ref="P194:AN194" si="39">+P193+P191</f>
        <v>-251643068.581</v>
      </c>
      <c r="Q194" s="140">
        <f t="shared" si="39"/>
        <v>-253425193.271</v>
      </c>
      <c r="R194" s="140">
        <f t="shared" si="39"/>
        <v>-255120990.95099998</v>
      </c>
      <c r="S194" s="140">
        <f t="shared" si="39"/>
        <v>-257072259.07100001</v>
      </c>
      <c r="T194" s="140">
        <f t="shared" si="39"/>
        <v>-259079050.10099998</v>
      </c>
      <c r="U194" s="140">
        <f t="shared" si="39"/>
        <v>-260908369.15099999</v>
      </c>
      <c r="V194" s="140">
        <f t="shared" si="39"/>
        <v>-262948315.32099998</v>
      </c>
      <c r="W194" s="140">
        <f t="shared" si="39"/>
        <v>-263379366.331</v>
      </c>
      <c r="X194" s="140">
        <f t="shared" si="39"/>
        <v>-263656816.141</v>
      </c>
      <c r="Y194" s="140">
        <f t="shared" si="39"/>
        <v>-264649571.34099999</v>
      </c>
      <c r="Z194" s="140">
        <f t="shared" si="39"/>
        <v>-265401175.99099997</v>
      </c>
      <c r="AA194" s="140">
        <f t="shared" si="39"/>
        <v>-264653971.46100003</v>
      </c>
      <c r="AB194" s="143">
        <f t="shared" si="39"/>
        <v>-260099263.891</v>
      </c>
      <c r="AC194" s="140">
        <f t="shared" si="39"/>
        <v>-260399698.11099997</v>
      </c>
      <c r="AD194" s="140">
        <f t="shared" si="39"/>
        <v>-261306449.54100001</v>
      </c>
      <c r="AE194" s="140">
        <f t="shared" si="39"/>
        <v>-261492862.13099998</v>
      </c>
      <c r="AF194" s="140">
        <f t="shared" si="39"/>
        <v>-262212658.141</v>
      </c>
      <c r="AG194" s="140">
        <f t="shared" si="39"/>
        <v>-262748761.94399995</v>
      </c>
      <c r="AH194" s="140">
        <f t="shared" si="39"/>
        <v>-263256524.30399996</v>
      </c>
      <c r="AI194" s="140">
        <f t="shared" si="39"/>
        <v>-263848813.71399999</v>
      </c>
      <c r="AJ194" s="140">
        <f t="shared" si="39"/>
        <v>-264375260.49400002</v>
      </c>
      <c r="AK194" s="140">
        <f t="shared" si="39"/>
        <v>-265154978.44399998</v>
      </c>
      <c r="AL194" s="140">
        <f t="shared" si="39"/>
        <v>-265610423.15399998</v>
      </c>
      <c r="AM194" s="140">
        <f t="shared" si="39"/>
        <v>-265913534.78399998</v>
      </c>
      <c r="AN194" s="143">
        <f t="shared" si="39"/>
        <v>-266947167.94400001</v>
      </c>
      <c r="AO194" s="144"/>
    </row>
    <row r="195" spans="1:41" s="137" customFormat="1" ht="15" customHeight="1">
      <c r="A195" s="136"/>
      <c r="B195" s="137" t="s">
        <v>2</v>
      </c>
      <c r="C195" s="159" t="s">
        <v>1127</v>
      </c>
      <c r="D195" s="160"/>
      <c r="E195" s="161"/>
      <c r="F195" s="162">
        <f>+F185+F194</f>
        <v>576770321.68699992</v>
      </c>
      <c r="G195" s="163">
        <f>+G185+G194</f>
        <v>552517059.41600001</v>
      </c>
      <c r="H195" s="163">
        <f t="shared" si="36"/>
        <v>24253262.270999908</v>
      </c>
      <c r="I195" s="141"/>
      <c r="J195" s="163">
        <f>+J185+J194</f>
        <v>552517059.41600001</v>
      </c>
      <c r="K195" s="163">
        <f t="shared" si="37"/>
        <v>24253262.270999908</v>
      </c>
      <c r="L195" s="163"/>
      <c r="M195" s="163">
        <f>+M185+M194</f>
        <v>573166549.34699988</v>
      </c>
      <c r="N195" s="163">
        <f t="shared" si="38"/>
        <v>3603772.3400000334</v>
      </c>
      <c r="O195" s="131"/>
      <c r="P195" s="164">
        <f t="shared" ref="P195:AN195" si="40">+P185+P194</f>
        <v>532486705.23600006</v>
      </c>
      <c r="Q195" s="163">
        <f t="shared" si="40"/>
        <v>532628202.55599988</v>
      </c>
      <c r="R195" s="163">
        <f t="shared" si="40"/>
        <v>532886583.99599993</v>
      </c>
      <c r="S195" s="163">
        <f t="shared" si="40"/>
        <v>533592246.08599997</v>
      </c>
      <c r="T195" s="163">
        <f t="shared" si="40"/>
        <v>534122847.83600008</v>
      </c>
      <c r="U195" s="163">
        <f t="shared" si="40"/>
        <v>534896740.9460001</v>
      </c>
      <c r="V195" s="163">
        <f t="shared" si="40"/>
        <v>536918567.91600013</v>
      </c>
      <c r="W195" s="163">
        <f t="shared" si="40"/>
        <v>539643224.23599994</v>
      </c>
      <c r="X195" s="163">
        <f t="shared" si="40"/>
        <v>542858955.44599998</v>
      </c>
      <c r="Y195" s="163">
        <f t="shared" si="40"/>
        <v>544253558.62599993</v>
      </c>
      <c r="Z195" s="163">
        <f t="shared" si="40"/>
        <v>546451572.14600015</v>
      </c>
      <c r="AA195" s="163">
        <f t="shared" si="40"/>
        <v>548770160.53600001</v>
      </c>
      <c r="AB195" s="165">
        <f t="shared" si="40"/>
        <v>552517059.41600001</v>
      </c>
      <c r="AC195" s="163">
        <f t="shared" si="40"/>
        <v>555288878.93600011</v>
      </c>
      <c r="AD195" s="163">
        <f t="shared" si="40"/>
        <v>556595795.51599979</v>
      </c>
      <c r="AE195" s="163">
        <f t="shared" si="40"/>
        <v>557795240.56599998</v>
      </c>
      <c r="AF195" s="163">
        <f t="shared" si="40"/>
        <v>559774694.34599984</v>
      </c>
      <c r="AG195" s="163">
        <f t="shared" si="40"/>
        <v>562319464.70700002</v>
      </c>
      <c r="AH195" s="163">
        <f t="shared" si="40"/>
        <v>564200722.16700006</v>
      </c>
      <c r="AI195" s="163">
        <f t="shared" si="40"/>
        <v>565574443.0769999</v>
      </c>
      <c r="AJ195" s="163">
        <f t="shared" si="40"/>
        <v>567168091.98699999</v>
      </c>
      <c r="AK195" s="163">
        <f t="shared" si="40"/>
        <v>569211542.05700004</v>
      </c>
      <c r="AL195" s="163">
        <f t="shared" si="40"/>
        <v>571168233.7670002</v>
      </c>
      <c r="AM195" s="163">
        <f t="shared" si="40"/>
        <v>573166549.34699988</v>
      </c>
      <c r="AN195" s="165">
        <f t="shared" si="40"/>
        <v>576770321.68699992</v>
      </c>
      <c r="AO195" s="144"/>
    </row>
    <row r="196" spans="1:41" s="137" customFormat="1" ht="4.5" customHeight="1" outlineLevel="1">
      <c r="A196" s="136"/>
      <c r="C196" s="64"/>
      <c r="D196" s="116"/>
      <c r="E196" s="117"/>
      <c r="F196" s="139"/>
      <c r="G196" s="141"/>
      <c r="H196" s="141"/>
      <c r="I196" s="141"/>
      <c r="J196" s="141"/>
      <c r="K196" s="141"/>
      <c r="L196" s="141"/>
      <c r="M196" s="141"/>
      <c r="N196" s="141"/>
      <c r="O196" s="131"/>
      <c r="P196" s="142"/>
      <c r="Q196" s="141"/>
      <c r="R196" s="141"/>
      <c r="S196" s="141"/>
      <c r="T196" s="141"/>
      <c r="U196" s="141"/>
      <c r="V196" s="141"/>
      <c r="W196" s="141"/>
      <c r="X196" s="141"/>
      <c r="Y196" s="141"/>
      <c r="Z196" s="141"/>
      <c r="AA196" s="141"/>
      <c r="AB196" s="143"/>
      <c r="AC196" s="141"/>
      <c r="AD196" s="141"/>
      <c r="AE196" s="141"/>
      <c r="AF196" s="141"/>
      <c r="AG196" s="141"/>
      <c r="AH196" s="141"/>
      <c r="AI196" s="141"/>
      <c r="AJ196" s="141"/>
      <c r="AK196" s="141"/>
      <c r="AL196" s="141"/>
      <c r="AM196" s="141"/>
      <c r="AN196" s="143"/>
      <c r="AO196" s="144"/>
    </row>
    <row r="197" spans="1:41" s="137" customFormat="1" ht="15" customHeight="1" outlineLevel="1">
      <c r="A197" s="166" t="s">
        <v>1128</v>
      </c>
      <c r="B197" s="167" t="s">
        <v>2</v>
      </c>
      <c r="C197" s="168" t="s">
        <v>1129</v>
      </c>
      <c r="D197" s="147" t="s">
        <v>1130</v>
      </c>
      <c r="E197" s="169"/>
      <c r="F197" s="128">
        <v>0</v>
      </c>
      <c r="G197" s="141">
        <v>0</v>
      </c>
      <c r="H197" s="141">
        <f t="shared" ref="H197:H237" si="41">+F197-G197</f>
        <v>0</v>
      </c>
      <c r="I197" s="141"/>
      <c r="J197" s="141">
        <v>0</v>
      </c>
      <c r="K197" s="141">
        <f t="shared" ref="K197:K237" si="42">+F197-J197</f>
        <v>0</v>
      </c>
      <c r="L197" s="141"/>
      <c r="M197" s="141">
        <v>0</v>
      </c>
      <c r="N197" s="141">
        <f t="shared" ref="N197:N237" si="43">+F197-M197</f>
        <v>0</v>
      </c>
      <c r="O197" s="131"/>
      <c r="P197" s="132">
        <v>0</v>
      </c>
      <c r="Q197" s="141">
        <v>0</v>
      </c>
      <c r="R197" s="141">
        <v>0</v>
      </c>
      <c r="S197" s="141">
        <v>0</v>
      </c>
      <c r="T197" s="141">
        <v>0</v>
      </c>
      <c r="U197" s="141">
        <v>0</v>
      </c>
      <c r="V197" s="129">
        <v>0</v>
      </c>
      <c r="W197" s="141">
        <v>0</v>
      </c>
      <c r="X197" s="141">
        <v>0</v>
      </c>
      <c r="Y197" s="141">
        <v>0</v>
      </c>
      <c r="Z197" s="141">
        <v>0</v>
      </c>
      <c r="AA197" s="129">
        <v>0</v>
      </c>
      <c r="AB197" s="143">
        <v>0</v>
      </c>
      <c r="AC197" s="141">
        <v>0</v>
      </c>
      <c r="AD197" s="141">
        <v>0</v>
      </c>
      <c r="AE197" s="141">
        <v>0</v>
      </c>
      <c r="AF197" s="141">
        <v>0</v>
      </c>
      <c r="AG197" s="129">
        <v>0</v>
      </c>
      <c r="AH197" s="141">
        <v>0</v>
      </c>
      <c r="AI197" s="141">
        <v>0</v>
      </c>
      <c r="AJ197" s="141">
        <v>0</v>
      </c>
      <c r="AK197" s="141">
        <v>0</v>
      </c>
      <c r="AL197" s="129">
        <v>0</v>
      </c>
      <c r="AM197" s="141">
        <v>0</v>
      </c>
      <c r="AN197" s="143">
        <v>0</v>
      </c>
      <c r="AO197" s="144"/>
    </row>
    <row r="198" spans="1:41" s="137" customFormat="1" ht="15" customHeight="1" outlineLevel="1">
      <c r="A198" s="166" t="s">
        <v>1131</v>
      </c>
      <c r="B198" s="167" t="s">
        <v>2</v>
      </c>
      <c r="C198" s="168" t="s">
        <v>1132</v>
      </c>
      <c r="D198" s="147" t="s">
        <v>1130</v>
      </c>
      <c r="E198" s="169"/>
      <c r="F198" s="128">
        <v>0</v>
      </c>
      <c r="G198" s="141">
        <v>0</v>
      </c>
      <c r="H198" s="141">
        <f t="shared" si="41"/>
        <v>0</v>
      </c>
      <c r="I198" s="141"/>
      <c r="J198" s="141">
        <v>0</v>
      </c>
      <c r="K198" s="141">
        <f t="shared" si="42"/>
        <v>0</v>
      </c>
      <c r="L198" s="141"/>
      <c r="M198" s="141">
        <v>0</v>
      </c>
      <c r="N198" s="141">
        <f t="shared" si="43"/>
        <v>0</v>
      </c>
      <c r="O198" s="131"/>
      <c r="P198" s="132">
        <v>0</v>
      </c>
      <c r="Q198" s="141">
        <v>0</v>
      </c>
      <c r="R198" s="141">
        <v>0</v>
      </c>
      <c r="S198" s="141">
        <v>0</v>
      </c>
      <c r="T198" s="141">
        <v>0</v>
      </c>
      <c r="U198" s="141">
        <v>0</v>
      </c>
      <c r="V198" s="129">
        <v>0</v>
      </c>
      <c r="W198" s="141">
        <v>0</v>
      </c>
      <c r="X198" s="141">
        <v>0</v>
      </c>
      <c r="Y198" s="141">
        <v>0</v>
      </c>
      <c r="Z198" s="141">
        <v>0</v>
      </c>
      <c r="AA198" s="129">
        <v>0</v>
      </c>
      <c r="AB198" s="143">
        <v>0</v>
      </c>
      <c r="AC198" s="141">
        <v>0</v>
      </c>
      <c r="AD198" s="141">
        <v>0</v>
      </c>
      <c r="AE198" s="141">
        <v>0</v>
      </c>
      <c r="AF198" s="141">
        <v>0</v>
      </c>
      <c r="AG198" s="129">
        <v>0</v>
      </c>
      <c r="AH198" s="141">
        <v>0</v>
      </c>
      <c r="AI198" s="141">
        <v>0</v>
      </c>
      <c r="AJ198" s="141">
        <v>0</v>
      </c>
      <c r="AK198" s="141">
        <v>0</v>
      </c>
      <c r="AL198" s="129">
        <v>0</v>
      </c>
      <c r="AM198" s="141">
        <v>0</v>
      </c>
      <c r="AN198" s="143">
        <v>0</v>
      </c>
      <c r="AO198" s="144"/>
    </row>
    <row r="199" spans="1:41" s="137" customFormat="1" ht="15" customHeight="1" outlineLevel="1">
      <c r="A199" s="166" t="s">
        <v>1133</v>
      </c>
      <c r="B199" s="167" t="s">
        <v>2</v>
      </c>
      <c r="C199" s="168" t="s">
        <v>1134</v>
      </c>
      <c r="D199" s="147" t="s">
        <v>1130</v>
      </c>
      <c r="E199" s="169"/>
      <c r="F199" s="128">
        <v>0</v>
      </c>
      <c r="G199" s="141">
        <v>0</v>
      </c>
      <c r="H199" s="141">
        <f t="shared" si="41"/>
        <v>0</v>
      </c>
      <c r="I199" s="141"/>
      <c r="J199" s="141">
        <v>0</v>
      </c>
      <c r="K199" s="141">
        <f t="shared" si="42"/>
        <v>0</v>
      </c>
      <c r="L199" s="141"/>
      <c r="M199" s="141">
        <v>0</v>
      </c>
      <c r="N199" s="141">
        <f t="shared" si="43"/>
        <v>0</v>
      </c>
      <c r="O199" s="131"/>
      <c r="P199" s="132">
        <v>0</v>
      </c>
      <c r="Q199" s="141">
        <v>0</v>
      </c>
      <c r="R199" s="141">
        <v>0</v>
      </c>
      <c r="S199" s="141">
        <v>0</v>
      </c>
      <c r="T199" s="141">
        <v>0</v>
      </c>
      <c r="U199" s="141">
        <v>0</v>
      </c>
      <c r="V199" s="129">
        <v>0</v>
      </c>
      <c r="W199" s="141">
        <v>0</v>
      </c>
      <c r="X199" s="141">
        <v>0</v>
      </c>
      <c r="Y199" s="141">
        <v>0</v>
      </c>
      <c r="Z199" s="141">
        <v>0</v>
      </c>
      <c r="AA199" s="129">
        <v>0</v>
      </c>
      <c r="AB199" s="143">
        <v>0</v>
      </c>
      <c r="AC199" s="141">
        <v>0</v>
      </c>
      <c r="AD199" s="141">
        <v>0</v>
      </c>
      <c r="AE199" s="141">
        <v>0</v>
      </c>
      <c r="AF199" s="141">
        <v>0</v>
      </c>
      <c r="AG199" s="129">
        <v>0</v>
      </c>
      <c r="AH199" s="141">
        <v>0</v>
      </c>
      <c r="AI199" s="141">
        <v>0</v>
      </c>
      <c r="AJ199" s="141">
        <v>0</v>
      </c>
      <c r="AK199" s="141">
        <v>0</v>
      </c>
      <c r="AL199" s="129">
        <v>0</v>
      </c>
      <c r="AM199" s="141">
        <v>0</v>
      </c>
      <c r="AN199" s="143">
        <v>0</v>
      </c>
      <c r="AO199" s="144"/>
    </row>
    <row r="200" spans="1:41" s="62" customFormat="1" outlineLevel="2">
      <c r="A200" s="61" t="s">
        <v>413</v>
      </c>
      <c r="B200" s="61" t="s">
        <v>414</v>
      </c>
      <c r="C200" s="71" t="s">
        <v>415</v>
      </c>
      <c r="D200" s="72" t="s">
        <v>1130</v>
      </c>
      <c r="E200" s="73"/>
      <c r="F200" s="62">
        <v>-316.08</v>
      </c>
      <c r="G200" s="62">
        <v>-936.92000000000007</v>
      </c>
      <c r="H200" s="62">
        <f t="shared" si="41"/>
        <v>620.84000000000015</v>
      </c>
      <c r="J200" s="62">
        <v>-936.92000000000007</v>
      </c>
      <c r="K200" s="62">
        <f t="shared" si="42"/>
        <v>620.84000000000015</v>
      </c>
      <c r="M200" s="62">
        <v>-368.31</v>
      </c>
      <c r="N200" s="62">
        <f t="shared" si="43"/>
        <v>52.230000000000018</v>
      </c>
      <c r="P200" s="74">
        <v>-4870.38</v>
      </c>
      <c r="Q200" s="61">
        <v>-4542.46</v>
      </c>
      <c r="R200" s="61">
        <v>-4214.54</v>
      </c>
      <c r="S200" s="61">
        <v>-3886.62</v>
      </c>
      <c r="T200" s="62">
        <v>-3558.69</v>
      </c>
      <c r="U200" s="61">
        <v>-3230.77</v>
      </c>
      <c r="V200" s="61">
        <v>-2902.85</v>
      </c>
      <c r="W200" s="61">
        <v>-2574.92</v>
      </c>
      <c r="X200" s="61">
        <v>-2247</v>
      </c>
      <c r="Y200" s="61">
        <v>-1919.08</v>
      </c>
      <c r="Z200" s="61">
        <v>-1591.15</v>
      </c>
      <c r="AA200" s="61">
        <v>-1263.23</v>
      </c>
      <c r="AB200" s="75">
        <v>-936.92000000000007</v>
      </c>
      <c r="AC200" s="61">
        <v>-885.23</v>
      </c>
      <c r="AD200" s="61">
        <v>-833.54</v>
      </c>
      <c r="AE200" s="61">
        <v>-781.85</v>
      </c>
      <c r="AF200" s="62">
        <v>-730.15</v>
      </c>
      <c r="AG200" s="61">
        <v>-678.46</v>
      </c>
      <c r="AH200" s="61">
        <v>-626.77</v>
      </c>
      <c r="AI200" s="61">
        <v>-575.08000000000004</v>
      </c>
      <c r="AJ200" s="61">
        <v>-523.38</v>
      </c>
      <c r="AK200" s="61">
        <v>-471.69</v>
      </c>
      <c r="AL200" s="61">
        <v>-420</v>
      </c>
      <c r="AM200" s="61">
        <v>-368.31</v>
      </c>
      <c r="AN200" s="75">
        <v>-316.08</v>
      </c>
    </row>
    <row r="201" spans="1:41" s="62" customFormat="1" outlineLevel="2">
      <c r="A201" s="61" t="s">
        <v>416</v>
      </c>
      <c r="B201" s="61" t="s">
        <v>417</v>
      </c>
      <c r="C201" s="71" t="s">
        <v>418</v>
      </c>
      <c r="D201" s="72" t="s">
        <v>1130</v>
      </c>
      <c r="E201" s="73"/>
      <c r="F201" s="62">
        <v>-26790.760000000002</v>
      </c>
      <c r="G201" s="62">
        <v>16806.170000000002</v>
      </c>
      <c r="H201" s="62">
        <f t="shared" si="41"/>
        <v>-43596.930000000008</v>
      </c>
      <c r="J201" s="62">
        <v>16806.170000000002</v>
      </c>
      <c r="K201" s="62">
        <f t="shared" si="42"/>
        <v>-43596.930000000008</v>
      </c>
      <c r="M201" s="62">
        <v>-26836.920000000002</v>
      </c>
      <c r="N201" s="62">
        <f t="shared" si="43"/>
        <v>46.159999999999854</v>
      </c>
      <c r="P201" s="74">
        <v>-26319.99</v>
      </c>
      <c r="Q201" s="61">
        <v>-26856.920000000002</v>
      </c>
      <c r="R201" s="61">
        <v>-27393.84</v>
      </c>
      <c r="S201" s="61">
        <v>-27930.760000000002</v>
      </c>
      <c r="T201" s="62">
        <v>-28467.68</v>
      </c>
      <c r="U201" s="61">
        <v>-29004.61</v>
      </c>
      <c r="V201" s="61">
        <v>-29541.53</v>
      </c>
      <c r="W201" s="61">
        <v>-30078.45</v>
      </c>
      <c r="X201" s="61">
        <v>-30615.37</v>
      </c>
      <c r="Y201" s="61">
        <v>-31152.3</v>
      </c>
      <c r="Z201" s="61">
        <v>-31689.22</v>
      </c>
      <c r="AA201" s="61">
        <v>-30435.38</v>
      </c>
      <c r="AB201" s="75">
        <v>16806.170000000002</v>
      </c>
      <c r="AC201" s="61">
        <v>20250.78</v>
      </c>
      <c r="AD201" s="61">
        <v>16070.78</v>
      </c>
      <c r="AE201" s="61">
        <v>15703.08</v>
      </c>
      <c r="AF201" s="62">
        <v>15335.4</v>
      </c>
      <c r="AG201" s="61">
        <v>14967.7</v>
      </c>
      <c r="AH201" s="61">
        <v>14600.01</v>
      </c>
      <c r="AI201" s="61">
        <v>14232.31</v>
      </c>
      <c r="AJ201" s="61">
        <v>13864.62</v>
      </c>
      <c r="AK201" s="61">
        <v>13496.93</v>
      </c>
      <c r="AL201" s="61">
        <v>13129.24</v>
      </c>
      <c r="AM201" s="61">
        <v>-26836.920000000002</v>
      </c>
      <c r="AN201" s="75">
        <v>-26790.760000000002</v>
      </c>
    </row>
    <row r="202" spans="1:41" s="114" customFormat="1" ht="15" customHeight="1" outlineLevel="1">
      <c r="A202" s="166" t="s">
        <v>1135</v>
      </c>
      <c r="B202" s="167" t="s">
        <v>2</v>
      </c>
      <c r="C202" s="170" t="s">
        <v>1136</v>
      </c>
      <c r="D202" s="147" t="s">
        <v>1130</v>
      </c>
      <c r="E202" s="169"/>
      <c r="F202" s="128">
        <v>-27106.840000000004</v>
      </c>
      <c r="G202" s="130">
        <v>15869.250000000002</v>
      </c>
      <c r="H202" s="130">
        <f t="shared" si="41"/>
        <v>-42976.090000000004</v>
      </c>
      <c r="I202" s="130"/>
      <c r="J202" s="130">
        <v>15869.250000000002</v>
      </c>
      <c r="K202" s="130">
        <f t="shared" si="42"/>
        <v>-42976.090000000004</v>
      </c>
      <c r="L202" s="130"/>
      <c r="M202" s="130">
        <v>-27205.230000000003</v>
      </c>
      <c r="N202" s="130">
        <f t="shared" si="43"/>
        <v>98.389999999999418</v>
      </c>
      <c r="O202" s="131"/>
      <c r="P202" s="132">
        <v>-31190.370000000003</v>
      </c>
      <c r="Q202" s="130">
        <v>-31399.38</v>
      </c>
      <c r="R202" s="130">
        <v>-31608.38</v>
      </c>
      <c r="S202" s="130">
        <v>-31817.38</v>
      </c>
      <c r="T202" s="130">
        <v>-32026.37</v>
      </c>
      <c r="U202" s="130">
        <v>-32235.38</v>
      </c>
      <c r="V202" s="129">
        <v>-32444.379999999997</v>
      </c>
      <c r="W202" s="130">
        <v>-32653.370000000003</v>
      </c>
      <c r="X202" s="130">
        <v>-32862.369999999995</v>
      </c>
      <c r="Y202" s="130">
        <v>-33071.379999999997</v>
      </c>
      <c r="Z202" s="130">
        <v>-33280.370000000003</v>
      </c>
      <c r="AA202" s="129">
        <v>-31698.61</v>
      </c>
      <c r="AB202" s="133">
        <v>15869.250000000002</v>
      </c>
      <c r="AC202" s="130">
        <v>19365.55</v>
      </c>
      <c r="AD202" s="130">
        <v>15237.240000000002</v>
      </c>
      <c r="AE202" s="130">
        <v>14921.23</v>
      </c>
      <c r="AF202" s="130">
        <v>14605.25</v>
      </c>
      <c r="AG202" s="129">
        <v>14289.240000000002</v>
      </c>
      <c r="AH202" s="130">
        <v>13973.24</v>
      </c>
      <c r="AI202" s="130">
        <v>13657.23</v>
      </c>
      <c r="AJ202" s="130">
        <v>13341.240000000002</v>
      </c>
      <c r="AK202" s="130">
        <v>13025.24</v>
      </c>
      <c r="AL202" s="129">
        <v>12709.24</v>
      </c>
      <c r="AM202" s="130">
        <v>-27205.230000000003</v>
      </c>
      <c r="AN202" s="133">
        <v>-27106.840000000004</v>
      </c>
      <c r="AO202" s="134"/>
    </row>
    <row r="203" spans="1:41" s="62" customFormat="1" outlineLevel="2">
      <c r="A203" s="61" t="s">
        <v>151</v>
      </c>
      <c r="B203" s="61" t="s">
        <v>152</v>
      </c>
      <c r="C203" s="71" t="s">
        <v>153</v>
      </c>
      <c r="D203" s="72" t="s">
        <v>1130</v>
      </c>
      <c r="E203" s="73"/>
      <c r="F203" s="62">
        <v>47645498.68</v>
      </c>
      <c r="G203" s="62">
        <v>46501161.07</v>
      </c>
      <c r="H203" s="62">
        <f t="shared" si="41"/>
        <v>1144337.6099999994</v>
      </c>
      <c r="J203" s="62">
        <v>46501161.07</v>
      </c>
      <c r="K203" s="62">
        <f t="shared" si="42"/>
        <v>1144337.6099999994</v>
      </c>
      <c r="M203" s="62">
        <v>47435944.700000003</v>
      </c>
      <c r="N203" s="62">
        <f t="shared" si="43"/>
        <v>209553.97999999672</v>
      </c>
      <c r="P203" s="74">
        <v>45020975.43</v>
      </c>
      <c r="Q203" s="61">
        <v>45124214.469999999</v>
      </c>
      <c r="R203" s="61">
        <v>45315385.18</v>
      </c>
      <c r="S203" s="61">
        <v>45412233.049999997</v>
      </c>
      <c r="T203" s="62">
        <v>45543594.18</v>
      </c>
      <c r="U203" s="61">
        <v>45686586.289999999</v>
      </c>
      <c r="V203" s="61">
        <v>45819357.670000002</v>
      </c>
      <c r="W203" s="61">
        <v>46036947.380000003</v>
      </c>
      <c r="X203" s="61">
        <v>46233310.149999999</v>
      </c>
      <c r="Y203" s="61">
        <v>46377510.299999997</v>
      </c>
      <c r="Z203" s="61">
        <v>46523366.799999997</v>
      </c>
      <c r="AA203" s="61">
        <v>46168977.950000003</v>
      </c>
      <c r="AB203" s="75">
        <v>46501161.07</v>
      </c>
      <c r="AC203" s="61">
        <v>46634881.07</v>
      </c>
      <c r="AD203" s="61">
        <v>46859099.939999998</v>
      </c>
      <c r="AE203" s="61">
        <v>47114034.350000001</v>
      </c>
      <c r="AF203" s="62">
        <v>47311564.079999998</v>
      </c>
      <c r="AG203" s="61">
        <v>47433801.159999996</v>
      </c>
      <c r="AH203" s="61">
        <v>47624340.490000002</v>
      </c>
      <c r="AI203" s="61">
        <v>47730895.200000003</v>
      </c>
      <c r="AJ203" s="61">
        <v>47847035.609999999</v>
      </c>
      <c r="AK203" s="61">
        <v>48045757.329999998</v>
      </c>
      <c r="AL203" s="61">
        <v>48174378.119999997</v>
      </c>
      <c r="AM203" s="61">
        <v>47435944.700000003</v>
      </c>
      <c r="AN203" s="75">
        <v>47645498.68</v>
      </c>
    </row>
    <row r="204" spans="1:41" s="62" customFormat="1" outlineLevel="2">
      <c r="A204" s="61" t="s">
        <v>154</v>
      </c>
      <c r="B204" s="61" t="s">
        <v>155</v>
      </c>
      <c r="C204" s="71" t="s">
        <v>156</v>
      </c>
      <c r="D204" s="72" t="s">
        <v>1130</v>
      </c>
      <c r="E204" s="73"/>
      <c r="F204" s="62">
        <v>22897104.800000001</v>
      </c>
      <c r="G204" s="62">
        <v>21385390.800000001</v>
      </c>
      <c r="H204" s="62">
        <f t="shared" si="41"/>
        <v>1511714</v>
      </c>
      <c r="J204" s="62">
        <v>21385390.800000001</v>
      </c>
      <c r="K204" s="62">
        <f t="shared" si="42"/>
        <v>1511714</v>
      </c>
      <c r="M204" s="62">
        <v>23002749.800000001</v>
      </c>
      <c r="N204" s="62">
        <f t="shared" si="43"/>
        <v>-105645</v>
      </c>
      <c r="P204" s="74">
        <v>20030704.800000001</v>
      </c>
      <c r="Q204" s="61">
        <v>18267715.800000001</v>
      </c>
      <c r="R204" s="61">
        <v>18865060.800000001</v>
      </c>
      <c r="S204" s="61">
        <v>19397196.800000001</v>
      </c>
      <c r="T204" s="62">
        <v>19823731.800000001</v>
      </c>
      <c r="U204" s="61">
        <v>20264933.800000001</v>
      </c>
      <c r="V204" s="61">
        <v>20553292.800000001</v>
      </c>
      <c r="W204" s="61">
        <v>21226103.800000001</v>
      </c>
      <c r="X204" s="61">
        <v>21633427.800000001</v>
      </c>
      <c r="Y204" s="61">
        <v>22041739.800000001</v>
      </c>
      <c r="Z204" s="61">
        <v>22456907.800000001</v>
      </c>
      <c r="AA204" s="61">
        <v>23203053.800000001</v>
      </c>
      <c r="AB204" s="75">
        <v>21385390.800000001</v>
      </c>
      <c r="AC204" s="61">
        <v>21409566.800000001</v>
      </c>
      <c r="AD204" s="61">
        <v>21454514.800000001</v>
      </c>
      <c r="AE204" s="61">
        <v>21716143.800000001</v>
      </c>
      <c r="AF204" s="62">
        <v>21729007.800000001</v>
      </c>
      <c r="AG204" s="61">
        <v>21762329.800000001</v>
      </c>
      <c r="AH204" s="61">
        <v>21895749.800000001</v>
      </c>
      <c r="AI204" s="61">
        <v>21913518.800000001</v>
      </c>
      <c r="AJ204" s="61">
        <v>22054030.800000001</v>
      </c>
      <c r="AK204" s="61">
        <v>22084763.800000001</v>
      </c>
      <c r="AL204" s="61">
        <v>22093154.800000001</v>
      </c>
      <c r="AM204" s="61">
        <v>23002749.800000001</v>
      </c>
      <c r="AN204" s="75">
        <v>22897104.800000001</v>
      </c>
    </row>
    <row r="205" spans="1:41" s="114" customFormat="1" ht="15" customHeight="1" outlineLevel="1">
      <c r="A205" s="166" t="s">
        <v>1137</v>
      </c>
      <c r="B205" s="167" t="s">
        <v>2</v>
      </c>
      <c r="C205" s="170" t="s">
        <v>1138</v>
      </c>
      <c r="D205" s="147" t="s">
        <v>1130</v>
      </c>
      <c r="E205" s="169"/>
      <c r="F205" s="128">
        <v>70542603.480000004</v>
      </c>
      <c r="G205" s="130">
        <v>67886551.870000005</v>
      </c>
      <c r="H205" s="130">
        <f t="shared" si="41"/>
        <v>2656051.6099999994</v>
      </c>
      <c r="I205" s="130"/>
      <c r="J205" s="130">
        <v>67886551.870000005</v>
      </c>
      <c r="K205" s="130">
        <f t="shared" si="42"/>
        <v>2656051.6099999994</v>
      </c>
      <c r="L205" s="130"/>
      <c r="M205" s="130">
        <v>70438694.5</v>
      </c>
      <c r="N205" s="130">
        <f t="shared" si="43"/>
        <v>103908.98000000417</v>
      </c>
      <c r="O205" s="129"/>
      <c r="P205" s="132">
        <v>65051680.230000004</v>
      </c>
      <c r="Q205" s="130">
        <v>63391930.269999996</v>
      </c>
      <c r="R205" s="130">
        <v>64180445.980000004</v>
      </c>
      <c r="S205" s="130">
        <v>64809429.849999994</v>
      </c>
      <c r="T205" s="130">
        <v>65367325.980000004</v>
      </c>
      <c r="U205" s="130">
        <v>65951520.090000004</v>
      </c>
      <c r="V205" s="129">
        <v>66372650.469999999</v>
      </c>
      <c r="W205" s="130">
        <v>67263051.180000007</v>
      </c>
      <c r="X205" s="130">
        <v>67866737.950000003</v>
      </c>
      <c r="Y205" s="130">
        <v>68419250.099999994</v>
      </c>
      <c r="Z205" s="130">
        <v>68980274.599999994</v>
      </c>
      <c r="AA205" s="129">
        <v>69372031.75</v>
      </c>
      <c r="AB205" s="133">
        <v>67886551.870000005</v>
      </c>
      <c r="AC205" s="130">
        <v>68044447.870000005</v>
      </c>
      <c r="AD205" s="130">
        <v>68313614.739999995</v>
      </c>
      <c r="AE205" s="130">
        <v>68830178.150000006</v>
      </c>
      <c r="AF205" s="130">
        <v>69040571.879999995</v>
      </c>
      <c r="AG205" s="129">
        <v>69196130.959999993</v>
      </c>
      <c r="AH205" s="130">
        <v>69520090.290000007</v>
      </c>
      <c r="AI205" s="130">
        <v>69644414</v>
      </c>
      <c r="AJ205" s="130">
        <v>69901066.409999996</v>
      </c>
      <c r="AK205" s="130">
        <v>70130521.129999995</v>
      </c>
      <c r="AL205" s="129">
        <v>70267532.920000002</v>
      </c>
      <c r="AM205" s="130">
        <v>70438694.5</v>
      </c>
      <c r="AN205" s="133">
        <v>70542603.480000004</v>
      </c>
      <c r="AO205" s="134"/>
    </row>
    <row r="206" spans="1:41" s="114" customFormat="1" ht="15" customHeight="1" outlineLevel="1">
      <c r="A206" s="166"/>
      <c r="B206" s="167" t="s">
        <v>2</v>
      </c>
      <c r="C206" s="168" t="s">
        <v>1139</v>
      </c>
      <c r="D206" s="171"/>
      <c r="E206" s="169"/>
      <c r="F206" s="128">
        <f>+F205+F202</f>
        <v>70515496.640000001</v>
      </c>
      <c r="G206" s="129">
        <f>+G205+G202</f>
        <v>67902421.120000005</v>
      </c>
      <c r="H206" s="129">
        <f t="shared" si="41"/>
        <v>2613075.5199999958</v>
      </c>
      <c r="I206" s="130"/>
      <c r="J206" s="129">
        <f>+J205+J202</f>
        <v>67902421.120000005</v>
      </c>
      <c r="K206" s="129">
        <f t="shared" si="42"/>
        <v>2613075.5199999958</v>
      </c>
      <c r="L206" s="129"/>
      <c r="M206" s="129">
        <f>+M205+M202</f>
        <v>70411489.269999996</v>
      </c>
      <c r="N206" s="129">
        <f t="shared" si="43"/>
        <v>104007.37000000477</v>
      </c>
      <c r="O206" s="130"/>
      <c r="P206" s="132">
        <f t="shared" ref="P206:AN206" si="44">+P205+P202</f>
        <v>65020489.860000007</v>
      </c>
      <c r="Q206" s="129">
        <f t="shared" si="44"/>
        <v>63360530.889999993</v>
      </c>
      <c r="R206" s="129">
        <f t="shared" si="44"/>
        <v>64148837.600000001</v>
      </c>
      <c r="S206" s="129">
        <f t="shared" si="44"/>
        <v>64777612.469999991</v>
      </c>
      <c r="T206" s="129">
        <f t="shared" si="44"/>
        <v>65335299.610000007</v>
      </c>
      <c r="U206" s="129">
        <f t="shared" si="44"/>
        <v>65919284.710000001</v>
      </c>
      <c r="V206" s="129">
        <f t="shared" si="44"/>
        <v>66340206.089999996</v>
      </c>
      <c r="W206" s="129">
        <f t="shared" si="44"/>
        <v>67230397.810000002</v>
      </c>
      <c r="X206" s="129">
        <f t="shared" si="44"/>
        <v>67833875.579999998</v>
      </c>
      <c r="Y206" s="129">
        <f t="shared" si="44"/>
        <v>68386178.719999999</v>
      </c>
      <c r="Z206" s="129">
        <f t="shared" si="44"/>
        <v>68946994.229999989</v>
      </c>
      <c r="AA206" s="129">
        <f t="shared" si="44"/>
        <v>69340333.140000001</v>
      </c>
      <c r="AB206" s="133">
        <f t="shared" si="44"/>
        <v>67902421.120000005</v>
      </c>
      <c r="AC206" s="129">
        <f t="shared" si="44"/>
        <v>68063813.420000002</v>
      </c>
      <c r="AD206" s="129">
        <f t="shared" si="44"/>
        <v>68328851.979999989</v>
      </c>
      <c r="AE206" s="129">
        <f t="shared" si="44"/>
        <v>68845099.38000001</v>
      </c>
      <c r="AF206" s="129">
        <f t="shared" si="44"/>
        <v>69055177.129999995</v>
      </c>
      <c r="AG206" s="129">
        <f t="shared" si="44"/>
        <v>69210420.199999988</v>
      </c>
      <c r="AH206" s="129">
        <f t="shared" si="44"/>
        <v>69534063.530000001</v>
      </c>
      <c r="AI206" s="129">
        <f t="shared" si="44"/>
        <v>69658071.230000004</v>
      </c>
      <c r="AJ206" s="129">
        <f t="shared" si="44"/>
        <v>69914407.649999991</v>
      </c>
      <c r="AK206" s="129">
        <f t="shared" si="44"/>
        <v>70143546.36999999</v>
      </c>
      <c r="AL206" s="129">
        <f t="shared" si="44"/>
        <v>70280242.159999996</v>
      </c>
      <c r="AM206" s="129">
        <f t="shared" si="44"/>
        <v>70411489.269999996</v>
      </c>
      <c r="AN206" s="133">
        <f t="shared" si="44"/>
        <v>70515496.640000001</v>
      </c>
      <c r="AO206" s="134"/>
    </row>
    <row r="207" spans="1:41" s="62" customFormat="1" outlineLevel="2">
      <c r="A207" s="61" t="s">
        <v>139</v>
      </c>
      <c r="B207" s="61" t="s">
        <v>140</v>
      </c>
      <c r="C207" s="71" t="s">
        <v>141</v>
      </c>
      <c r="D207" s="72" t="s">
        <v>1130</v>
      </c>
      <c r="E207" s="73"/>
      <c r="F207" s="62">
        <v>21957453</v>
      </c>
      <c r="G207" s="62">
        <v>21421452</v>
      </c>
      <c r="H207" s="62">
        <f t="shared" si="41"/>
        <v>536001</v>
      </c>
      <c r="J207" s="62">
        <v>21421452</v>
      </c>
      <c r="K207" s="62">
        <f t="shared" si="42"/>
        <v>536001</v>
      </c>
      <c r="M207" s="62">
        <v>20469174.75</v>
      </c>
      <c r="N207" s="62">
        <f t="shared" si="43"/>
        <v>1488278.25</v>
      </c>
      <c r="P207" s="74">
        <v>21563286</v>
      </c>
      <c r="Q207" s="61">
        <v>21563286</v>
      </c>
      <c r="R207" s="61">
        <v>21563286</v>
      </c>
      <c r="S207" s="61">
        <v>21157966</v>
      </c>
      <c r="T207" s="62">
        <v>21157966</v>
      </c>
      <c r="U207" s="61">
        <v>21157966</v>
      </c>
      <c r="V207" s="61">
        <v>20752646</v>
      </c>
      <c r="W207" s="61">
        <v>20752646</v>
      </c>
      <c r="X207" s="61">
        <v>20752646</v>
      </c>
      <c r="Y207" s="61">
        <v>20347326</v>
      </c>
      <c r="Z207" s="61">
        <v>20212219.329999998</v>
      </c>
      <c r="AA207" s="61">
        <v>20077112.66</v>
      </c>
      <c r="AB207" s="75">
        <v>21421452</v>
      </c>
      <c r="AC207" s="61">
        <v>21421452</v>
      </c>
      <c r="AD207" s="61">
        <v>21421452</v>
      </c>
      <c r="AE207" s="61">
        <v>21104026.25</v>
      </c>
      <c r="AF207" s="62">
        <v>21104026.25</v>
      </c>
      <c r="AG207" s="61">
        <v>21104026.25</v>
      </c>
      <c r="AH207" s="61">
        <v>20786600.5</v>
      </c>
      <c r="AI207" s="61">
        <v>20786600.5</v>
      </c>
      <c r="AJ207" s="61">
        <v>20786600.5</v>
      </c>
      <c r="AK207" s="61">
        <v>20469174.75</v>
      </c>
      <c r="AL207" s="61">
        <v>20469174.75</v>
      </c>
      <c r="AM207" s="61">
        <v>20469174.75</v>
      </c>
      <c r="AN207" s="75">
        <v>21957453</v>
      </c>
    </row>
    <row r="208" spans="1:41" s="62" customFormat="1" outlineLevel="2">
      <c r="A208" s="61" t="s">
        <v>142</v>
      </c>
      <c r="B208" s="61" t="s">
        <v>143</v>
      </c>
      <c r="C208" s="71" t="s">
        <v>144</v>
      </c>
      <c r="D208" s="72" t="s">
        <v>1130</v>
      </c>
      <c r="E208" s="73"/>
      <c r="F208" s="62">
        <v>2435903</v>
      </c>
      <c r="G208" s="62">
        <v>619883.82999999996</v>
      </c>
      <c r="H208" s="62">
        <f t="shared" si="41"/>
        <v>1816019.17</v>
      </c>
      <c r="J208" s="62">
        <v>619883.82999999996</v>
      </c>
      <c r="K208" s="62">
        <f t="shared" si="42"/>
        <v>1816019.17</v>
      </c>
      <c r="M208" s="62">
        <v>1190190.58</v>
      </c>
      <c r="N208" s="62">
        <f t="shared" si="43"/>
        <v>1245712.42</v>
      </c>
      <c r="P208" s="74">
        <v>-3346350.95</v>
      </c>
      <c r="Q208" s="61">
        <v>-3346350.95</v>
      </c>
      <c r="R208" s="61">
        <v>-3346350.95</v>
      </c>
      <c r="S208" s="61">
        <v>-3106287.7</v>
      </c>
      <c r="T208" s="62">
        <v>-3106287.7</v>
      </c>
      <c r="U208" s="61">
        <v>-3106287.7</v>
      </c>
      <c r="V208" s="61">
        <v>-2866224.45</v>
      </c>
      <c r="W208" s="61">
        <v>-2866224.45</v>
      </c>
      <c r="X208" s="61">
        <v>-2866224.45</v>
      </c>
      <c r="Y208" s="61">
        <v>-2626161.2000000002</v>
      </c>
      <c r="Z208" s="61">
        <v>-2546140.12</v>
      </c>
      <c r="AA208" s="61">
        <v>-2466119.04</v>
      </c>
      <c r="AB208" s="75">
        <v>619883.82999999996</v>
      </c>
      <c r="AC208" s="61">
        <v>619883.82999999996</v>
      </c>
      <c r="AD208" s="61">
        <v>619883.82999999996</v>
      </c>
      <c r="AE208" s="61">
        <v>809986.08000000007</v>
      </c>
      <c r="AF208" s="62">
        <v>809986.08000000007</v>
      </c>
      <c r="AG208" s="61">
        <v>809986.08000000007</v>
      </c>
      <c r="AH208" s="61">
        <v>1000088.33</v>
      </c>
      <c r="AI208" s="61">
        <v>1000088.33</v>
      </c>
      <c r="AJ208" s="61">
        <v>1000088.33</v>
      </c>
      <c r="AK208" s="61">
        <v>1190190.58</v>
      </c>
      <c r="AL208" s="61">
        <v>1190190.58</v>
      </c>
      <c r="AM208" s="61">
        <v>1190190.58</v>
      </c>
      <c r="AN208" s="75">
        <v>2435903</v>
      </c>
    </row>
    <row r="209" spans="1:41" s="62" customFormat="1" outlineLevel="2">
      <c r="A209" s="61" t="s">
        <v>145</v>
      </c>
      <c r="B209" s="61" t="s">
        <v>146</v>
      </c>
      <c r="C209" s="71" t="s">
        <v>147</v>
      </c>
      <c r="D209" s="72" t="s">
        <v>1130</v>
      </c>
      <c r="E209" s="73"/>
      <c r="F209" s="62">
        <v>-129872</v>
      </c>
      <c r="G209" s="62">
        <v>-123907</v>
      </c>
      <c r="H209" s="62">
        <f t="shared" si="41"/>
        <v>-5965</v>
      </c>
      <c r="J209" s="62">
        <v>-123907</v>
      </c>
      <c r="K209" s="62">
        <f t="shared" si="42"/>
        <v>-5965</v>
      </c>
      <c r="M209" s="62">
        <v>-123962</v>
      </c>
      <c r="N209" s="62">
        <f t="shared" si="43"/>
        <v>-5910</v>
      </c>
      <c r="P209" s="74">
        <v>-112305</v>
      </c>
      <c r="Q209" s="61">
        <v>-112305</v>
      </c>
      <c r="R209" s="61">
        <v>-112305</v>
      </c>
      <c r="S209" s="61">
        <v>-112379.25</v>
      </c>
      <c r="T209" s="62">
        <v>-112379.25</v>
      </c>
      <c r="U209" s="61">
        <v>-112379.25</v>
      </c>
      <c r="V209" s="61">
        <v>-112453.5</v>
      </c>
      <c r="W209" s="61">
        <v>-112453.5</v>
      </c>
      <c r="X209" s="61">
        <v>-112453.5</v>
      </c>
      <c r="Y209" s="61">
        <v>-112527.75</v>
      </c>
      <c r="Z209" s="61">
        <v>-112552.5</v>
      </c>
      <c r="AA209" s="61">
        <v>-112577.25</v>
      </c>
      <c r="AB209" s="75">
        <v>-123907</v>
      </c>
      <c r="AC209" s="61">
        <v>-123907</v>
      </c>
      <c r="AD209" s="61">
        <v>-123907</v>
      </c>
      <c r="AE209" s="61">
        <v>-123962</v>
      </c>
      <c r="AF209" s="62">
        <v>-123962</v>
      </c>
      <c r="AG209" s="61">
        <v>-123962</v>
      </c>
      <c r="AH209" s="61">
        <v>-123962</v>
      </c>
      <c r="AI209" s="61">
        <v>-123962</v>
      </c>
      <c r="AJ209" s="61">
        <v>-123962</v>
      </c>
      <c r="AK209" s="61">
        <v>-123962</v>
      </c>
      <c r="AL209" s="61">
        <v>-123962</v>
      </c>
      <c r="AM209" s="61">
        <v>-123962</v>
      </c>
      <c r="AN209" s="75">
        <v>-129872</v>
      </c>
    </row>
    <row r="210" spans="1:41" s="137" customFormat="1" ht="15" customHeight="1" outlineLevel="1">
      <c r="A210" s="166" t="s">
        <v>1140</v>
      </c>
      <c r="B210" s="167" t="s">
        <v>2</v>
      </c>
      <c r="C210" s="170" t="s">
        <v>1141</v>
      </c>
      <c r="D210" s="147" t="s">
        <v>1130</v>
      </c>
      <c r="E210" s="169"/>
      <c r="F210" s="128">
        <v>24263484</v>
      </c>
      <c r="G210" s="141">
        <v>21917428.829999998</v>
      </c>
      <c r="H210" s="141">
        <f t="shared" si="41"/>
        <v>2346055.1700000018</v>
      </c>
      <c r="I210" s="141"/>
      <c r="J210" s="141">
        <v>21917428.829999998</v>
      </c>
      <c r="K210" s="141">
        <f t="shared" si="42"/>
        <v>2346055.1700000018</v>
      </c>
      <c r="L210" s="141"/>
      <c r="M210" s="141">
        <v>21535403.329999998</v>
      </c>
      <c r="N210" s="141">
        <f t="shared" si="43"/>
        <v>2728080.6700000018</v>
      </c>
      <c r="O210" s="130"/>
      <c r="P210" s="132">
        <v>18104630.050000001</v>
      </c>
      <c r="Q210" s="141">
        <v>18104630.050000001</v>
      </c>
      <c r="R210" s="141">
        <v>18104630.050000001</v>
      </c>
      <c r="S210" s="141">
        <v>17939299.050000001</v>
      </c>
      <c r="T210" s="141">
        <v>17939299.050000001</v>
      </c>
      <c r="U210" s="141">
        <v>17939299.050000001</v>
      </c>
      <c r="V210" s="129">
        <v>17773968.050000001</v>
      </c>
      <c r="W210" s="141">
        <v>17773968.050000001</v>
      </c>
      <c r="X210" s="141">
        <v>17773968.050000001</v>
      </c>
      <c r="Y210" s="141">
        <v>17608637.050000001</v>
      </c>
      <c r="Z210" s="141">
        <v>17553526.709999997</v>
      </c>
      <c r="AA210" s="129">
        <v>17498416.370000001</v>
      </c>
      <c r="AB210" s="143">
        <v>21917428.829999998</v>
      </c>
      <c r="AC210" s="141">
        <v>21917428.829999998</v>
      </c>
      <c r="AD210" s="141">
        <v>21917428.829999998</v>
      </c>
      <c r="AE210" s="141">
        <v>21790050.329999998</v>
      </c>
      <c r="AF210" s="141">
        <v>21790050.329999998</v>
      </c>
      <c r="AG210" s="129">
        <v>21790050.329999998</v>
      </c>
      <c r="AH210" s="141">
        <v>21662726.829999998</v>
      </c>
      <c r="AI210" s="141">
        <v>21662726.829999998</v>
      </c>
      <c r="AJ210" s="141">
        <v>21662726.829999998</v>
      </c>
      <c r="AK210" s="141">
        <v>21535403.329999998</v>
      </c>
      <c r="AL210" s="129">
        <v>21535403.329999998</v>
      </c>
      <c r="AM210" s="141">
        <v>21535403.329999998</v>
      </c>
      <c r="AN210" s="143">
        <v>24263484</v>
      </c>
      <c r="AO210" s="144"/>
    </row>
    <row r="211" spans="1:41" s="62" customFormat="1" outlineLevel="2">
      <c r="A211" s="61" t="s">
        <v>132</v>
      </c>
      <c r="B211" s="61" t="s">
        <v>133</v>
      </c>
      <c r="C211" s="71" t="s">
        <v>134</v>
      </c>
      <c r="D211" s="72" t="s">
        <v>1130</v>
      </c>
      <c r="E211" s="73"/>
      <c r="F211" s="62">
        <v>1878713.44</v>
      </c>
      <c r="G211" s="62">
        <v>2333734.64</v>
      </c>
      <c r="H211" s="62">
        <f t="shared" si="41"/>
        <v>-455021.20000000019</v>
      </c>
      <c r="J211" s="62">
        <v>2333734.64</v>
      </c>
      <c r="K211" s="62">
        <f t="shared" si="42"/>
        <v>-455021.20000000019</v>
      </c>
      <c r="M211" s="62">
        <v>1878713.44</v>
      </c>
      <c r="N211" s="62">
        <f t="shared" si="43"/>
        <v>0</v>
      </c>
      <c r="P211" s="74">
        <v>2281319.52</v>
      </c>
      <c r="Q211" s="61">
        <v>2300120.73</v>
      </c>
      <c r="R211" s="61">
        <v>2318921.94</v>
      </c>
      <c r="S211" s="61">
        <v>2173775.66</v>
      </c>
      <c r="T211" s="62">
        <v>2191548.88</v>
      </c>
      <c r="U211" s="61">
        <v>2209322.1</v>
      </c>
      <c r="V211" s="61">
        <v>2227095.3199999998</v>
      </c>
      <c r="W211" s="61">
        <v>2244868.54</v>
      </c>
      <c r="X211" s="61">
        <v>2262641.7599999998</v>
      </c>
      <c r="Y211" s="61">
        <v>2280414.98</v>
      </c>
      <c r="Z211" s="61">
        <v>2298188.2000000002</v>
      </c>
      <c r="AA211" s="61">
        <v>2315961.42</v>
      </c>
      <c r="AB211" s="75">
        <v>2333734.64</v>
      </c>
      <c r="AC211" s="61">
        <v>2351507.86</v>
      </c>
      <c r="AD211" s="61">
        <v>2369281.08</v>
      </c>
      <c r="AE211" s="61">
        <v>1878713.44</v>
      </c>
      <c r="AF211" s="62">
        <v>1878713.44</v>
      </c>
      <c r="AG211" s="61">
        <v>1878713.44</v>
      </c>
      <c r="AH211" s="61">
        <v>1878713.44</v>
      </c>
      <c r="AI211" s="61">
        <v>1878713.44</v>
      </c>
      <c r="AJ211" s="61">
        <v>1878713.44</v>
      </c>
      <c r="AK211" s="61">
        <v>1878713.44</v>
      </c>
      <c r="AL211" s="61">
        <v>1878713.44</v>
      </c>
      <c r="AM211" s="61">
        <v>1878713.44</v>
      </c>
      <c r="AN211" s="75">
        <v>1878713.44</v>
      </c>
    </row>
    <row r="212" spans="1:41" s="137" customFormat="1" ht="15" customHeight="1" outlineLevel="1">
      <c r="A212" s="166" t="s">
        <v>1142</v>
      </c>
      <c r="B212" s="167" t="s">
        <v>2</v>
      </c>
      <c r="C212" s="170" t="s">
        <v>1143</v>
      </c>
      <c r="D212" s="147" t="s">
        <v>1130</v>
      </c>
      <c r="E212" s="169"/>
      <c r="F212" s="128">
        <v>1878713.44</v>
      </c>
      <c r="G212" s="141">
        <v>2333734.64</v>
      </c>
      <c r="H212" s="141">
        <f t="shared" si="41"/>
        <v>-455021.20000000019</v>
      </c>
      <c r="I212" s="141"/>
      <c r="J212" s="141">
        <v>2333734.64</v>
      </c>
      <c r="K212" s="141">
        <f t="shared" si="42"/>
        <v>-455021.20000000019</v>
      </c>
      <c r="L212" s="141"/>
      <c r="M212" s="141">
        <v>1878713.44</v>
      </c>
      <c r="N212" s="141">
        <f t="shared" si="43"/>
        <v>0</v>
      </c>
      <c r="O212" s="130"/>
      <c r="P212" s="132">
        <v>2281319.52</v>
      </c>
      <c r="Q212" s="141">
        <v>2300120.73</v>
      </c>
      <c r="R212" s="141">
        <v>2318921.94</v>
      </c>
      <c r="S212" s="141">
        <v>2173775.66</v>
      </c>
      <c r="T212" s="141">
        <v>2191548.88</v>
      </c>
      <c r="U212" s="141">
        <v>2209322.1</v>
      </c>
      <c r="V212" s="129">
        <v>2227095.3199999998</v>
      </c>
      <c r="W212" s="141">
        <v>2244868.54</v>
      </c>
      <c r="X212" s="141">
        <v>2262641.7599999998</v>
      </c>
      <c r="Y212" s="141">
        <v>2280414.98</v>
      </c>
      <c r="Z212" s="141">
        <v>2298188.2000000002</v>
      </c>
      <c r="AA212" s="129">
        <v>2315961.42</v>
      </c>
      <c r="AB212" s="143">
        <v>2333734.64</v>
      </c>
      <c r="AC212" s="141">
        <v>2351507.86</v>
      </c>
      <c r="AD212" s="141">
        <v>2369281.08</v>
      </c>
      <c r="AE212" s="141">
        <v>1878713.44</v>
      </c>
      <c r="AF212" s="141">
        <v>1878713.44</v>
      </c>
      <c r="AG212" s="129">
        <v>1878713.44</v>
      </c>
      <c r="AH212" s="141">
        <v>1878713.44</v>
      </c>
      <c r="AI212" s="141">
        <v>1878713.44</v>
      </c>
      <c r="AJ212" s="141">
        <v>1878713.44</v>
      </c>
      <c r="AK212" s="141">
        <v>1878713.44</v>
      </c>
      <c r="AL212" s="129">
        <v>1878713.44</v>
      </c>
      <c r="AM212" s="141">
        <v>1878713.44</v>
      </c>
      <c r="AN212" s="143">
        <v>1878713.44</v>
      </c>
      <c r="AO212" s="144"/>
    </row>
    <row r="213" spans="1:41" s="137" customFormat="1" ht="15" customHeight="1" outlineLevel="1">
      <c r="A213" s="166"/>
      <c r="B213" s="167"/>
      <c r="C213" s="168" t="s">
        <v>1144</v>
      </c>
      <c r="D213" s="171"/>
      <c r="E213" s="169"/>
      <c r="F213" s="128">
        <f>+F210+F212</f>
        <v>26142197.440000001</v>
      </c>
      <c r="G213" s="129">
        <f>+G210+G212</f>
        <v>24251163.469999999</v>
      </c>
      <c r="H213" s="129">
        <f t="shared" si="41"/>
        <v>1891033.9700000025</v>
      </c>
      <c r="I213" s="130"/>
      <c r="J213" s="129">
        <f>+J210+J212</f>
        <v>24251163.469999999</v>
      </c>
      <c r="K213" s="129">
        <f t="shared" si="42"/>
        <v>1891033.9700000025</v>
      </c>
      <c r="L213" s="129"/>
      <c r="M213" s="129">
        <f>+M210+M212</f>
        <v>23414116.77</v>
      </c>
      <c r="N213" s="129">
        <f t="shared" si="43"/>
        <v>2728080.6700000018</v>
      </c>
      <c r="O213" s="130"/>
      <c r="P213" s="132">
        <f t="shared" ref="P213:AN213" si="45">+P210+P212</f>
        <v>20385949.57</v>
      </c>
      <c r="Q213" s="129">
        <f t="shared" si="45"/>
        <v>20404750.780000001</v>
      </c>
      <c r="R213" s="129">
        <f t="shared" si="45"/>
        <v>20423551.990000002</v>
      </c>
      <c r="S213" s="129">
        <f t="shared" si="45"/>
        <v>20113074.710000001</v>
      </c>
      <c r="T213" s="129">
        <f t="shared" si="45"/>
        <v>20130847.93</v>
      </c>
      <c r="U213" s="129">
        <f t="shared" si="45"/>
        <v>20148621.150000002</v>
      </c>
      <c r="V213" s="129">
        <f t="shared" si="45"/>
        <v>20001063.370000001</v>
      </c>
      <c r="W213" s="129">
        <f t="shared" si="45"/>
        <v>20018836.59</v>
      </c>
      <c r="X213" s="129">
        <f t="shared" si="45"/>
        <v>20036609.810000002</v>
      </c>
      <c r="Y213" s="129">
        <f t="shared" si="45"/>
        <v>19889052.030000001</v>
      </c>
      <c r="Z213" s="129">
        <f t="shared" si="45"/>
        <v>19851714.909999996</v>
      </c>
      <c r="AA213" s="129">
        <f t="shared" si="45"/>
        <v>19814377.789999999</v>
      </c>
      <c r="AB213" s="133">
        <f t="shared" si="45"/>
        <v>24251163.469999999</v>
      </c>
      <c r="AC213" s="129">
        <f t="shared" si="45"/>
        <v>24268936.689999998</v>
      </c>
      <c r="AD213" s="129">
        <f t="shared" si="45"/>
        <v>24286709.909999996</v>
      </c>
      <c r="AE213" s="129">
        <f t="shared" si="45"/>
        <v>23668763.77</v>
      </c>
      <c r="AF213" s="129">
        <f t="shared" si="45"/>
        <v>23668763.77</v>
      </c>
      <c r="AG213" s="129">
        <f t="shared" si="45"/>
        <v>23668763.77</v>
      </c>
      <c r="AH213" s="129">
        <f t="shared" si="45"/>
        <v>23541440.27</v>
      </c>
      <c r="AI213" s="129">
        <f t="shared" si="45"/>
        <v>23541440.27</v>
      </c>
      <c r="AJ213" s="129">
        <f t="shared" si="45"/>
        <v>23541440.27</v>
      </c>
      <c r="AK213" s="129">
        <f t="shared" si="45"/>
        <v>23414116.77</v>
      </c>
      <c r="AL213" s="129">
        <f t="shared" si="45"/>
        <v>23414116.77</v>
      </c>
      <c r="AM213" s="129">
        <f t="shared" si="45"/>
        <v>23414116.77</v>
      </c>
      <c r="AN213" s="133">
        <f t="shared" si="45"/>
        <v>26142197.440000001</v>
      </c>
      <c r="AO213" s="134"/>
    </row>
    <row r="214" spans="1:41" s="137" customFormat="1" ht="15" customHeight="1" outlineLevel="1">
      <c r="A214" s="166" t="s">
        <v>1145</v>
      </c>
      <c r="B214" s="167" t="s">
        <v>2</v>
      </c>
      <c r="C214" s="168" t="s">
        <v>1146</v>
      </c>
      <c r="D214" s="147" t="s">
        <v>1130</v>
      </c>
      <c r="E214" s="169"/>
      <c r="F214" s="128">
        <v>0</v>
      </c>
      <c r="G214" s="129">
        <v>0</v>
      </c>
      <c r="H214" s="129">
        <f t="shared" si="41"/>
        <v>0</v>
      </c>
      <c r="I214" s="130"/>
      <c r="J214" s="129">
        <v>0</v>
      </c>
      <c r="K214" s="129">
        <f t="shared" si="42"/>
        <v>0</v>
      </c>
      <c r="L214" s="129"/>
      <c r="M214" s="129">
        <v>0</v>
      </c>
      <c r="N214" s="129">
        <f t="shared" si="43"/>
        <v>0</v>
      </c>
      <c r="O214" s="130"/>
      <c r="P214" s="132">
        <v>0</v>
      </c>
      <c r="Q214" s="129">
        <v>0</v>
      </c>
      <c r="R214" s="129">
        <v>0</v>
      </c>
      <c r="S214" s="129">
        <v>0</v>
      </c>
      <c r="T214" s="129">
        <v>0</v>
      </c>
      <c r="U214" s="129">
        <v>0</v>
      </c>
      <c r="V214" s="129">
        <v>0</v>
      </c>
      <c r="W214" s="129">
        <v>0</v>
      </c>
      <c r="X214" s="129">
        <v>0</v>
      </c>
      <c r="Y214" s="129">
        <v>0</v>
      </c>
      <c r="Z214" s="129">
        <v>0</v>
      </c>
      <c r="AA214" s="129">
        <v>0</v>
      </c>
      <c r="AB214" s="133">
        <v>0</v>
      </c>
      <c r="AC214" s="129">
        <v>0</v>
      </c>
      <c r="AD214" s="129">
        <v>0</v>
      </c>
      <c r="AE214" s="129">
        <v>0</v>
      </c>
      <c r="AF214" s="129">
        <v>0</v>
      </c>
      <c r="AG214" s="129">
        <v>0</v>
      </c>
      <c r="AH214" s="129">
        <v>0</v>
      </c>
      <c r="AI214" s="129">
        <v>0</v>
      </c>
      <c r="AJ214" s="129">
        <v>0</v>
      </c>
      <c r="AK214" s="129">
        <v>0</v>
      </c>
      <c r="AL214" s="129">
        <v>0</v>
      </c>
      <c r="AM214" s="129">
        <v>0</v>
      </c>
      <c r="AN214" s="133">
        <v>0</v>
      </c>
      <c r="AO214" s="134"/>
    </row>
    <row r="215" spans="1:41" s="137" customFormat="1" ht="15" customHeight="1" outlineLevel="1">
      <c r="A215" s="166" t="s">
        <v>1147</v>
      </c>
      <c r="B215" s="167" t="s">
        <v>2</v>
      </c>
      <c r="C215" s="168" t="s">
        <v>138</v>
      </c>
      <c r="D215" s="147" t="s">
        <v>1130</v>
      </c>
      <c r="E215" s="169"/>
      <c r="F215" s="128">
        <v>0</v>
      </c>
      <c r="G215" s="129">
        <v>0</v>
      </c>
      <c r="H215" s="129">
        <f t="shared" si="41"/>
        <v>0</v>
      </c>
      <c r="I215" s="130"/>
      <c r="J215" s="129">
        <v>0</v>
      </c>
      <c r="K215" s="129">
        <f t="shared" si="42"/>
        <v>0</v>
      </c>
      <c r="L215" s="129"/>
      <c r="M215" s="129">
        <v>0</v>
      </c>
      <c r="N215" s="129">
        <f t="shared" si="43"/>
        <v>0</v>
      </c>
      <c r="O215" s="130"/>
      <c r="P215" s="132">
        <v>0</v>
      </c>
      <c r="Q215" s="129">
        <v>0</v>
      </c>
      <c r="R215" s="129">
        <v>0</v>
      </c>
      <c r="S215" s="129">
        <v>0</v>
      </c>
      <c r="T215" s="129">
        <v>0</v>
      </c>
      <c r="U215" s="129">
        <v>0</v>
      </c>
      <c r="V215" s="129">
        <v>0</v>
      </c>
      <c r="W215" s="129">
        <v>0</v>
      </c>
      <c r="X215" s="129">
        <v>0</v>
      </c>
      <c r="Y215" s="129">
        <v>0</v>
      </c>
      <c r="Z215" s="129">
        <v>0</v>
      </c>
      <c r="AA215" s="129">
        <v>0</v>
      </c>
      <c r="AB215" s="133">
        <v>0</v>
      </c>
      <c r="AC215" s="129">
        <v>0</v>
      </c>
      <c r="AD215" s="129">
        <v>0</v>
      </c>
      <c r="AE215" s="129">
        <v>0</v>
      </c>
      <c r="AF215" s="129">
        <v>0</v>
      </c>
      <c r="AG215" s="129">
        <v>0</v>
      </c>
      <c r="AH215" s="129">
        <v>0</v>
      </c>
      <c r="AI215" s="129">
        <v>0</v>
      </c>
      <c r="AJ215" s="129">
        <v>0</v>
      </c>
      <c r="AK215" s="129">
        <v>0</v>
      </c>
      <c r="AL215" s="129">
        <v>0</v>
      </c>
      <c r="AM215" s="129">
        <v>0</v>
      </c>
      <c r="AN215" s="133">
        <v>0</v>
      </c>
      <c r="AO215" s="134"/>
    </row>
    <row r="216" spans="1:41" s="137" customFormat="1" ht="15" customHeight="1" outlineLevel="1">
      <c r="A216" s="166" t="s">
        <v>1148</v>
      </c>
      <c r="B216" s="167" t="s">
        <v>2</v>
      </c>
      <c r="C216" s="168" t="s">
        <v>1149</v>
      </c>
      <c r="D216" s="147" t="s">
        <v>1130</v>
      </c>
      <c r="E216" s="169"/>
      <c r="F216" s="128">
        <v>0</v>
      </c>
      <c r="G216" s="129">
        <v>0</v>
      </c>
      <c r="H216" s="129">
        <f t="shared" si="41"/>
        <v>0</v>
      </c>
      <c r="I216" s="130"/>
      <c r="J216" s="129">
        <v>0</v>
      </c>
      <c r="K216" s="129">
        <f t="shared" si="42"/>
        <v>0</v>
      </c>
      <c r="L216" s="129"/>
      <c r="M216" s="129">
        <v>0</v>
      </c>
      <c r="N216" s="129">
        <f t="shared" si="43"/>
        <v>0</v>
      </c>
      <c r="O216" s="130"/>
      <c r="P216" s="132">
        <v>0</v>
      </c>
      <c r="Q216" s="129">
        <v>0</v>
      </c>
      <c r="R216" s="129">
        <v>0</v>
      </c>
      <c r="S216" s="129">
        <v>0</v>
      </c>
      <c r="T216" s="129">
        <v>0</v>
      </c>
      <c r="U216" s="129">
        <v>0</v>
      </c>
      <c r="V216" s="129">
        <v>0</v>
      </c>
      <c r="W216" s="129">
        <v>0</v>
      </c>
      <c r="X216" s="129">
        <v>0</v>
      </c>
      <c r="Y216" s="129">
        <v>0</v>
      </c>
      <c r="Z216" s="129">
        <v>0</v>
      </c>
      <c r="AA216" s="129">
        <v>0</v>
      </c>
      <c r="AB216" s="133">
        <v>0</v>
      </c>
      <c r="AC216" s="129">
        <v>0</v>
      </c>
      <c r="AD216" s="129">
        <v>0</v>
      </c>
      <c r="AE216" s="129">
        <v>0</v>
      </c>
      <c r="AF216" s="129">
        <v>0</v>
      </c>
      <c r="AG216" s="129">
        <v>0</v>
      </c>
      <c r="AH216" s="129">
        <v>0</v>
      </c>
      <c r="AI216" s="129">
        <v>0</v>
      </c>
      <c r="AJ216" s="129">
        <v>0</v>
      </c>
      <c r="AK216" s="129">
        <v>0</v>
      </c>
      <c r="AL216" s="129">
        <v>0</v>
      </c>
      <c r="AM216" s="129">
        <v>0</v>
      </c>
      <c r="AN216" s="133">
        <v>0</v>
      </c>
      <c r="AO216" s="134"/>
    </row>
    <row r="217" spans="1:41" s="114" customFormat="1" ht="15" customHeight="1" outlineLevel="1">
      <c r="A217" s="166" t="s">
        <v>1150</v>
      </c>
      <c r="B217" s="167" t="s">
        <v>2</v>
      </c>
      <c r="C217" s="168" t="s">
        <v>1151</v>
      </c>
      <c r="D217" s="147" t="s">
        <v>1130</v>
      </c>
      <c r="E217" s="169"/>
      <c r="F217" s="128">
        <v>0</v>
      </c>
      <c r="G217" s="129">
        <v>0</v>
      </c>
      <c r="H217" s="129">
        <f t="shared" si="41"/>
        <v>0</v>
      </c>
      <c r="I217" s="130"/>
      <c r="J217" s="129">
        <v>0</v>
      </c>
      <c r="K217" s="129">
        <f t="shared" si="42"/>
        <v>0</v>
      </c>
      <c r="L217" s="129"/>
      <c r="M217" s="129">
        <v>0</v>
      </c>
      <c r="N217" s="129">
        <f t="shared" si="43"/>
        <v>0</v>
      </c>
      <c r="O217" s="130"/>
      <c r="P217" s="132">
        <v>0</v>
      </c>
      <c r="Q217" s="129">
        <v>0</v>
      </c>
      <c r="R217" s="129">
        <v>0</v>
      </c>
      <c r="S217" s="129">
        <v>0</v>
      </c>
      <c r="T217" s="129">
        <v>0</v>
      </c>
      <c r="U217" s="129">
        <v>0</v>
      </c>
      <c r="V217" s="129">
        <v>0</v>
      </c>
      <c r="W217" s="129">
        <v>0</v>
      </c>
      <c r="X217" s="129">
        <v>0</v>
      </c>
      <c r="Y217" s="129">
        <v>0</v>
      </c>
      <c r="Z217" s="129">
        <v>0</v>
      </c>
      <c r="AA217" s="129">
        <v>0</v>
      </c>
      <c r="AB217" s="133">
        <v>0</v>
      </c>
      <c r="AC217" s="129">
        <v>0</v>
      </c>
      <c r="AD217" s="129">
        <v>0</v>
      </c>
      <c r="AE217" s="129">
        <v>0</v>
      </c>
      <c r="AF217" s="129">
        <v>0</v>
      </c>
      <c r="AG217" s="129">
        <v>0</v>
      </c>
      <c r="AH217" s="129">
        <v>0</v>
      </c>
      <c r="AI217" s="129">
        <v>0</v>
      </c>
      <c r="AJ217" s="129">
        <v>0</v>
      </c>
      <c r="AK217" s="129">
        <v>0</v>
      </c>
      <c r="AL217" s="129">
        <v>0</v>
      </c>
      <c r="AM217" s="129">
        <v>0</v>
      </c>
      <c r="AN217" s="133">
        <v>0</v>
      </c>
      <c r="AO217" s="134"/>
    </row>
    <row r="218" spans="1:41" s="62" customFormat="1" outlineLevel="2">
      <c r="A218" s="61" t="s">
        <v>589</v>
      </c>
      <c r="B218" s="61" t="s">
        <v>590</v>
      </c>
      <c r="C218" s="71" t="s">
        <v>591</v>
      </c>
      <c r="D218" s="72" t="s">
        <v>1130</v>
      </c>
      <c r="E218" s="73"/>
      <c r="F218" s="62">
        <v>12879536.060000001</v>
      </c>
      <c r="G218" s="62">
        <v>15308736.02</v>
      </c>
      <c r="H218" s="62">
        <f t="shared" si="41"/>
        <v>-2429199.959999999</v>
      </c>
      <c r="J218" s="62">
        <v>15308736.02</v>
      </c>
      <c r="K218" s="62">
        <f t="shared" si="42"/>
        <v>-2429199.959999999</v>
      </c>
      <c r="M218" s="62">
        <v>13081969.390000001</v>
      </c>
      <c r="N218" s="62">
        <f t="shared" si="43"/>
        <v>-202433.33000000007</v>
      </c>
      <c r="P218" s="74">
        <v>14495222</v>
      </c>
      <c r="Q218" s="61">
        <v>14103685</v>
      </c>
      <c r="R218" s="61">
        <v>13712148</v>
      </c>
      <c r="S218" s="61">
        <v>13320611</v>
      </c>
      <c r="T218" s="62">
        <v>12929074</v>
      </c>
      <c r="U218" s="61">
        <v>12537537</v>
      </c>
      <c r="V218" s="61">
        <v>12146000</v>
      </c>
      <c r="W218" s="61">
        <v>16320902.67</v>
      </c>
      <c r="X218" s="61">
        <v>16118469.34</v>
      </c>
      <c r="Y218" s="61">
        <v>15916036.01</v>
      </c>
      <c r="Z218" s="61">
        <v>15713602.68</v>
      </c>
      <c r="AA218" s="61">
        <v>15511169.35</v>
      </c>
      <c r="AB218" s="75">
        <v>15308736.02</v>
      </c>
      <c r="AC218" s="61">
        <v>15106302.689999999</v>
      </c>
      <c r="AD218" s="61">
        <v>14903869.359999999</v>
      </c>
      <c r="AE218" s="61">
        <v>15082875.93</v>
      </c>
      <c r="AF218" s="62">
        <v>14880442.6</v>
      </c>
      <c r="AG218" s="61">
        <v>14678009.27</v>
      </c>
      <c r="AH218" s="61">
        <v>14475575.939999999</v>
      </c>
      <c r="AI218" s="61">
        <v>14273142.609999999</v>
      </c>
      <c r="AJ218" s="61">
        <v>14070709.279999999</v>
      </c>
      <c r="AK218" s="61">
        <v>13868275.949999999</v>
      </c>
      <c r="AL218" s="61">
        <v>13284402.720000001</v>
      </c>
      <c r="AM218" s="61">
        <v>13081969.390000001</v>
      </c>
      <c r="AN218" s="75">
        <v>12879536.060000001</v>
      </c>
    </row>
    <row r="219" spans="1:41" s="114" customFormat="1" ht="15" customHeight="1" outlineLevel="1">
      <c r="A219" s="166" t="s">
        <v>1152</v>
      </c>
      <c r="B219" s="167" t="s">
        <v>2</v>
      </c>
      <c r="C219" s="168" t="s">
        <v>1153</v>
      </c>
      <c r="D219" s="147" t="s">
        <v>1130</v>
      </c>
      <c r="E219" s="169"/>
      <c r="F219" s="128">
        <v>12879536.060000001</v>
      </c>
      <c r="G219" s="129">
        <v>15308736.02</v>
      </c>
      <c r="H219" s="129">
        <f t="shared" si="41"/>
        <v>-2429199.959999999</v>
      </c>
      <c r="I219" s="130"/>
      <c r="J219" s="129">
        <v>15308736.02</v>
      </c>
      <c r="K219" s="129">
        <f t="shared" si="42"/>
        <v>-2429199.959999999</v>
      </c>
      <c r="L219" s="129"/>
      <c r="M219" s="129">
        <v>13081969.390000001</v>
      </c>
      <c r="N219" s="129">
        <f t="shared" si="43"/>
        <v>-202433.33000000007</v>
      </c>
      <c r="O219" s="130"/>
      <c r="P219" s="132">
        <v>14495222</v>
      </c>
      <c r="Q219" s="129">
        <v>14103685</v>
      </c>
      <c r="R219" s="129">
        <v>13712148</v>
      </c>
      <c r="S219" s="129">
        <v>13320611</v>
      </c>
      <c r="T219" s="129">
        <v>12929074</v>
      </c>
      <c r="U219" s="129">
        <v>12537537</v>
      </c>
      <c r="V219" s="129">
        <v>12146000</v>
      </c>
      <c r="W219" s="129">
        <v>16320902.67</v>
      </c>
      <c r="X219" s="129">
        <v>16118469.34</v>
      </c>
      <c r="Y219" s="129">
        <v>15916036.01</v>
      </c>
      <c r="Z219" s="129">
        <v>15713602.68</v>
      </c>
      <c r="AA219" s="129">
        <v>15511169.35</v>
      </c>
      <c r="AB219" s="133">
        <v>15308736.02</v>
      </c>
      <c r="AC219" s="129">
        <v>15106302.689999999</v>
      </c>
      <c r="AD219" s="129">
        <v>14903869.359999999</v>
      </c>
      <c r="AE219" s="129">
        <v>15082875.93</v>
      </c>
      <c r="AF219" s="129">
        <v>14880442.6</v>
      </c>
      <c r="AG219" s="129">
        <v>14678009.27</v>
      </c>
      <c r="AH219" s="129">
        <v>14475575.939999999</v>
      </c>
      <c r="AI219" s="129">
        <v>14273142.609999999</v>
      </c>
      <c r="AJ219" s="129">
        <v>14070709.279999999</v>
      </c>
      <c r="AK219" s="129">
        <v>13868275.949999999</v>
      </c>
      <c r="AL219" s="129">
        <v>13284402.720000001</v>
      </c>
      <c r="AM219" s="129">
        <v>13081969.390000001</v>
      </c>
      <c r="AN219" s="133">
        <v>12879536.060000001</v>
      </c>
      <c r="AO219" s="134"/>
    </row>
    <row r="220" spans="1:41" s="62" customFormat="1" outlineLevel="2">
      <c r="A220" s="61" t="s">
        <v>791</v>
      </c>
      <c r="B220" s="61" t="s">
        <v>792</v>
      </c>
      <c r="C220" s="71" t="s">
        <v>793</v>
      </c>
      <c r="D220" s="72" t="s">
        <v>1130</v>
      </c>
      <c r="E220" s="73"/>
      <c r="F220" s="62">
        <v>0</v>
      </c>
      <c r="G220" s="62">
        <v>0</v>
      </c>
      <c r="H220" s="62">
        <f t="shared" si="41"/>
        <v>0</v>
      </c>
      <c r="J220" s="62">
        <v>0</v>
      </c>
      <c r="K220" s="62">
        <f t="shared" si="42"/>
        <v>0</v>
      </c>
      <c r="M220" s="62">
        <v>0</v>
      </c>
      <c r="N220" s="62">
        <f t="shared" si="43"/>
        <v>0</v>
      </c>
      <c r="P220" s="74">
        <v>0</v>
      </c>
      <c r="Q220" s="61">
        <v>0</v>
      </c>
      <c r="R220" s="61">
        <v>0</v>
      </c>
      <c r="S220" s="61">
        <v>15209.960000000001</v>
      </c>
      <c r="T220" s="62">
        <v>0</v>
      </c>
      <c r="U220" s="61">
        <v>0</v>
      </c>
      <c r="V220" s="61">
        <v>0</v>
      </c>
      <c r="W220" s="61">
        <v>0</v>
      </c>
      <c r="X220" s="61">
        <v>0</v>
      </c>
      <c r="Y220" s="61">
        <v>0</v>
      </c>
      <c r="Z220" s="61">
        <v>0</v>
      </c>
      <c r="AA220" s="61">
        <v>0</v>
      </c>
      <c r="AB220" s="75">
        <v>0</v>
      </c>
      <c r="AC220" s="61">
        <v>0</v>
      </c>
      <c r="AD220" s="61">
        <v>0</v>
      </c>
      <c r="AE220" s="61">
        <v>0</v>
      </c>
      <c r="AF220" s="62">
        <v>0</v>
      </c>
      <c r="AG220" s="61">
        <v>0</v>
      </c>
      <c r="AH220" s="61">
        <v>0</v>
      </c>
      <c r="AI220" s="61">
        <v>0</v>
      </c>
      <c r="AJ220" s="61">
        <v>0</v>
      </c>
      <c r="AK220" s="61">
        <v>0</v>
      </c>
      <c r="AL220" s="61">
        <v>0</v>
      </c>
      <c r="AM220" s="61">
        <v>0</v>
      </c>
      <c r="AN220" s="75">
        <v>0</v>
      </c>
    </row>
    <row r="221" spans="1:41" s="62" customFormat="1" outlineLevel="2">
      <c r="A221" s="61" t="s">
        <v>577</v>
      </c>
      <c r="B221" s="61" t="s">
        <v>578</v>
      </c>
      <c r="C221" s="71" t="s">
        <v>579</v>
      </c>
      <c r="D221" s="72" t="s">
        <v>1130</v>
      </c>
      <c r="E221" s="73"/>
      <c r="F221" s="62">
        <v>3961916</v>
      </c>
      <c r="G221" s="62">
        <v>3522150</v>
      </c>
      <c r="H221" s="62">
        <f t="shared" si="41"/>
        <v>439766</v>
      </c>
      <c r="J221" s="62">
        <v>3522150</v>
      </c>
      <c r="K221" s="62">
        <f t="shared" si="42"/>
        <v>439766</v>
      </c>
      <c r="M221" s="62">
        <v>3928811</v>
      </c>
      <c r="N221" s="62">
        <f t="shared" si="43"/>
        <v>33105</v>
      </c>
      <c r="P221" s="74">
        <v>2877218</v>
      </c>
      <c r="Q221" s="61">
        <v>2912751</v>
      </c>
      <c r="R221" s="61">
        <v>2948284</v>
      </c>
      <c r="S221" s="61">
        <v>2983817</v>
      </c>
      <c r="T221" s="62">
        <v>3019350</v>
      </c>
      <c r="U221" s="61">
        <v>3054883</v>
      </c>
      <c r="V221" s="61">
        <v>3090416</v>
      </c>
      <c r="W221" s="61">
        <v>3125949</v>
      </c>
      <c r="X221" s="61">
        <v>3161482</v>
      </c>
      <c r="Y221" s="61">
        <v>3263261</v>
      </c>
      <c r="Z221" s="61">
        <v>3406920</v>
      </c>
      <c r="AA221" s="61">
        <v>3464535</v>
      </c>
      <c r="AB221" s="75">
        <v>3522150</v>
      </c>
      <c r="AC221" s="61">
        <v>3558605</v>
      </c>
      <c r="AD221" s="61">
        <v>3595060</v>
      </c>
      <c r="AE221" s="61">
        <v>3631515</v>
      </c>
      <c r="AF221" s="62">
        <v>3667970</v>
      </c>
      <c r="AG221" s="61">
        <v>3704425</v>
      </c>
      <c r="AH221" s="61">
        <v>3740880</v>
      </c>
      <c r="AI221" s="61">
        <v>3777335</v>
      </c>
      <c r="AJ221" s="61">
        <v>3829496</v>
      </c>
      <c r="AK221" s="61">
        <v>3862601</v>
      </c>
      <c r="AL221" s="61">
        <v>3895706</v>
      </c>
      <c r="AM221" s="61">
        <v>3928811</v>
      </c>
      <c r="AN221" s="75">
        <v>3961916</v>
      </c>
    </row>
    <row r="222" spans="1:41" s="62" customFormat="1" outlineLevel="2">
      <c r="A222" s="61" t="s">
        <v>580</v>
      </c>
      <c r="B222" s="61" t="s">
        <v>581</v>
      </c>
      <c r="C222" s="71" t="s">
        <v>582</v>
      </c>
      <c r="D222" s="72" t="s">
        <v>1130</v>
      </c>
      <c r="E222" s="73"/>
      <c r="F222" s="62">
        <v>-43105474</v>
      </c>
      <c r="G222" s="62">
        <v>-36272468</v>
      </c>
      <c r="H222" s="62">
        <f t="shared" si="41"/>
        <v>-6833006</v>
      </c>
      <c r="J222" s="62">
        <v>-36272468</v>
      </c>
      <c r="K222" s="62">
        <f t="shared" si="42"/>
        <v>-6833006</v>
      </c>
      <c r="M222" s="62">
        <v>-42262669</v>
      </c>
      <c r="N222" s="62">
        <f t="shared" si="43"/>
        <v>-842805</v>
      </c>
      <c r="P222" s="74">
        <v>-32896053</v>
      </c>
      <c r="Q222" s="61">
        <v>-33342764.960000001</v>
      </c>
      <c r="R222" s="61">
        <v>-33743906.020000003</v>
      </c>
      <c r="S222" s="61">
        <v>-34363212</v>
      </c>
      <c r="T222" s="62">
        <v>-34572452</v>
      </c>
      <c r="U222" s="61">
        <v>-34757194</v>
      </c>
      <c r="V222" s="61">
        <v>-34973829</v>
      </c>
      <c r="W222" s="61">
        <v>-35210532</v>
      </c>
      <c r="X222" s="61">
        <v>-35441162</v>
      </c>
      <c r="Y222" s="61">
        <v>-35667198</v>
      </c>
      <c r="Z222" s="61">
        <v>-35862431</v>
      </c>
      <c r="AA222" s="61">
        <v>-36045937</v>
      </c>
      <c r="AB222" s="75">
        <v>-36272468</v>
      </c>
      <c r="AC222" s="61">
        <v>-36538799</v>
      </c>
      <c r="AD222" s="61">
        <v>-36815261</v>
      </c>
      <c r="AE222" s="61">
        <v>-37049105</v>
      </c>
      <c r="AF222" s="62">
        <v>-37670903</v>
      </c>
      <c r="AG222" s="61">
        <v>-38203891</v>
      </c>
      <c r="AH222" s="61">
        <v>-38828914</v>
      </c>
      <c r="AI222" s="61">
        <v>-39567546</v>
      </c>
      <c r="AJ222" s="61">
        <v>-40359501</v>
      </c>
      <c r="AK222" s="61">
        <v>-41132646</v>
      </c>
      <c r="AL222" s="61">
        <v>-41725216</v>
      </c>
      <c r="AM222" s="61">
        <v>-42262669</v>
      </c>
      <c r="AN222" s="75">
        <v>-43105474</v>
      </c>
    </row>
    <row r="223" spans="1:41" s="62" customFormat="1" outlineLevel="2">
      <c r="A223" s="61" t="s">
        <v>583</v>
      </c>
      <c r="B223" s="61" t="s">
        <v>584</v>
      </c>
      <c r="C223" s="71" t="s">
        <v>585</v>
      </c>
      <c r="D223" s="72" t="s">
        <v>1130</v>
      </c>
      <c r="E223" s="73"/>
      <c r="F223" s="62">
        <v>12650049</v>
      </c>
      <c r="G223" s="62">
        <v>8028269</v>
      </c>
      <c r="H223" s="62">
        <f t="shared" si="41"/>
        <v>4621780</v>
      </c>
      <c r="J223" s="62">
        <v>8028269</v>
      </c>
      <c r="K223" s="62">
        <f t="shared" si="42"/>
        <v>4621780</v>
      </c>
      <c r="M223" s="62">
        <v>12338492</v>
      </c>
      <c r="N223" s="62">
        <f t="shared" si="43"/>
        <v>311557</v>
      </c>
      <c r="P223" s="74">
        <v>6907669</v>
      </c>
      <c r="Q223" s="61">
        <v>6967497</v>
      </c>
      <c r="R223" s="61">
        <v>7027325</v>
      </c>
      <c r="S223" s="61">
        <v>7087153</v>
      </c>
      <c r="T223" s="62">
        <v>7146981</v>
      </c>
      <c r="U223" s="61">
        <v>7206809</v>
      </c>
      <c r="V223" s="61">
        <v>7266637</v>
      </c>
      <c r="W223" s="61">
        <v>7326465</v>
      </c>
      <c r="X223" s="61">
        <v>7386293</v>
      </c>
      <c r="Y223" s="61">
        <v>7639768</v>
      </c>
      <c r="Z223" s="61">
        <v>7779515</v>
      </c>
      <c r="AA223" s="61">
        <v>7903892</v>
      </c>
      <c r="AB223" s="75">
        <v>8028269</v>
      </c>
      <c r="AC223" s="61">
        <v>8129887</v>
      </c>
      <c r="AD223" s="61">
        <v>8231505</v>
      </c>
      <c r="AE223" s="61">
        <v>8333123</v>
      </c>
      <c r="AF223" s="62">
        <v>8434741</v>
      </c>
      <c r="AG223" s="61">
        <v>8536359</v>
      </c>
      <c r="AH223" s="61">
        <v>8637977</v>
      </c>
      <c r="AI223" s="61">
        <v>8739595</v>
      </c>
      <c r="AJ223" s="61">
        <v>11403821</v>
      </c>
      <c r="AK223" s="61">
        <v>11715378</v>
      </c>
      <c r="AL223" s="61">
        <v>12026935</v>
      </c>
      <c r="AM223" s="61">
        <v>12338492</v>
      </c>
      <c r="AN223" s="75">
        <v>12650049</v>
      </c>
    </row>
    <row r="224" spans="1:41" s="62" customFormat="1" outlineLevel="2">
      <c r="A224" s="61" t="s">
        <v>586</v>
      </c>
      <c r="B224" s="61" t="s">
        <v>587</v>
      </c>
      <c r="C224" s="71" t="s">
        <v>588</v>
      </c>
      <c r="D224" s="72" t="s">
        <v>1130</v>
      </c>
      <c r="E224" s="73"/>
      <c r="F224" s="62">
        <v>35568829.719999999</v>
      </c>
      <c r="G224" s="62">
        <v>29054442.440000001</v>
      </c>
      <c r="H224" s="62">
        <f t="shared" si="41"/>
        <v>6514387.2799999975</v>
      </c>
      <c r="J224" s="62">
        <v>29054442.440000001</v>
      </c>
      <c r="K224" s="62">
        <f t="shared" si="42"/>
        <v>6514387.2799999975</v>
      </c>
      <c r="M224" s="62">
        <v>34483720.299999997</v>
      </c>
      <c r="N224" s="62">
        <f t="shared" si="43"/>
        <v>1085109.4200000018</v>
      </c>
      <c r="P224" s="74">
        <v>23468588.030000001</v>
      </c>
      <c r="Q224" s="61">
        <v>23462516.960000001</v>
      </c>
      <c r="R224" s="61">
        <v>23768297.02</v>
      </c>
      <c r="S224" s="61">
        <v>24404017.510000002</v>
      </c>
      <c r="T224" s="62">
        <v>24841914.469999999</v>
      </c>
      <c r="U224" s="61">
        <v>25288046.25</v>
      </c>
      <c r="V224" s="61">
        <v>25792933.68</v>
      </c>
      <c r="W224" s="61">
        <v>26156103.550000001</v>
      </c>
      <c r="X224" s="61">
        <v>26741043.559999999</v>
      </c>
      <c r="Y224" s="61">
        <v>27227179.5</v>
      </c>
      <c r="Z224" s="61">
        <v>27640260.129999999</v>
      </c>
      <c r="AA224" s="61">
        <v>28123391.940000001</v>
      </c>
      <c r="AB224" s="75">
        <v>29054442.440000001</v>
      </c>
      <c r="AC224" s="61">
        <v>29093361.98</v>
      </c>
      <c r="AD224" s="61">
        <v>29713672.809999999</v>
      </c>
      <c r="AE224" s="61">
        <v>30484546.809999999</v>
      </c>
      <c r="AF224" s="62">
        <v>30714901.129999999</v>
      </c>
      <c r="AG224" s="61">
        <v>31183581.52</v>
      </c>
      <c r="AH224" s="61">
        <v>31881163.52</v>
      </c>
      <c r="AI224" s="61">
        <v>32422867.649999999</v>
      </c>
      <c r="AJ224" s="61">
        <v>32919983.199999999</v>
      </c>
      <c r="AK224" s="61">
        <v>33494027.059999999</v>
      </c>
      <c r="AL224" s="61">
        <v>34025474.329999998</v>
      </c>
      <c r="AM224" s="61">
        <v>34483720.299999997</v>
      </c>
      <c r="AN224" s="75">
        <v>35568829.719999999</v>
      </c>
    </row>
    <row r="225" spans="1:41" s="62" customFormat="1" outlineLevel="2">
      <c r="A225" s="61" t="s">
        <v>135</v>
      </c>
      <c r="B225" s="61" t="s">
        <v>136</v>
      </c>
      <c r="C225" s="71" t="s">
        <v>137</v>
      </c>
      <c r="D225" s="72" t="s">
        <v>1130</v>
      </c>
      <c r="E225" s="73"/>
      <c r="F225" s="62">
        <v>0</v>
      </c>
      <c r="G225" s="62">
        <v>163705</v>
      </c>
      <c r="H225" s="62">
        <f t="shared" si="41"/>
        <v>-163705</v>
      </c>
      <c r="J225" s="62">
        <v>163705</v>
      </c>
      <c r="K225" s="62">
        <f t="shared" si="42"/>
        <v>-163705</v>
      </c>
      <c r="M225" s="62">
        <v>0</v>
      </c>
      <c r="N225" s="62">
        <f t="shared" si="43"/>
        <v>0</v>
      </c>
      <c r="P225" s="74">
        <v>253238</v>
      </c>
      <c r="Q225" s="61">
        <v>246125</v>
      </c>
      <c r="R225" s="61">
        <v>171664</v>
      </c>
      <c r="S225" s="61">
        <v>191072</v>
      </c>
      <c r="T225" s="62">
        <v>79987</v>
      </c>
      <c r="U225" s="61">
        <v>73783</v>
      </c>
      <c r="V225" s="61">
        <v>70276</v>
      </c>
      <c r="W225" s="61">
        <v>158753</v>
      </c>
      <c r="X225" s="61">
        <v>114941</v>
      </c>
      <c r="Y225" s="61">
        <v>148896</v>
      </c>
      <c r="Z225" s="61">
        <v>112529</v>
      </c>
      <c r="AA225" s="61">
        <v>128913</v>
      </c>
      <c r="AB225" s="75">
        <v>163705</v>
      </c>
      <c r="AC225" s="61">
        <v>178804</v>
      </c>
      <c r="AD225" s="61">
        <v>157868</v>
      </c>
      <c r="AE225" s="61">
        <v>122149</v>
      </c>
      <c r="AF225" s="62">
        <v>53335</v>
      </c>
      <c r="AG225" s="61">
        <v>21109</v>
      </c>
      <c r="AH225" s="61">
        <v>18950</v>
      </c>
      <c r="AI225" s="61">
        <v>73109</v>
      </c>
      <c r="AJ225" s="61">
        <v>30923</v>
      </c>
      <c r="AK225" s="61">
        <v>0</v>
      </c>
      <c r="AL225" s="61">
        <v>0</v>
      </c>
      <c r="AM225" s="61">
        <v>0</v>
      </c>
      <c r="AN225" s="75">
        <v>0</v>
      </c>
    </row>
    <row r="226" spans="1:41" s="62" customFormat="1" outlineLevel="2">
      <c r="A226" s="61" t="s">
        <v>148</v>
      </c>
      <c r="B226" s="61" t="s">
        <v>149</v>
      </c>
      <c r="C226" s="71" t="s">
        <v>150</v>
      </c>
      <c r="D226" s="72" t="s">
        <v>1130</v>
      </c>
      <c r="E226" s="73"/>
      <c r="F226" s="62">
        <v>1036648.84</v>
      </c>
      <c r="G226" s="62">
        <v>1166230</v>
      </c>
      <c r="H226" s="62">
        <f t="shared" si="41"/>
        <v>-129581.16000000003</v>
      </c>
      <c r="J226" s="62">
        <v>1166230</v>
      </c>
      <c r="K226" s="62">
        <f t="shared" si="42"/>
        <v>-129581.16000000003</v>
      </c>
      <c r="M226" s="62">
        <v>1047447.27</v>
      </c>
      <c r="N226" s="62">
        <f t="shared" si="43"/>
        <v>-10798.430000000051</v>
      </c>
      <c r="P226" s="74">
        <v>1295811.1600000001</v>
      </c>
      <c r="Q226" s="61">
        <v>1285012.73</v>
      </c>
      <c r="R226" s="61">
        <v>1274214.3</v>
      </c>
      <c r="S226" s="61">
        <v>1263415.8700000001</v>
      </c>
      <c r="T226" s="62">
        <v>1252617.44</v>
      </c>
      <c r="U226" s="61">
        <v>1241819.01</v>
      </c>
      <c r="V226" s="61">
        <v>1231020.58</v>
      </c>
      <c r="W226" s="61">
        <v>1220222.1499999999</v>
      </c>
      <c r="X226" s="61">
        <v>1209423.72</v>
      </c>
      <c r="Y226" s="61">
        <v>1198625.29</v>
      </c>
      <c r="Z226" s="61">
        <v>1187826.8600000001</v>
      </c>
      <c r="AA226" s="61">
        <v>1177028.43</v>
      </c>
      <c r="AB226" s="75">
        <v>1166230</v>
      </c>
      <c r="AC226" s="61">
        <v>1155431.57</v>
      </c>
      <c r="AD226" s="61">
        <v>1144633.1400000001</v>
      </c>
      <c r="AE226" s="61">
        <v>1133834.71</v>
      </c>
      <c r="AF226" s="62">
        <v>1123036.28</v>
      </c>
      <c r="AG226" s="61">
        <v>1112237.8500000001</v>
      </c>
      <c r="AH226" s="61">
        <v>1101439.42</v>
      </c>
      <c r="AI226" s="61">
        <v>1090640.99</v>
      </c>
      <c r="AJ226" s="61">
        <v>1079842.56</v>
      </c>
      <c r="AK226" s="61">
        <v>1069044.1299999999</v>
      </c>
      <c r="AL226" s="61">
        <v>1058245.7</v>
      </c>
      <c r="AM226" s="61">
        <v>1047447.27</v>
      </c>
      <c r="AN226" s="75">
        <v>1036648.84</v>
      </c>
    </row>
    <row r="227" spans="1:41" s="62" customFormat="1" outlineLevel="2">
      <c r="A227" s="61" t="s">
        <v>592</v>
      </c>
      <c r="B227" s="239" t="s">
        <v>483</v>
      </c>
      <c r="C227" s="240" t="s">
        <v>480</v>
      </c>
      <c r="D227" s="241" t="s">
        <v>1130</v>
      </c>
      <c r="E227" s="242"/>
      <c r="F227" s="243">
        <v>502814.92</v>
      </c>
      <c r="G227" s="62">
        <v>0</v>
      </c>
      <c r="H227" s="62">
        <f t="shared" si="41"/>
        <v>502814.92</v>
      </c>
      <c r="J227" s="62">
        <v>0</v>
      </c>
      <c r="K227" s="62">
        <f t="shared" si="42"/>
        <v>502814.92</v>
      </c>
      <c r="M227" s="62">
        <v>601110.92000000004</v>
      </c>
      <c r="N227" s="62">
        <f t="shared" si="43"/>
        <v>-98296.000000000058</v>
      </c>
      <c r="P227" s="74">
        <v>0</v>
      </c>
      <c r="Q227" s="61">
        <v>0</v>
      </c>
      <c r="R227" s="61">
        <v>0</v>
      </c>
      <c r="S227" s="61">
        <v>0</v>
      </c>
      <c r="T227" s="62">
        <v>0</v>
      </c>
      <c r="U227" s="61">
        <v>0</v>
      </c>
      <c r="V227" s="61">
        <v>0</v>
      </c>
      <c r="W227" s="61">
        <v>0</v>
      </c>
      <c r="X227" s="61">
        <v>0</v>
      </c>
      <c r="Y227" s="61">
        <v>0</v>
      </c>
      <c r="Z227" s="61">
        <v>0</v>
      </c>
      <c r="AA227" s="61">
        <v>0</v>
      </c>
      <c r="AB227" s="75">
        <v>0</v>
      </c>
      <c r="AC227" s="61">
        <v>0</v>
      </c>
      <c r="AD227" s="61">
        <v>0</v>
      </c>
      <c r="AE227" s="61">
        <v>0</v>
      </c>
      <c r="AF227" s="62">
        <v>0</v>
      </c>
      <c r="AG227" s="61">
        <v>0</v>
      </c>
      <c r="AH227" s="61">
        <v>599194.5</v>
      </c>
      <c r="AI227" s="61">
        <v>661053.67000000004</v>
      </c>
      <c r="AJ227" s="61">
        <v>583277.47</v>
      </c>
      <c r="AK227" s="61">
        <v>512311.64</v>
      </c>
      <c r="AL227" s="61">
        <v>538938.16</v>
      </c>
      <c r="AM227" s="61">
        <v>601110.92000000004</v>
      </c>
      <c r="AN227" s="75">
        <v>502814.92</v>
      </c>
    </row>
    <row r="228" spans="1:41" s="62" customFormat="1" outlineLevel="2">
      <c r="A228" s="61" t="s">
        <v>794</v>
      </c>
      <c r="B228" s="61" t="s">
        <v>795</v>
      </c>
      <c r="C228" s="71" t="s">
        <v>796</v>
      </c>
      <c r="D228" s="72" t="s">
        <v>1130</v>
      </c>
      <c r="E228" s="73"/>
      <c r="F228" s="62">
        <v>0</v>
      </c>
      <c r="G228" s="62">
        <v>0</v>
      </c>
      <c r="H228" s="62">
        <f t="shared" si="41"/>
        <v>0</v>
      </c>
      <c r="J228" s="62">
        <v>0</v>
      </c>
      <c r="K228" s="62">
        <f t="shared" si="42"/>
        <v>0</v>
      </c>
      <c r="M228" s="62">
        <v>0</v>
      </c>
      <c r="N228" s="62">
        <f t="shared" si="43"/>
        <v>0</v>
      </c>
      <c r="P228" s="74">
        <v>0</v>
      </c>
      <c r="Q228" s="61">
        <v>0</v>
      </c>
      <c r="R228" s="61">
        <v>0</v>
      </c>
      <c r="S228" s="61">
        <v>0</v>
      </c>
      <c r="T228" s="62">
        <v>0</v>
      </c>
      <c r="U228" s="61">
        <v>0</v>
      </c>
      <c r="V228" s="61">
        <v>0</v>
      </c>
      <c r="W228" s="61">
        <v>0</v>
      </c>
      <c r="X228" s="61">
        <v>0</v>
      </c>
      <c r="Y228" s="61">
        <v>823435</v>
      </c>
      <c r="Z228" s="61">
        <v>0</v>
      </c>
      <c r="AA228" s="61">
        <v>0</v>
      </c>
      <c r="AB228" s="75">
        <v>0</v>
      </c>
      <c r="AC228" s="61">
        <v>0</v>
      </c>
      <c r="AD228" s="61">
        <v>0</v>
      </c>
      <c r="AE228" s="61">
        <v>0</v>
      </c>
      <c r="AF228" s="62">
        <v>0</v>
      </c>
      <c r="AG228" s="61">
        <v>0</v>
      </c>
      <c r="AH228" s="61">
        <v>0</v>
      </c>
      <c r="AI228" s="61">
        <v>0</v>
      </c>
      <c r="AJ228" s="61">
        <v>0</v>
      </c>
      <c r="AK228" s="61">
        <v>0</v>
      </c>
      <c r="AL228" s="61">
        <v>0</v>
      </c>
      <c r="AM228" s="61">
        <v>0</v>
      </c>
      <c r="AN228" s="75">
        <v>0</v>
      </c>
    </row>
    <row r="229" spans="1:41" s="62" customFormat="1" outlineLevel="2">
      <c r="A229" s="61" t="s">
        <v>454</v>
      </c>
      <c r="B229" s="61" t="s">
        <v>455</v>
      </c>
      <c r="C229" s="71" t="s">
        <v>456</v>
      </c>
      <c r="D229" s="72" t="s">
        <v>1130</v>
      </c>
      <c r="E229" s="73"/>
      <c r="F229" s="62">
        <v>-2121.1799999999998</v>
      </c>
      <c r="G229" s="62">
        <v>0</v>
      </c>
      <c r="H229" s="62">
        <f t="shared" si="41"/>
        <v>-2121.1799999999998</v>
      </c>
      <c r="J229" s="62">
        <v>0</v>
      </c>
      <c r="K229" s="62">
        <f t="shared" si="42"/>
        <v>-2121.1799999999998</v>
      </c>
      <c r="M229" s="62">
        <v>-1909.63</v>
      </c>
      <c r="N229" s="62">
        <f t="shared" si="43"/>
        <v>-211.54999999999973</v>
      </c>
      <c r="P229" s="74">
        <v>0</v>
      </c>
      <c r="Q229" s="61">
        <v>0</v>
      </c>
      <c r="R229" s="61">
        <v>0</v>
      </c>
      <c r="S229" s="61">
        <v>0</v>
      </c>
      <c r="T229" s="62">
        <v>0</v>
      </c>
      <c r="U229" s="61">
        <v>0</v>
      </c>
      <c r="V229" s="61">
        <v>0</v>
      </c>
      <c r="W229" s="61">
        <v>0</v>
      </c>
      <c r="X229" s="61">
        <v>0</v>
      </c>
      <c r="Y229" s="61">
        <v>0</v>
      </c>
      <c r="Z229" s="61">
        <v>0</v>
      </c>
      <c r="AA229" s="61">
        <v>0</v>
      </c>
      <c r="AB229" s="75">
        <v>0</v>
      </c>
      <c r="AC229" s="61">
        <v>0</v>
      </c>
      <c r="AD229" s="61">
        <v>0</v>
      </c>
      <c r="AE229" s="61">
        <v>0</v>
      </c>
      <c r="AF229" s="62">
        <v>-643.16999999999996</v>
      </c>
      <c r="AG229" s="61">
        <v>-792.9</v>
      </c>
      <c r="AH229" s="61">
        <v>-956.76</v>
      </c>
      <c r="AI229" s="61">
        <v>-1129.6000000000001</v>
      </c>
      <c r="AJ229" s="61">
        <v>-1309.8600000000001</v>
      </c>
      <c r="AK229" s="61">
        <v>-1500.54</v>
      </c>
      <c r="AL229" s="61">
        <v>-1704.28</v>
      </c>
      <c r="AM229" s="61">
        <v>-1909.63</v>
      </c>
      <c r="AN229" s="75">
        <v>-2121.1799999999998</v>
      </c>
    </row>
    <row r="230" spans="1:41" s="62" customFormat="1" outlineLevel="2">
      <c r="A230" s="61" t="s">
        <v>457</v>
      </c>
      <c r="B230" s="61" t="s">
        <v>458</v>
      </c>
      <c r="C230" s="71" t="s">
        <v>459</v>
      </c>
      <c r="D230" s="72" t="s">
        <v>1130</v>
      </c>
      <c r="E230" s="73"/>
      <c r="F230" s="62">
        <v>4259.97</v>
      </c>
      <c r="G230" s="62">
        <v>0</v>
      </c>
      <c r="H230" s="62">
        <f t="shared" si="41"/>
        <v>4259.97</v>
      </c>
      <c r="J230" s="62">
        <v>0</v>
      </c>
      <c r="K230" s="62">
        <f t="shared" si="42"/>
        <v>4259.97</v>
      </c>
      <c r="M230" s="62">
        <v>3835.11</v>
      </c>
      <c r="N230" s="62">
        <f t="shared" si="43"/>
        <v>424.86000000000013</v>
      </c>
      <c r="P230" s="74">
        <v>0</v>
      </c>
      <c r="Q230" s="61">
        <v>0</v>
      </c>
      <c r="R230" s="61">
        <v>0</v>
      </c>
      <c r="S230" s="61">
        <v>0</v>
      </c>
      <c r="T230" s="62">
        <v>0</v>
      </c>
      <c r="U230" s="61">
        <v>0</v>
      </c>
      <c r="V230" s="61">
        <v>0</v>
      </c>
      <c r="W230" s="61">
        <v>0</v>
      </c>
      <c r="X230" s="61">
        <v>0</v>
      </c>
      <c r="Y230" s="61">
        <v>0</v>
      </c>
      <c r="Z230" s="61">
        <v>0</v>
      </c>
      <c r="AA230" s="61">
        <v>0</v>
      </c>
      <c r="AB230" s="75">
        <v>0</v>
      </c>
      <c r="AC230" s="61">
        <v>0</v>
      </c>
      <c r="AD230" s="61">
        <v>0</v>
      </c>
      <c r="AE230" s="61">
        <v>0</v>
      </c>
      <c r="AF230" s="62">
        <v>1291.68</v>
      </c>
      <c r="AG230" s="61">
        <v>1592.38</v>
      </c>
      <c r="AH230" s="61">
        <v>1921.46</v>
      </c>
      <c r="AI230" s="61">
        <v>2268.58</v>
      </c>
      <c r="AJ230" s="61">
        <v>2630.6</v>
      </c>
      <c r="AK230" s="61">
        <v>3013.54</v>
      </c>
      <c r="AL230" s="61">
        <v>3422.7000000000003</v>
      </c>
      <c r="AM230" s="61">
        <v>3835.11</v>
      </c>
      <c r="AN230" s="75">
        <v>4259.97</v>
      </c>
    </row>
    <row r="231" spans="1:41" s="62" customFormat="1" outlineLevel="2">
      <c r="A231" s="61" t="s">
        <v>460</v>
      </c>
      <c r="B231" s="61" t="s">
        <v>461</v>
      </c>
      <c r="C231" s="71" t="s">
        <v>462</v>
      </c>
      <c r="D231" s="72" t="s">
        <v>1130</v>
      </c>
      <c r="E231" s="73"/>
      <c r="F231" s="62">
        <v>13005.720000000001</v>
      </c>
      <c r="G231" s="62">
        <v>0</v>
      </c>
      <c r="H231" s="62">
        <f t="shared" si="41"/>
        <v>13005.720000000001</v>
      </c>
      <c r="J231" s="62">
        <v>0</v>
      </c>
      <c r="K231" s="62">
        <f t="shared" si="42"/>
        <v>13005.720000000001</v>
      </c>
      <c r="M231" s="62">
        <v>11708.64</v>
      </c>
      <c r="N231" s="62">
        <f t="shared" si="43"/>
        <v>1297.0800000000017</v>
      </c>
      <c r="P231" s="74">
        <v>0</v>
      </c>
      <c r="Q231" s="61">
        <v>0</v>
      </c>
      <c r="R231" s="61">
        <v>0</v>
      </c>
      <c r="S231" s="61">
        <v>0</v>
      </c>
      <c r="T231" s="62">
        <v>0</v>
      </c>
      <c r="U231" s="61">
        <v>0</v>
      </c>
      <c r="V231" s="61">
        <v>0</v>
      </c>
      <c r="W231" s="61">
        <v>0</v>
      </c>
      <c r="X231" s="61">
        <v>0</v>
      </c>
      <c r="Y231" s="61">
        <v>0</v>
      </c>
      <c r="Z231" s="61">
        <v>0</v>
      </c>
      <c r="AA231" s="61">
        <v>0</v>
      </c>
      <c r="AB231" s="75">
        <v>0</v>
      </c>
      <c r="AC231" s="61">
        <v>0</v>
      </c>
      <c r="AD231" s="61">
        <v>0</v>
      </c>
      <c r="AE231" s="61">
        <v>0</v>
      </c>
      <c r="AF231" s="62">
        <v>3943.53</v>
      </c>
      <c r="AG231" s="61">
        <v>4861.5600000000004</v>
      </c>
      <c r="AH231" s="61">
        <v>5866.24</v>
      </c>
      <c r="AI231" s="61">
        <v>6926</v>
      </c>
      <c r="AJ231" s="61">
        <v>8031.25</v>
      </c>
      <c r="AK231" s="61">
        <v>9200.41</v>
      </c>
      <c r="AL231" s="61">
        <v>10449.56</v>
      </c>
      <c r="AM231" s="61">
        <v>11708.64</v>
      </c>
      <c r="AN231" s="75">
        <v>13005.720000000001</v>
      </c>
    </row>
    <row r="232" spans="1:41" s="114" customFormat="1" ht="15" customHeight="1" outlineLevel="1">
      <c r="A232" s="166" t="s">
        <v>1154</v>
      </c>
      <c r="B232" s="167" t="s">
        <v>2</v>
      </c>
      <c r="C232" s="168" t="s">
        <v>1155</v>
      </c>
      <c r="D232" s="147" t="s">
        <v>1130</v>
      </c>
      <c r="E232" s="169"/>
      <c r="F232" s="128">
        <v>10629928.99</v>
      </c>
      <c r="G232" s="129">
        <v>5662328.4400000013</v>
      </c>
      <c r="H232" s="129">
        <f t="shared" si="41"/>
        <v>4967600.5499999989</v>
      </c>
      <c r="I232" s="130"/>
      <c r="J232" s="129">
        <v>5662328.4400000013</v>
      </c>
      <c r="K232" s="129">
        <f t="shared" si="42"/>
        <v>4967600.5499999989</v>
      </c>
      <c r="L232" s="129"/>
      <c r="M232" s="129">
        <v>10150546.609999996</v>
      </c>
      <c r="N232" s="129">
        <f t="shared" si="43"/>
        <v>479382.38000000454</v>
      </c>
      <c r="O232" s="130"/>
      <c r="P232" s="132">
        <v>1906471.1900000013</v>
      </c>
      <c r="Q232" s="129">
        <v>1531137.73</v>
      </c>
      <c r="R232" s="129">
        <v>1445878.2999999963</v>
      </c>
      <c r="S232" s="129">
        <v>1581473.3400000026</v>
      </c>
      <c r="T232" s="129">
        <v>1768397.9099999988</v>
      </c>
      <c r="U232" s="129">
        <v>2108146.2599999998</v>
      </c>
      <c r="V232" s="129">
        <v>2477454.2599999998</v>
      </c>
      <c r="W232" s="129">
        <v>2776960.7000000007</v>
      </c>
      <c r="X232" s="129">
        <v>3172021.2799999984</v>
      </c>
      <c r="Y232" s="129">
        <v>4633966.79</v>
      </c>
      <c r="Z232" s="129">
        <v>4264619.9899999993</v>
      </c>
      <c r="AA232" s="129">
        <v>4751823.370000001</v>
      </c>
      <c r="AB232" s="133">
        <v>5662328.4400000013</v>
      </c>
      <c r="AC232" s="129">
        <v>5577290.5500000007</v>
      </c>
      <c r="AD232" s="129">
        <v>6027477.9499999993</v>
      </c>
      <c r="AE232" s="129">
        <v>6656063.5199999986</v>
      </c>
      <c r="AF232" s="129">
        <v>6327672.4499999993</v>
      </c>
      <c r="AG232" s="129">
        <v>6359482.4099999983</v>
      </c>
      <c r="AH232" s="129">
        <v>7157521.3799999999</v>
      </c>
      <c r="AI232" s="129">
        <v>7205120.2899999991</v>
      </c>
      <c r="AJ232" s="129">
        <v>9497194.2200000007</v>
      </c>
      <c r="AK232" s="129">
        <v>9531429.2399999984</v>
      </c>
      <c r="AL232" s="129">
        <v>9832251.1699999981</v>
      </c>
      <c r="AM232" s="129">
        <v>10150546.609999996</v>
      </c>
      <c r="AN232" s="133">
        <v>10629928.99</v>
      </c>
      <c r="AO232" s="134"/>
    </row>
    <row r="233" spans="1:41" s="114" customFormat="1" ht="15" customHeight="1" outlineLevel="1">
      <c r="A233" s="166"/>
      <c r="B233" s="167" t="s">
        <v>2</v>
      </c>
      <c r="C233" s="172" t="s">
        <v>1156</v>
      </c>
      <c r="D233" s="173"/>
      <c r="E233" s="174"/>
      <c r="F233" s="175">
        <f>+F232+F219+F214+F213+F206+F199+F198+F197+F216+F215+F217</f>
        <v>120167159.13</v>
      </c>
      <c r="G233" s="176">
        <f>+G232+G219+G214+G213+G206+G199+G198+G197+G216+G215+G217</f>
        <v>113124649.05000001</v>
      </c>
      <c r="H233" s="176">
        <f t="shared" si="41"/>
        <v>7042510.0799999833</v>
      </c>
      <c r="I233" s="130"/>
      <c r="J233" s="176">
        <f>+J232+J219+J214+J213+J206+J199+J198+J197+J216+J215+J217</f>
        <v>113124649.05000001</v>
      </c>
      <c r="K233" s="176">
        <f t="shared" si="42"/>
        <v>7042510.0799999833</v>
      </c>
      <c r="L233" s="176"/>
      <c r="M233" s="176">
        <f>+M232+M219+M214+M213+M206+M199+M198+M197+M216+M215+M217</f>
        <v>117058122.03999999</v>
      </c>
      <c r="N233" s="176">
        <f t="shared" si="43"/>
        <v>3109037.0900000036</v>
      </c>
      <c r="O233" s="130"/>
      <c r="P233" s="177">
        <f t="shared" ref="P233:AN233" si="46">+P232+P219+P214+P213+P206+P199+P198+P197+P216+P215+P217</f>
        <v>101808132.62</v>
      </c>
      <c r="Q233" s="176">
        <f t="shared" si="46"/>
        <v>99400104.400000006</v>
      </c>
      <c r="R233" s="176">
        <f t="shared" si="46"/>
        <v>99730415.890000001</v>
      </c>
      <c r="S233" s="176">
        <f t="shared" si="46"/>
        <v>99792771.519999996</v>
      </c>
      <c r="T233" s="176">
        <f t="shared" si="46"/>
        <v>100163619.45</v>
      </c>
      <c r="U233" s="176">
        <f t="shared" si="46"/>
        <v>100713589.12</v>
      </c>
      <c r="V233" s="176">
        <f t="shared" si="46"/>
        <v>100964723.72</v>
      </c>
      <c r="W233" s="176">
        <f t="shared" si="46"/>
        <v>106347097.77000001</v>
      </c>
      <c r="X233" s="176">
        <f t="shared" si="46"/>
        <v>107160976.00999999</v>
      </c>
      <c r="Y233" s="176">
        <f t="shared" si="46"/>
        <v>108825233.55</v>
      </c>
      <c r="Z233" s="176">
        <f t="shared" si="46"/>
        <v>108776931.80999999</v>
      </c>
      <c r="AA233" s="176">
        <f t="shared" si="46"/>
        <v>109417703.65000001</v>
      </c>
      <c r="AB233" s="178">
        <f t="shared" si="46"/>
        <v>113124649.05000001</v>
      </c>
      <c r="AC233" s="176">
        <f t="shared" si="46"/>
        <v>113016343.34999999</v>
      </c>
      <c r="AD233" s="176">
        <f t="shared" si="46"/>
        <v>113546909.19999999</v>
      </c>
      <c r="AE233" s="176">
        <f t="shared" si="46"/>
        <v>114252802.60000001</v>
      </c>
      <c r="AF233" s="176">
        <f t="shared" si="46"/>
        <v>113932055.94999999</v>
      </c>
      <c r="AG233" s="176">
        <f t="shared" si="46"/>
        <v>113916675.64999999</v>
      </c>
      <c r="AH233" s="176">
        <f t="shared" si="46"/>
        <v>114708601.12</v>
      </c>
      <c r="AI233" s="176">
        <f t="shared" si="46"/>
        <v>114677774.40000001</v>
      </c>
      <c r="AJ233" s="176">
        <f t="shared" si="46"/>
        <v>117023751.41999999</v>
      </c>
      <c r="AK233" s="176">
        <f t="shared" si="46"/>
        <v>116957368.32999998</v>
      </c>
      <c r="AL233" s="176">
        <f t="shared" si="46"/>
        <v>116811012.81999999</v>
      </c>
      <c r="AM233" s="176">
        <f t="shared" si="46"/>
        <v>117058122.03999999</v>
      </c>
      <c r="AN233" s="178">
        <f t="shared" si="46"/>
        <v>120167159.13</v>
      </c>
      <c r="AO233" s="134"/>
    </row>
    <row r="234" spans="1:41" s="114" customFormat="1" ht="15" customHeight="1" outlineLevel="1">
      <c r="A234" s="166" t="s">
        <v>1157</v>
      </c>
      <c r="B234" s="167" t="s">
        <v>2</v>
      </c>
      <c r="C234" s="179" t="s">
        <v>1158</v>
      </c>
      <c r="D234" s="147" t="s">
        <v>1130</v>
      </c>
      <c r="E234" s="169"/>
      <c r="F234" s="128">
        <v>0</v>
      </c>
      <c r="G234" s="129">
        <v>0</v>
      </c>
      <c r="H234" s="129">
        <f t="shared" si="41"/>
        <v>0</v>
      </c>
      <c r="I234" s="130"/>
      <c r="J234" s="129">
        <v>0</v>
      </c>
      <c r="K234" s="129">
        <f t="shared" si="42"/>
        <v>0</v>
      </c>
      <c r="L234" s="129"/>
      <c r="M234" s="129">
        <v>0</v>
      </c>
      <c r="N234" s="129">
        <f t="shared" si="43"/>
        <v>0</v>
      </c>
      <c r="O234" s="130"/>
      <c r="P234" s="132">
        <v>0</v>
      </c>
      <c r="Q234" s="129">
        <v>0</v>
      </c>
      <c r="R234" s="129">
        <v>0</v>
      </c>
      <c r="S234" s="129">
        <v>0</v>
      </c>
      <c r="T234" s="129">
        <v>0</v>
      </c>
      <c r="U234" s="129">
        <v>0</v>
      </c>
      <c r="V234" s="129">
        <v>0</v>
      </c>
      <c r="W234" s="129">
        <v>0</v>
      </c>
      <c r="X234" s="129">
        <v>0</v>
      </c>
      <c r="Y234" s="129">
        <v>0</v>
      </c>
      <c r="Z234" s="129">
        <v>0</v>
      </c>
      <c r="AA234" s="129">
        <v>0</v>
      </c>
      <c r="AB234" s="133">
        <v>0</v>
      </c>
      <c r="AC234" s="129">
        <v>0</v>
      </c>
      <c r="AD234" s="129">
        <v>0</v>
      </c>
      <c r="AE234" s="129">
        <v>0</v>
      </c>
      <c r="AF234" s="129">
        <v>0</v>
      </c>
      <c r="AG234" s="129">
        <v>0</v>
      </c>
      <c r="AH234" s="129">
        <v>0</v>
      </c>
      <c r="AI234" s="129">
        <v>0</v>
      </c>
      <c r="AJ234" s="129">
        <v>0</v>
      </c>
      <c r="AK234" s="129">
        <v>0</v>
      </c>
      <c r="AL234" s="129">
        <v>0</v>
      </c>
      <c r="AM234" s="129">
        <v>0</v>
      </c>
      <c r="AN234" s="133">
        <v>0</v>
      </c>
      <c r="AO234" s="134"/>
    </row>
    <row r="235" spans="1:41" s="62" customFormat="1" outlineLevel="2">
      <c r="A235" s="61" t="s">
        <v>157</v>
      </c>
      <c r="B235" s="61" t="s">
        <v>158</v>
      </c>
      <c r="C235" s="71" t="s">
        <v>159</v>
      </c>
      <c r="D235" s="72" t="s">
        <v>1130</v>
      </c>
      <c r="E235" s="73"/>
      <c r="F235" s="62">
        <v>159707.73000000001</v>
      </c>
      <c r="G235" s="62">
        <v>167015</v>
      </c>
      <c r="H235" s="62">
        <f t="shared" si="41"/>
        <v>-7307.2699999999895</v>
      </c>
      <c r="J235" s="62">
        <v>167015</v>
      </c>
      <c r="K235" s="62">
        <f t="shared" si="42"/>
        <v>-7307.2699999999895</v>
      </c>
      <c r="M235" s="62">
        <v>160543.9</v>
      </c>
      <c r="N235" s="62">
        <f t="shared" si="43"/>
        <v>-836.1699999999837</v>
      </c>
      <c r="P235" s="74">
        <v>172412.53</v>
      </c>
      <c r="Q235" s="61">
        <v>171618</v>
      </c>
      <c r="R235" s="61">
        <v>170816.1</v>
      </c>
      <c r="S235" s="61">
        <v>170014.2</v>
      </c>
      <c r="T235" s="62">
        <v>169212.25</v>
      </c>
      <c r="U235" s="61">
        <v>168410.30000000002</v>
      </c>
      <c r="V235" s="61">
        <v>170116.97</v>
      </c>
      <c r="W235" s="61">
        <v>169303.01</v>
      </c>
      <c r="X235" s="61">
        <v>168489.05000000002</v>
      </c>
      <c r="Y235" s="61">
        <v>167675.09</v>
      </c>
      <c r="Z235" s="61">
        <v>166861.13</v>
      </c>
      <c r="AA235" s="61">
        <v>166047.17000000001</v>
      </c>
      <c r="AB235" s="75">
        <v>167015</v>
      </c>
      <c r="AC235" s="61">
        <v>166192.26999999999</v>
      </c>
      <c r="AD235" s="61">
        <v>165369.54</v>
      </c>
      <c r="AE235" s="61">
        <v>164546.81</v>
      </c>
      <c r="AF235" s="62">
        <v>163724.08000000002</v>
      </c>
      <c r="AG235" s="61">
        <v>162901.35</v>
      </c>
      <c r="AH235" s="61">
        <v>164724.75</v>
      </c>
      <c r="AI235" s="61">
        <v>163888.58000000002</v>
      </c>
      <c r="AJ235" s="61">
        <v>163052.41</v>
      </c>
      <c r="AK235" s="61">
        <v>162216.24</v>
      </c>
      <c r="AL235" s="61">
        <v>161380.07</v>
      </c>
      <c r="AM235" s="61">
        <v>160543.9</v>
      </c>
      <c r="AN235" s="75">
        <v>159707.73000000001</v>
      </c>
    </row>
    <row r="236" spans="1:41" s="114" customFormat="1" ht="15" customHeight="1" outlineLevel="1">
      <c r="A236" s="113" t="s">
        <v>1159</v>
      </c>
      <c r="B236" s="114" t="s">
        <v>2</v>
      </c>
      <c r="C236" s="126" t="s">
        <v>1160</v>
      </c>
      <c r="D236" s="147" t="s">
        <v>1130</v>
      </c>
      <c r="E236" s="117"/>
      <c r="F236" s="128">
        <v>159707.73000000001</v>
      </c>
      <c r="G236" s="129">
        <v>167015</v>
      </c>
      <c r="H236" s="129">
        <f t="shared" si="41"/>
        <v>-7307.2699999999895</v>
      </c>
      <c r="I236" s="130"/>
      <c r="J236" s="129">
        <v>167015</v>
      </c>
      <c r="K236" s="129">
        <f t="shared" si="42"/>
        <v>-7307.2699999999895</v>
      </c>
      <c r="L236" s="129"/>
      <c r="M236" s="129">
        <v>160543.9</v>
      </c>
      <c r="N236" s="129">
        <f t="shared" si="43"/>
        <v>-836.1699999999837</v>
      </c>
      <c r="O236" s="130"/>
      <c r="P236" s="132">
        <v>172412.53</v>
      </c>
      <c r="Q236" s="129">
        <v>171618</v>
      </c>
      <c r="R236" s="129">
        <v>170816.1</v>
      </c>
      <c r="S236" s="129">
        <v>170014.2</v>
      </c>
      <c r="T236" s="129">
        <v>169212.25</v>
      </c>
      <c r="U236" s="129">
        <v>168410.30000000002</v>
      </c>
      <c r="V236" s="129">
        <v>170116.97</v>
      </c>
      <c r="W236" s="129">
        <v>169303.01</v>
      </c>
      <c r="X236" s="129">
        <v>168489.05000000002</v>
      </c>
      <c r="Y236" s="129">
        <v>167675.09</v>
      </c>
      <c r="Z236" s="129">
        <v>166861.13</v>
      </c>
      <c r="AA236" s="129">
        <v>166047.17000000001</v>
      </c>
      <c r="AB236" s="133">
        <v>167015</v>
      </c>
      <c r="AC236" s="129">
        <v>166192.26999999999</v>
      </c>
      <c r="AD236" s="129">
        <v>165369.54</v>
      </c>
      <c r="AE236" s="129">
        <v>164546.81</v>
      </c>
      <c r="AF236" s="129">
        <v>163724.08000000002</v>
      </c>
      <c r="AG236" s="129">
        <v>162901.35</v>
      </c>
      <c r="AH236" s="129">
        <v>164724.75</v>
      </c>
      <c r="AI236" s="129">
        <v>163888.58000000002</v>
      </c>
      <c r="AJ236" s="129">
        <v>163052.41</v>
      </c>
      <c r="AK236" s="129">
        <v>162216.24</v>
      </c>
      <c r="AL236" s="129">
        <v>161380.07</v>
      </c>
      <c r="AM236" s="129">
        <v>160543.9</v>
      </c>
      <c r="AN236" s="133">
        <v>159707.73000000001</v>
      </c>
      <c r="AO236" s="134"/>
    </row>
    <row r="237" spans="1:41" s="137" customFormat="1" ht="15" customHeight="1">
      <c r="A237" s="136"/>
      <c r="B237" s="137" t="s">
        <v>2</v>
      </c>
      <c r="C237" s="138" t="s">
        <v>1161</v>
      </c>
      <c r="D237" s="146"/>
      <c r="E237" s="117"/>
      <c r="F237" s="139">
        <f>+F234+F233+F236</f>
        <v>120326866.86</v>
      </c>
      <c r="G237" s="140">
        <f>+G234+G233+G236</f>
        <v>113291664.05000001</v>
      </c>
      <c r="H237" s="140">
        <f t="shared" si="41"/>
        <v>7035202.8099999875</v>
      </c>
      <c r="I237" s="141"/>
      <c r="J237" s="140">
        <f>+J234+J233+J236</f>
        <v>113291664.05000001</v>
      </c>
      <c r="K237" s="140">
        <f t="shared" si="42"/>
        <v>7035202.8099999875</v>
      </c>
      <c r="L237" s="140"/>
      <c r="M237" s="140">
        <f>+M234+M233+M236</f>
        <v>117218665.94</v>
      </c>
      <c r="N237" s="140">
        <f t="shared" si="43"/>
        <v>3108200.9200000018</v>
      </c>
      <c r="O237" s="130"/>
      <c r="P237" s="142">
        <f t="shared" ref="P237:AN237" si="47">+P234+P233+P236</f>
        <v>101980545.15000001</v>
      </c>
      <c r="Q237" s="140">
        <f t="shared" si="47"/>
        <v>99571722.400000006</v>
      </c>
      <c r="R237" s="140">
        <f t="shared" si="47"/>
        <v>99901231.989999995</v>
      </c>
      <c r="S237" s="140">
        <f t="shared" si="47"/>
        <v>99962785.719999999</v>
      </c>
      <c r="T237" s="140">
        <f t="shared" si="47"/>
        <v>100332831.7</v>
      </c>
      <c r="U237" s="140">
        <f t="shared" si="47"/>
        <v>100881999.42</v>
      </c>
      <c r="V237" s="140">
        <f t="shared" si="47"/>
        <v>101134840.69</v>
      </c>
      <c r="W237" s="140">
        <f t="shared" si="47"/>
        <v>106516400.78000002</v>
      </c>
      <c r="X237" s="140">
        <f t="shared" si="47"/>
        <v>107329465.05999999</v>
      </c>
      <c r="Y237" s="140">
        <f t="shared" si="47"/>
        <v>108992908.64</v>
      </c>
      <c r="Z237" s="140">
        <f t="shared" si="47"/>
        <v>108943792.93999998</v>
      </c>
      <c r="AA237" s="140">
        <f t="shared" si="47"/>
        <v>109583750.82000001</v>
      </c>
      <c r="AB237" s="143">
        <f t="shared" si="47"/>
        <v>113291664.05000001</v>
      </c>
      <c r="AC237" s="140">
        <f t="shared" si="47"/>
        <v>113182535.61999999</v>
      </c>
      <c r="AD237" s="140">
        <f t="shared" si="47"/>
        <v>113712278.73999999</v>
      </c>
      <c r="AE237" s="140">
        <f t="shared" si="47"/>
        <v>114417349.41000001</v>
      </c>
      <c r="AF237" s="140">
        <f t="shared" si="47"/>
        <v>114095780.02999999</v>
      </c>
      <c r="AG237" s="140">
        <f t="shared" si="47"/>
        <v>114079576.99999999</v>
      </c>
      <c r="AH237" s="140">
        <f t="shared" si="47"/>
        <v>114873325.87</v>
      </c>
      <c r="AI237" s="140">
        <f t="shared" si="47"/>
        <v>114841662.98</v>
      </c>
      <c r="AJ237" s="140">
        <f t="shared" si="47"/>
        <v>117186803.82999998</v>
      </c>
      <c r="AK237" s="140">
        <f t="shared" si="47"/>
        <v>117119584.56999998</v>
      </c>
      <c r="AL237" s="140">
        <f t="shared" si="47"/>
        <v>116972392.88999999</v>
      </c>
      <c r="AM237" s="140">
        <f t="shared" si="47"/>
        <v>117218665.94</v>
      </c>
      <c r="AN237" s="143">
        <f t="shared" si="47"/>
        <v>120326866.86</v>
      </c>
      <c r="AO237" s="144"/>
    </row>
    <row r="238" spans="1:41" s="137" customFormat="1" ht="3" hidden="1" customHeight="1" outlineLevel="1">
      <c r="A238" s="136"/>
      <c r="C238" s="138"/>
      <c r="D238" s="146"/>
      <c r="E238" s="117"/>
      <c r="F238" s="139"/>
      <c r="G238" s="140"/>
      <c r="H238" s="140"/>
      <c r="I238" s="141"/>
      <c r="J238" s="140"/>
      <c r="K238" s="140"/>
      <c r="L238" s="140"/>
      <c r="M238" s="140"/>
      <c r="N238" s="140"/>
      <c r="O238" s="130"/>
      <c r="P238" s="142"/>
      <c r="Q238" s="140"/>
      <c r="R238" s="140"/>
      <c r="S238" s="140"/>
      <c r="T238" s="140"/>
      <c r="U238" s="140"/>
      <c r="V238" s="140"/>
      <c r="W238" s="140"/>
      <c r="X238" s="140"/>
      <c r="Y238" s="140"/>
      <c r="Z238" s="140"/>
      <c r="AA238" s="140"/>
      <c r="AB238" s="143"/>
      <c r="AC238" s="140"/>
      <c r="AD238" s="140"/>
      <c r="AE238" s="140"/>
      <c r="AF238" s="140"/>
      <c r="AG238" s="140"/>
      <c r="AH238" s="140"/>
      <c r="AI238" s="140"/>
      <c r="AJ238" s="140"/>
      <c r="AK238" s="140"/>
      <c r="AL238" s="140"/>
      <c r="AM238" s="140"/>
      <c r="AN238" s="143"/>
      <c r="AO238" s="144"/>
    </row>
    <row r="239" spans="1:41" s="137" customFormat="1" ht="15" customHeight="1" collapsed="1">
      <c r="A239" s="136" t="s">
        <v>1162</v>
      </c>
      <c r="B239" s="137" t="s">
        <v>2</v>
      </c>
      <c r="C239" s="138" t="s">
        <v>1163</v>
      </c>
      <c r="D239" s="147" t="s">
        <v>1164</v>
      </c>
      <c r="E239" s="117"/>
      <c r="F239" s="139">
        <v>0</v>
      </c>
      <c r="G239" s="140">
        <v>0</v>
      </c>
      <c r="H239" s="140">
        <f>+F239-G239</f>
        <v>0</v>
      </c>
      <c r="I239" s="141"/>
      <c r="J239" s="140">
        <v>0</v>
      </c>
      <c r="K239" s="140">
        <f>+F239-J239</f>
        <v>0</v>
      </c>
      <c r="L239" s="140"/>
      <c r="M239" s="140">
        <v>0</v>
      </c>
      <c r="N239" s="140">
        <f>+F239-M239</f>
        <v>0</v>
      </c>
      <c r="O239" s="130"/>
      <c r="P239" s="142">
        <v>0</v>
      </c>
      <c r="Q239" s="140">
        <v>0</v>
      </c>
      <c r="R239" s="140">
        <v>0</v>
      </c>
      <c r="S239" s="140">
        <v>0</v>
      </c>
      <c r="T239" s="140">
        <v>0</v>
      </c>
      <c r="U239" s="140">
        <v>0</v>
      </c>
      <c r="V239" s="140">
        <v>0</v>
      </c>
      <c r="W239" s="140">
        <v>0</v>
      </c>
      <c r="X239" s="140">
        <v>0</v>
      </c>
      <c r="Y239" s="140">
        <v>0</v>
      </c>
      <c r="Z239" s="140">
        <v>0</v>
      </c>
      <c r="AA239" s="140">
        <v>0</v>
      </c>
      <c r="AB239" s="143">
        <v>0</v>
      </c>
      <c r="AC239" s="140">
        <v>0</v>
      </c>
      <c r="AD239" s="140">
        <v>0</v>
      </c>
      <c r="AE239" s="140">
        <v>0</v>
      </c>
      <c r="AF239" s="140">
        <v>0</v>
      </c>
      <c r="AG239" s="140">
        <v>0</v>
      </c>
      <c r="AH239" s="140">
        <v>0</v>
      </c>
      <c r="AI239" s="140">
        <v>0</v>
      </c>
      <c r="AJ239" s="140">
        <v>0</v>
      </c>
      <c r="AK239" s="140">
        <v>0</v>
      </c>
      <c r="AL239" s="140">
        <v>0</v>
      </c>
      <c r="AM239" s="140">
        <v>0</v>
      </c>
      <c r="AN239" s="143">
        <v>0</v>
      </c>
      <c r="AO239" s="144"/>
    </row>
    <row r="240" spans="1:41" s="137" customFormat="1" ht="3" hidden="1" customHeight="1" outlineLevel="1">
      <c r="A240" s="136"/>
      <c r="C240" s="138"/>
      <c r="D240" s="146"/>
      <c r="E240" s="117"/>
      <c r="F240" s="139"/>
      <c r="G240" s="140"/>
      <c r="H240" s="140"/>
      <c r="I240" s="141"/>
      <c r="J240" s="140"/>
      <c r="K240" s="140"/>
      <c r="L240" s="140"/>
      <c r="M240" s="140"/>
      <c r="N240" s="140"/>
      <c r="O240" s="131"/>
      <c r="P240" s="142"/>
      <c r="Q240" s="140"/>
      <c r="R240" s="140"/>
      <c r="S240" s="140"/>
      <c r="T240" s="140"/>
      <c r="U240" s="140"/>
      <c r="V240" s="140"/>
      <c r="W240" s="140"/>
      <c r="X240" s="140"/>
      <c r="Y240" s="140"/>
      <c r="Z240" s="140"/>
      <c r="AA240" s="140"/>
      <c r="AB240" s="143"/>
      <c r="AC240" s="140"/>
      <c r="AD240" s="140"/>
      <c r="AE240" s="140"/>
      <c r="AF240" s="140"/>
      <c r="AG240" s="140"/>
      <c r="AH240" s="140"/>
      <c r="AI240" s="140"/>
      <c r="AJ240" s="140"/>
      <c r="AK240" s="140"/>
      <c r="AL240" s="140"/>
      <c r="AM240" s="140"/>
      <c r="AN240" s="143"/>
      <c r="AO240" s="144"/>
    </row>
    <row r="241" spans="1:41" s="137" customFormat="1" ht="15" customHeight="1" collapsed="1">
      <c r="A241" s="136" t="s">
        <v>1165</v>
      </c>
      <c r="B241" s="137" t="s">
        <v>2</v>
      </c>
      <c r="C241" s="138" t="s">
        <v>1166</v>
      </c>
      <c r="D241" s="147" t="s">
        <v>1167</v>
      </c>
      <c r="E241" s="117"/>
      <c r="F241" s="139">
        <v>0</v>
      </c>
      <c r="G241" s="140">
        <v>0</v>
      </c>
      <c r="H241" s="140">
        <f>+F241-G241</f>
        <v>0</v>
      </c>
      <c r="I241" s="141"/>
      <c r="J241" s="140">
        <v>0</v>
      </c>
      <c r="K241" s="140">
        <f>+F241-J241</f>
        <v>0</v>
      </c>
      <c r="L241" s="140"/>
      <c r="M241" s="140">
        <v>0</v>
      </c>
      <c r="N241" s="140">
        <f>+F241-M241</f>
        <v>0</v>
      </c>
      <c r="O241" s="131"/>
      <c r="P241" s="142">
        <v>0</v>
      </c>
      <c r="Q241" s="140">
        <v>0</v>
      </c>
      <c r="R241" s="140">
        <v>0</v>
      </c>
      <c r="S241" s="140">
        <v>0</v>
      </c>
      <c r="T241" s="140">
        <v>0</v>
      </c>
      <c r="U241" s="140">
        <v>0</v>
      </c>
      <c r="V241" s="140">
        <v>0</v>
      </c>
      <c r="W241" s="140">
        <v>0</v>
      </c>
      <c r="X241" s="140">
        <v>0</v>
      </c>
      <c r="Y241" s="140">
        <v>0</v>
      </c>
      <c r="Z241" s="140">
        <v>0</v>
      </c>
      <c r="AA241" s="140">
        <v>0</v>
      </c>
      <c r="AB241" s="143">
        <v>0</v>
      </c>
      <c r="AC241" s="140">
        <v>0</v>
      </c>
      <c r="AD241" s="140">
        <v>0</v>
      </c>
      <c r="AE241" s="140">
        <v>0</v>
      </c>
      <c r="AF241" s="140">
        <v>0</v>
      </c>
      <c r="AG241" s="140">
        <v>0</v>
      </c>
      <c r="AH241" s="140">
        <v>0</v>
      </c>
      <c r="AI241" s="140">
        <v>0</v>
      </c>
      <c r="AJ241" s="140">
        <v>0</v>
      </c>
      <c r="AK241" s="140">
        <v>0</v>
      </c>
      <c r="AL241" s="140">
        <v>0</v>
      </c>
      <c r="AM241" s="140">
        <v>0</v>
      </c>
      <c r="AN241" s="143">
        <v>0</v>
      </c>
      <c r="AO241" s="144"/>
    </row>
    <row r="242" spans="1:41" s="114" customFormat="1" ht="3" hidden="1" customHeight="1" outlineLevel="1">
      <c r="A242" s="113"/>
      <c r="C242" s="145"/>
      <c r="D242" s="146"/>
      <c r="E242" s="117"/>
      <c r="F242" s="128"/>
      <c r="G242" s="129"/>
      <c r="H242" s="129"/>
      <c r="I242" s="130"/>
      <c r="J242" s="129"/>
      <c r="K242" s="129"/>
      <c r="L242" s="129"/>
      <c r="M242" s="129"/>
      <c r="N242" s="129"/>
      <c r="O242" s="131"/>
      <c r="P242" s="132"/>
      <c r="Q242" s="129"/>
      <c r="R242" s="129"/>
      <c r="S242" s="129"/>
      <c r="T242" s="129"/>
      <c r="U242" s="129"/>
      <c r="V242" s="129"/>
      <c r="W242" s="129"/>
      <c r="X242" s="129"/>
      <c r="Y242" s="129"/>
      <c r="Z242" s="129"/>
      <c r="AA242" s="129"/>
      <c r="AB242" s="133"/>
      <c r="AC242" s="129"/>
      <c r="AD242" s="129"/>
      <c r="AE242" s="129"/>
      <c r="AF242" s="129"/>
      <c r="AG242" s="129"/>
      <c r="AH242" s="129"/>
      <c r="AI242" s="129"/>
      <c r="AJ242" s="129"/>
      <c r="AK242" s="129"/>
      <c r="AL242" s="129"/>
      <c r="AM242" s="129"/>
      <c r="AN242" s="133"/>
      <c r="AO242" s="134"/>
    </row>
    <row r="243" spans="1:41" s="114" customFormat="1" ht="15" hidden="1" customHeight="1" outlineLevel="1">
      <c r="A243" s="113" t="s">
        <v>1168</v>
      </c>
      <c r="B243" s="114" t="s">
        <v>2</v>
      </c>
      <c r="C243" s="126" t="s">
        <v>1169</v>
      </c>
      <c r="D243" s="147" t="s">
        <v>1170</v>
      </c>
      <c r="E243" s="117"/>
      <c r="F243" s="128">
        <v>0</v>
      </c>
      <c r="G243" s="129">
        <v>0</v>
      </c>
      <c r="H243" s="129">
        <f>+F243-G243</f>
        <v>0</v>
      </c>
      <c r="I243" s="130"/>
      <c r="J243" s="129">
        <v>0</v>
      </c>
      <c r="K243" s="129">
        <f>+F243-J243</f>
        <v>0</v>
      </c>
      <c r="L243" s="129"/>
      <c r="M243" s="129">
        <v>0</v>
      </c>
      <c r="N243" s="129">
        <f>+F243-M243</f>
        <v>0</v>
      </c>
      <c r="O243" s="131"/>
      <c r="P243" s="132">
        <v>0</v>
      </c>
      <c r="Q243" s="129">
        <v>0</v>
      </c>
      <c r="R243" s="129">
        <v>0</v>
      </c>
      <c r="S243" s="129">
        <v>0</v>
      </c>
      <c r="T243" s="129">
        <v>0</v>
      </c>
      <c r="U243" s="129">
        <v>0</v>
      </c>
      <c r="V243" s="129">
        <v>0</v>
      </c>
      <c r="W243" s="129">
        <v>0</v>
      </c>
      <c r="X243" s="129">
        <v>0</v>
      </c>
      <c r="Y243" s="129">
        <v>0</v>
      </c>
      <c r="Z243" s="129">
        <v>0</v>
      </c>
      <c r="AA243" s="129">
        <v>0</v>
      </c>
      <c r="AB243" s="133">
        <v>0</v>
      </c>
      <c r="AC243" s="129">
        <v>0</v>
      </c>
      <c r="AD243" s="129">
        <v>0</v>
      </c>
      <c r="AE243" s="129">
        <v>0</v>
      </c>
      <c r="AF243" s="129">
        <v>0</v>
      </c>
      <c r="AG243" s="129">
        <v>0</v>
      </c>
      <c r="AH243" s="129">
        <v>0</v>
      </c>
      <c r="AI243" s="129">
        <v>0</v>
      </c>
      <c r="AJ243" s="129">
        <v>0</v>
      </c>
      <c r="AK243" s="129">
        <v>0</v>
      </c>
      <c r="AL243" s="129">
        <v>0</v>
      </c>
      <c r="AM243" s="129">
        <v>0</v>
      </c>
      <c r="AN243" s="133">
        <v>0</v>
      </c>
      <c r="AO243" s="134"/>
    </row>
    <row r="244" spans="1:41" s="114" customFormat="1" ht="15" hidden="1" customHeight="1" outlineLevel="1">
      <c r="A244" s="113" t="s">
        <v>1171</v>
      </c>
      <c r="B244" s="114" t="s">
        <v>2</v>
      </c>
      <c r="C244" s="126" t="s">
        <v>1172</v>
      </c>
      <c r="D244" s="147" t="s">
        <v>1170</v>
      </c>
      <c r="E244" s="117"/>
      <c r="F244" s="128">
        <v>0</v>
      </c>
      <c r="G244" s="129">
        <v>0</v>
      </c>
      <c r="H244" s="129">
        <f>+F244-G244</f>
        <v>0</v>
      </c>
      <c r="I244" s="130"/>
      <c r="J244" s="129">
        <v>0</v>
      </c>
      <c r="K244" s="129">
        <f>+F244-J244</f>
        <v>0</v>
      </c>
      <c r="L244" s="129"/>
      <c r="M244" s="129">
        <v>0</v>
      </c>
      <c r="N244" s="129">
        <f>+F244-M244</f>
        <v>0</v>
      </c>
      <c r="O244" s="131"/>
      <c r="P244" s="132">
        <v>0</v>
      </c>
      <c r="Q244" s="129">
        <v>0</v>
      </c>
      <c r="R244" s="129">
        <v>0</v>
      </c>
      <c r="S244" s="129">
        <v>0</v>
      </c>
      <c r="T244" s="129">
        <v>0</v>
      </c>
      <c r="U244" s="129">
        <v>0</v>
      </c>
      <c r="V244" s="129">
        <v>0</v>
      </c>
      <c r="W244" s="129">
        <v>0</v>
      </c>
      <c r="X244" s="129">
        <v>0</v>
      </c>
      <c r="Y244" s="129">
        <v>0</v>
      </c>
      <c r="Z244" s="129">
        <v>0</v>
      </c>
      <c r="AA244" s="129">
        <v>0</v>
      </c>
      <c r="AB244" s="133">
        <v>0</v>
      </c>
      <c r="AC244" s="129">
        <v>0</v>
      </c>
      <c r="AD244" s="129">
        <v>0</v>
      </c>
      <c r="AE244" s="129">
        <v>0</v>
      </c>
      <c r="AF244" s="129">
        <v>0</v>
      </c>
      <c r="AG244" s="129">
        <v>0</v>
      </c>
      <c r="AH244" s="129">
        <v>0</v>
      </c>
      <c r="AI244" s="129">
        <v>0</v>
      </c>
      <c r="AJ244" s="129">
        <v>0</v>
      </c>
      <c r="AK244" s="129">
        <v>0</v>
      </c>
      <c r="AL244" s="129">
        <v>0</v>
      </c>
      <c r="AM244" s="129">
        <v>0</v>
      </c>
      <c r="AN244" s="133">
        <v>0</v>
      </c>
      <c r="AO244" s="134"/>
    </row>
    <row r="245" spans="1:41" s="137" customFormat="1" ht="15" customHeight="1" collapsed="1">
      <c r="A245" s="136"/>
      <c r="B245" s="137" t="s">
        <v>2</v>
      </c>
      <c r="C245" s="138" t="s">
        <v>1173</v>
      </c>
      <c r="D245" s="146"/>
      <c r="E245" s="117"/>
      <c r="F245" s="139">
        <f>+F244+F243</f>
        <v>0</v>
      </c>
      <c r="G245" s="140">
        <f>+G244+G243</f>
        <v>0</v>
      </c>
      <c r="H245" s="140">
        <f>+F245-G245</f>
        <v>0</v>
      </c>
      <c r="I245" s="141"/>
      <c r="J245" s="140">
        <f>+J244+J243</f>
        <v>0</v>
      </c>
      <c r="K245" s="140">
        <f>+F245-J245</f>
        <v>0</v>
      </c>
      <c r="L245" s="140"/>
      <c r="M245" s="140">
        <f>+M244+M243</f>
        <v>0</v>
      </c>
      <c r="N245" s="140">
        <f>+F245-M245</f>
        <v>0</v>
      </c>
      <c r="O245" s="131"/>
      <c r="P245" s="142">
        <f t="shared" ref="P245:AN245" si="48">+P244+P243</f>
        <v>0</v>
      </c>
      <c r="Q245" s="140">
        <f t="shared" si="48"/>
        <v>0</v>
      </c>
      <c r="R245" s="140">
        <f t="shared" si="48"/>
        <v>0</v>
      </c>
      <c r="S245" s="140">
        <f t="shared" si="48"/>
        <v>0</v>
      </c>
      <c r="T245" s="140">
        <f t="shared" si="48"/>
        <v>0</v>
      </c>
      <c r="U245" s="140">
        <f t="shared" si="48"/>
        <v>0</v>
      </c>
      <c r="V245" s="140">
        <f t="shared" si="48"/>
        <v>0</v>
      </c>
      <c r="W245" s="140">
        <f t="shared" si="48"/>
        <v>0</v>
      </c>
      <c r="X245" s="140">
        <f t="shared" si="48"/>
        <v>0</v>
      </c>
      <c r="Y245" s="140">
        <f t="shared" si="48"/>
        <v>0</v>
      </c>
      <c r="Z245" s="140">
        <f t="shared" si="48"/>
        <v>0</v>
      </c>
      <c r="AA245" s="140">
        <f t="shared" si="48"/>
        <v>0</v>
      </c>
      <c r="AB245" s="143">
        <f t="shared" si="48"/>
        <v>0</v>
      </c>
      <c r="AC245" s="140">
        <f t="shared" si="48"/>
        <v>0</v>
      </c>
      <c r="AD245" s="140">
        <f t="shared" si="48"/>
        <v>0</v>
      </c>
      <c r="AE245" s="140">
        <f t="shared" si="48"/>
        <v>0</v>
      </c>
      <c r="AF245" s="140">
        <f t="shared" si="48"/>
        <v>0</v>
      </c>
      <c r="AG245" s="140">
        <f t="shared" si="48"/>
        <v>0</v>
      </c>
      <c r="AH245" s="140">
        <f t="shared" si="48"/>
        <v>0</v>
      </c>
      <c r="AI245" s="140">
        <f t="shared" si="48"/>
        <v>0</v>
      </c>
      <c r="AJ245" s="140">
        <f t="shared" si="48"/>
        <v>0</v>
      </c>
      <c r="AK245" s="140">
        <f t="shared" si="48"/>
        <v>0</v>
      </c>
      <c r="AL245" s="140">
        <f t="shared" si="48"/>
        <v>0</v>
      </c>
      <c r="AM245" s="140">
        <f t="shared" si="48"/>
        <v>0</v>
      </c>
      <c r="AN245" s="143">
        <f t="shared" si="48"/>
        <v>0</v>
      </c>
      <c r="AO245" s="144"/>
    </row>
    <row r="246" spans="1:41" s="137" customFormat="1" ht="3" hidden="1" customHeight="1" outlineLevel="1">
      <c r="A246" s="136"/>
      <c r="C246" s="138"/>
      <c r="D246" s="146"/>
      <c r="E246" s="117"/>
      <c r="F246" s="139"/>
      <c r="G246" s="140"/>
      <c r="H246" s="140"/>
      <c r="I246" s="141"/>
      <c r="J246" s="140"/>
      <c r="K246" s="140"/>
      <c r="L246" s="140"/>
      <c r="M246" s="140"/>
      <c r="N246" s="140"/>
      <c r="O246" s="131"/>
      <c r="P246" s="142"/>
      <c r="Q246" s="140"/>
      <c r="R246" s="140"/>
      <c r="S246" s="140"/>
      <c r="T246" s="140"/>
      <c r="U246" s="140"/>
      <c r="V246" s="140"/>
      <c r="W246" s="140"/>
      <c r="X246" s="140"/>
      <c r="Y246" s="140"/>
      <c r="Z246" s="140"/>
      <c r="AA246" s="140"/>
      <c r="AB246" s="143"/>
      <c r="AC246" s="140"/>
      <c r="AD246" s="140"/>
      <c r="AE246" s="140"/>
      <c r="AF246" s="140"/>
      <c r="AG246" s="140"/>
      <c r="AH246" s="140"/>
      <c r="AI246" s="140"/>
      <c r="AJ246" s="140"/>
      <c r="AK246" s="140"/>
      <c r="AL246" s="140"/>
      <c r="AM246" s="140"/>
      <c r="AN246" s="143"/>
      <c r="AO246" s="144"/>
    </row>
    <row r="247" spans="1:41" s="137" customFormat="1" ht="15" customHeight="1" collapsed="1">
      <c r="A247" s="136" t="s">
        <v>1174</v>
      </c>
      <c r="B247" s="137" t="s">
        <v>2</v>
      </c>
      <c r="C247" s="138" t="s">
        <v>1175</v>
      </c>
      <c r="D247" s="147" t="s">
        <v>1176</v>
      </c>
      <c r="E247" s="117"/>
      <c r="F247" s="139">
        <v>0</v>
      </c>
      <c r="G247" s="140">
        <v>0</v>
      </c>
      <c r="H247" s="140">
        <f>+F247-G247</f>
        <v>0</v>
      </c>
      <c r="I247" s="141"/>
      <c r="J247" s="140">
        <v>0</v>
      </c>
      <c r="K247" s="140">
        <f>+F247-J247</f>
        <v>0</v>
      </c>
      <c r="L247" s="140"/>
      <c r="M247" s="140">
        <v>0</v>
      </c>
      <c r="N247" s="140">
        <f>+F247-M247</f>
        <v>0</v>
      </c>
      <c r="O247" s="131"/>
      <c r="P247" s="142">
        <v>0</v>
      </c>
      <c r="Q247" s="140">
        <v>0</v>
      </c>
      <c r="R247" s="140">
        <v>0</v>
      </c>
      <c r="S247" s="140">
        <v>0</v>
      </c>
      <c r="T247" s="140">
        <v>0</v>
      </c>
      <c r="U247" s="140">
        <v>0</v>
      </c>
      <c r="V247" s="140">
        <v>0</v>
      </c>
      <c r="W247" s="140">
        <v>0</v>
      </c>
      <c r="X247" s="140">
        <v>0</v>
      </c>
      <c r="Y247" s="140">
        <v>0</v>
      </c>
      <c r="Z247" s="140">
        <v>0</v>
      </c>
      <c r="AA247" s="140">
        <v>0</v>
      </c>
      <c r="AB247" s="143">
        <v>0</v>
      </c>
      <c r="AC247" s="140">
        <v>0</v>
      </c>
      <c r="AD247" s="140">
        <v>0</v>
      </c>
      <c r="AE247" s="140">
        <v>0</v>
      </c>
      <c r="AF247" s="140">
        <v>0</v>
      </c>
      <c r="AG247" s="140">
        <v>0</v>
      </c>
      <c r="AH247" s="140">
        <v>0</v>
      </c>
      <c r="AI247" s="140">
        <v>0</v>
      </c>
      <c r="AJ247" s="140">
        <v>0</v>
      </c>
      <c r="AK247" s="140">
        <v>0</v>
      </c>
      <c r="AL247" s="140">
        <v>0</v>
      </c>
      <c r="AM247" s="140">
        <v>0</v>
      </c>
      <c r="AN247" s="143">
        <v>0</v>
      </c>
      <c r="AO247" s="144"/>
    </row>
    <row r="248" spans="1:41" s="114" customFormat="1" ht="3" hidden="1" customHeight="1" outlineLevel="1">
      <c r="A248" s="113"/>
      <c r="C248" s="150"/>
      <c r="D248" s="146"/>
      <c r="E248" s="117"/>
      <c r="F248" s="128"/>
      <c r="G248" s="129"/>
      <c r="H248" s="129"/>
      <c r="I248" s="130"/>
      <c r="J248" s="129"/>
      <c r="K248" s="129"/>
      <c r="L248" s="129"/>
      <c r="M248" s="129"/>
      <c r="N248" s="129"/>
      <c r="O248" s="131"/>
      <c r="P248" s="132"/>
      <c r="Q248" s="129"/>
      <c r="R248" s="129"/>
      <c r="S248" s="129"/>
      <c r="T248" s="129"/>
      <c r="U248" s="129"/>
      <c r="V248" s="129"/>
      <c r="W248" s="129"/>
      <c r="X248" s="129"/>
      <c r="Y248" s="129"/>
      <c r="Z248" s="129"/>
      <c r="AA248" s="129"/>
      <c r="AB248" s="133"/>
      <c r="AC248" s="129"/>
      <c r="AD248" s="129"/>
      <c r="AE248" s="129"/>
      <c r="AF248" s="129"/>
      <c r="AG248" s="129"/>
      <c r="AH248" s="129"/>
      <c r="AI248" s="129"/>
      <c r="AJ248" s="129"/>
      <c r="AK248" s="129"/>
      <c r="AL248" s="129"/>
      <c r="AM248" s="129"/>
      <c r="AN248" s="133"/>
      <c r="AO248" s="134"/>
    </row>
    <row r="249" spans="1:41" s="114" customFormat="1" ht="15" hidden="1" customHeight="1" outlineLevel="1">
      <c r="A249" s="113" t="s">
        <v>1177</v>
      </c>
      <c r="B249" s="114" t="s">
        <v>2</v>
      </c>
      <c r="C249" s="148" t="s">
        <v>1178</v>
      </c>
      <c r="D249" s="147" t="s">
        <v>1179</v>
      </c>
      <c r="E249" s="117"/>
      <c r="F249" s="128">
        <v>0</v>
      </c>
      <c r="G249" s="129">
        <v>0</v>
      </c>
      <c r="H249" s="129">
        <f>+F249-G249</f>
        <v>0</v>
      </c>
      <c r="I249" s="130"/>
      <c r="J249" s="129">
        <v>0</v>
      </c>
      <c r="K249" s="129">
        <f>+F249-J249</f>
        <v>0</v>
      </c>
      <c r="L249" s="129"/>
      <c r="M249" s="129">
        <v>0</v>
      </c>
      <c r="N249" s="129">
        <f>+F249-M249</f>
        <v>0</v>
      </c>
      <c r="O249" s="131"/>
      <c r="P249" s="132">
        <v>0</v>
      </c>
      <c r="Q249" s="129">
        <v>0</v>
      </c>
      <c r="R249" s="129">
        <v>0</v>
      </c>
      <c r="S249" s="129">
        <v>0</v>
      </c>
      <c r="T249" s="129">
        <v>0</v>
      </c>
      <c r="U249" s="129">
        <v>0</v>
      </c>
      <c r="V249" s="129">
        <v>0</v>
      </c>
      <c r="W249" s="129">
        <v>0</v>
      </c>
      <c r="X249" s="129">
        <v>0</v>
      </c>
      <c r="Y249" s="129">
        <v>0</v>
      </c>
      <c r="Z249" s="129">
        <v>0</v>
      </c>
      <c r="AA249" s="129">
        <v>0</v>
      </c>
      <c r="AB249" s="133">
        <v>0</v>
      </c>
      <c r="AC249" s="129">
        <v>0</v>
      </c>
      <c r="AD249" s="129">
        <v>0</v>
      </c>
      <c r="AE249" s="129">
        <v>0</v>
      </c>
      <c r="AF249" s="129">
        <v>0</v>
      </c>
      <c r="AG249" s="129">
        <v>0</v>
      </c>
      <c r="AH249" s="129">
        <v>0</v>
      </c>
      <c r="AI249" s="129">
        <v>0</v>
      </c>
      <c r="AJ249" s="129">
        <v>0</v>
      </c>
      <c r="AK249" s="129">
        <v>0</v>
      </c>
      <c r="AL249" s="129">
        <v>0</v>
      </c>
      <c r="AM249" s="129">
        <v>0</v>
      </c>
      <c r="AN249" s="133">
        <v>0</v>
      </c>
      <c r="AO249" s="134"/>
    </row>
    <row r="250" spans="1:41" s="62" customFormat="1" hidden="1" outlineLevel="2">
      <c r="A250" s="61" t="s">
        <v>72</v>
      </c>
      <c r="B250" s="61" t="s">
        <v>73</v>
      </c>
      <c r="C250" s="71" t="s">
        <v>74</v>
      </c>
      <c r="D250" s="72" t="s">
        <v>1179</v>
      </c>
      <c r="E250" s="73"/>
      <c r="F250" s="62">
        <v>0</v>
      </c>
      <c r="G250" s="62">
        <v>0</v>
      </c>
      <c r="H250" s="62">
        <f>+F250-G250</f>
        <v>0</v>
      </c>
      <c r="J250" s="62">
        <v>0</v>
      </c>
      <c r="K250" s="62">
        <f>+F250-J250</f>
        <v>0</v>
      </c>
      <c r="M250" s="62">
        <v>0</v>
      </c>
      <c r="N250" s="62">
        <f>+F250-M250</f>
        <v>0</v>
      </c>
      <c r="P250" s="74">
        <v>0</v>
      </c>
      <c r="Q250" s="61">
        <v>0</v>
      </c>
      <c r="R250" s="61">
        <v>0</v>
      </c>
      <c r="S250" s="61">
        <v>0</v>
      </c>
      <c r="T250" s="62">
        <v>28165</v>
      </c>
      <c r="U250" s="61">
        <v>19375</v>
      </c>
      <c r="V250" s="61">
        <v>11929</v>
      </c>
      <c r="W250" s="61">
        <v>0</v>
      </c>
      <c r="X250" s="61">
        <v>0</v>
      </c>
      <c r="Y250" s="61">
        <v>0</v>
      </c>
      <c r="Z250" s="61">
        <v>0</v>
      </c>
      <c r="AA250" s="61">
        <v>0</v>
      </c>
      <c r="AB250" s="75">
        <v>0</v>
      </c>
      <c r="AC250" s="61">
        <v>0</v>
      </c>
      <c r="AD250" s="61">
        <v>0</v>
      </c>
      <c r="AE250" s="61">
        <v>0</v>
      </c>
      <c r="AF250" s="62">
        <v>11029</v>
      </c>
      <c r="AG250" s="61">
        <v>14755</v>
      </c>
      <c r="AH250" s="61">
        <v>12108</v>
      </c>
      <c r="AI250" s="61">
        <v>0</v>
      </c>
      <c r="AJ250" s="61">
        <v>2506</v>
      </c>
      <c r="AK250" s="61">
        <v>4039</v>
      </c>
      <c r="AL250" s="61">
        <v>1696</v>
      </c>
      <c r="AM250" s="61">
        <v>0</v>
      </c>
      <c r="AN250" s="75">
        <v>0</v>
      </c>
    </row>
    <row r="251" spans="1:41" s="114" customFormat="1" ht="15" hidden="1" customHeight="1" outlineLevel="1">
      <c r="A251" s="113" t="s">
        <v>1180</v>
      </c>
      <c r="B251" s="114" t="s">
        <v>2</v>
      </c>
      <c r="C251" s="148" t="s">
        <v>1181</v>
      </c>
      <c r="D251" s="147" t="s">
        <v>1179</v>
      </c>
      <c r="E251" s="117"/>
      <c r="F251" s="128">
        <v>0</v>
      </c>
      <c r="G251" s="129">
        <v>0</v>
      </c>
      <c r="H251" s="129">
        <f>+F251-G251</f>
        <v>0</v>
      </c>
      <c r="I251" s="130"/>
      <c r="J251" s="129">
        <v>0</v>
      </c>
      <c r="K251" s="129">
        <f>+F251-J251</f>
        <v>0</v>
      </c>
      <c r="L251" s="129"/>
      <c r="M251" s="129">
        <v>0</v>
      </c>
      <c r="N251" s="129">
        <f>+F251-M251</f>
        <v>0</v>
      </c>
      <c r="O251" s="131"/>
      <c r="P251" s="132">
        <v>0</v>
      </c>
      <c r="Q251" s="129">
        <v>0</v>
      </c>
      <c r="R251" s="129">
        <v>0</v>
      </c>
      <c r="S251" s="129">
        <v>0</v>
      </c>
      <c r="T251" s="129">
        <v>28165</v>
      </c>
      <c r="U251" s="129">
        <v>19375</v>
      </c>
      <c r="V251" s="129">
        <v>11929</v>
      </c>
      <c r="W251" s="129">
        <v>0</v>
      </c>
      <c r="X251" s="129">
        <v>0</v>
      </c>
      <c r="Y251" s="129">
        <v>0</v>
      </c>
      <c r="Z251" s="129">
        <v>0</v>
      </c>
      <c r="AA251" s="129">
        <v>0</v>
      </c>
      <c r="AB251" s="133">
        <v>0</v>
      </c>
      <c r="AC251" s="129">
        <v>0</v>
      </c>
      <c r="AD251" s="129">
        <v>0</v>
      </c>
      <c r="AE251" s="129">
        <v>0</v>
      </c>
      <c r="AF251" s="129">
        <v>11029</v>
      </c>
      <c r="AG251" s="129">
        <v>14755</v>
      </c>
      <c r="AH251" s="129">
        <v>12108</v>
      </c>
      <c r="AI251" s="129">
        <v>0</v>
      </c>
      <c r="AJ251" s="129">
        <v>2506</v>
      </c>
      <c r="AK251" s="129">
        <v>4039</v>
      </c>
      <c r="AL251" s="129">
        <v>1696</v>
      </c>
      <c r="AM251" s="129">
        <v>0</v>
      </c>
      <c r="AN251" s="133">
        <v>0</v>
      </c>
      <c r="AO251" s="134"/>
    </row>
    <row r="252" spans="1:41" s="137" customFormat="1" ht="15" customHeight="1" collapsed="1">
      <c r="A252" s="136"/>
      <c r="B252" s="137" t="s">
        <v>2</v>
      </c>
      <c r="C252" s="138" t="s">
        <v>1182</v>
      </c>
      <c r="D252" s="146"/>
      <c r="E252" s="117"/>
      <c r="F252" s="139">
        <f>+F251+F249</f>
        <v>0</v>
      </c>
      <c r="G252" s="140">
        <f>+G251+G249</f>
        <v>0</v>
      </c>
      <c r="H252" s="140">
        <f>+F252-G252</f>
        <v>0</v>
      </c>
      <c r="I252" s="141"/>
      <c r="J252" s="140">
        <f>+J251+J249</f>
        <v>0</v>
      </c>
      <c r="K252" s="140">
        <f>+F252-J252</f>
        <v>0</v>
      </c>
      <c r="L252" s="140"/>
      <c r="M252" s="140">
        <f>+M251+M249</f>
        <v>0</v>
      </c>
      <c r="N252" s="140">
        <f>+F252-M252</f>
        <v>0</v>
      </c>
      <c r="O252" s="131"/>
      <c r="P252" s="142">
        <f t="shared" ref="P252:AN252" si="49">+P251+P249</f>
        <v>0</v>
      </c>
      <c r="Q252" s="140">
        <f t="shared" si="49"/>
        <v>0</v>
      </c>
      <c r="R252" s="140">
        <f t="shared" si="49"/>
        <v>0</v>
      </c>
      <c r="S252" s="140">
        <f t="shared" si="49"/>
        <v>0</v>
      </c>
      <c r="T252" s="140">
        <f t="shared" si="49"/>
        <v>28165</v>
      </c>
      <c r="U252" s="140">
        <f t="shared" si="49"/>
        <v>19375</v>
      </c>
      <c r="V252" s="140">
        <f t="shared" si="49"/>
        <v>11929</v>
      </c>
      <c r="W252" s="140">
        <f t="shared" si="49"/>
        <v>0</v>
      </c>
      <c r="X252" s="140">
        <f t="shared" si="49"/>
        <v>0</v>
      </c>
      <c r="Y252" s="140">
        <f t="shared" si="49"/>
        <v>0</v>
      </c>
      <c r="Z252" s="140">
        <f t="shared" si="49"/>
        <v>0</v>
      </c>
      <c r="AA252" s="140">
        <f t="shared" si="49"/>
        <v>0</v>
      </c>
      <c r="AB252" s="143">
        <f t="shared" si="49"/>
        <v>0</v>
      </c>
      <c r="AC252" s="140">
        <f t="shared" si="49"/>
        <v>0</v>
      </c>
      <c r="AD252" s="140">
        <f t="shared" si="49"/>
        <v>0</v>
      </c>
      <c r="AE252" s="140">
        <f t="shared" si="49"/>
        <v>0</v>
      </c>
      <c r="AF252" s="140">
        <f t="shared" si="49"/>
        <v>11029</v>
      </c>
      <c r="AG252" s="140">
        <f t="shared" si="49"/>
        <v>14755</v>
      </c>
      <c r="AH252" s="140">
        <f t="shared" si="49"/>
        <v>12108</v>
      </c>
      <c r="AI252" s="140">
        <f t="shared" si="49"/>
        <v>0</v>
      </c>
      <c r="AJ252" s="140">
        <f t="shared" si="49"/>
        <v>2506</v>
      </c>
      <c r="AK252" s="140">
        <f t="shared" si="49"/>
        <v>4039</v>
      </c>
      <c r="AL252" s="140">
        <f t="shared" si="49"/>
        <v>1696</v>
      </c>
      <c r="AM252" s="140">
        <f t="shared" si="49"/>
        <v>0</v>
      </c>
      <c r="AN252" s="143">
        <f t="shared" si="49"/>
        <v>0</v>
      </c>
      <c r="AO252" s="144"/>
    </row>
    <row r="253" spans="1:41" s="137" customFormat="1" ht="3" hidden="1" customHeight="1" outlineLevel="1">
      <c r="A253" s="136"/>
      <c r="C253" s="138"/>
      <c r="D253" s="146"/>
      <c r="E253" s="117"/>
      <c r="F253" s="139"/>
      <c r="G253" s="140"/>
      <c r="H253" s="140"/>
      <c r="I253" s="141"/>
      <c r="J253" s="140"/>
      <c r="K253" s="140"/>
      <c r="L253" s="140"/>
      <c r="M253" s="140"/>
      <c r="N253" s="140"/>
      <c r="O253" s="131"/>
      <c r="P253" s="142"/>
      <c r="Q253" s="140"/>
      <c r="R253" s="140"/>
      <c r="S253" s="140"/>
      <c r="T253" s="140"/>
      <c r="U253" s="140"/>
      <c r="V253" s="140"/>
      <c r="W253" s="140"/>
      <c r="X253" s="140"/>
      <c r="Y253" s="140"/>
      <c r="Z253" s="140"/>
      <c r="AA253" s="140"/>
      <c r="AB253" s="143"/>
      <c r="AC253" s="140"/>
      <c r="AD253" s="140"/>
      <c r="AE253" s="140"/>
      <c r="AF253" s="140"/>
      <c r="AG253" s="140"/>
      <c r="AH253" s="140"/>
      <c r="AI253" s="140"/>
      <c r="AJ253" s="140"/>
      <c r="AK253" s="140"/>
      <c r="AL253" s="140"/>
      <c r="AM253" s="140"/>
      <c r="AN253" s="143"/>
      <c r="AO253" s="144"/>
    </row>
    <row r="254" spans="1:41" s="62" customFormat="1" hidden="1" outlineLevel="2">
      <c r="A254" s="61" t="s">
        <v>767</v>
      </c>
      <c r="B254" s="61" t="s">
        <v>768</v>
      </c>
      <c r="C254" s="71" t="s">
        <v>769</v>
      </c>
      <c r="D254" s="72" t="s">
        <v>1183</v>
      </c>
      <c r="E254" s="73"/>
      <c r="F254" s="62">
        <v>0</v>
      </c>
      <c r="G254" s="62">
        <v>0</v>
      </c>
      <c r="H254" s="62">
        <f t="shared" ref="H254:H263" si="50">+F254-G254</f>
        <v>0</v>
      </c>
      <c r="J254" s="62">
        <v>0</v>
      </c>
      <c r="K254" s="62">
        <f t="shared" ref="K254:K263" si="51">+F254-J254</f>
        <v>0</v>
      </c>
      <c r="M254" s="62">
        <v>0</v>
      </c>
      <c r="N254" s="62">
        <f t="shared" ref="N254:N263" si="52">+F254-M254</f>
        <v>0</v>
      </c>
      <c r="P254" s="74">
        <v>0</v>
      </c>
      <c r="Q254" s="61">
        <v>0</v>
      </c>
      <c r="R254" s="61">
        <v>0</v>
      </c>
      <c r="S254" s="61">
        <v>0</v>
      </c>
      <c r="T254" s="62">
        <v>0</v>
      </c>
      <c r="U254" s="61">
        <v>0</v>
      </c>
      <c r="V254" s="61">
        <v>0</v>
      </c>
      <c r="W254" s="61">
        <v>0</v>
      </c>
      <c r="X254" s="61">
        <v>0</v>
      </c>
      <c r="Y254" s="61">
        <v>0</v>
      </c>
      <c r="Z254" s="61">
        <v>0</v>
      </c>
      <c r="AA254" s="61">
        <v>0</v>
      </c>
      <c r="AB254" s="75">
        <v>0</v>
      </c>
      <c r="AC254" s="61">
        <v>0</v>
      </c>
      <c r="AD254" s="61">
        <v>0</v>
      </c>
      <c r="AE254" s="61">
        <v>0</v>
      </c>
      <c r="AF254" s="62">
        <v>0</v>
      </c>
      <c r="AG254" s="61">
        <v>0</v>
      </c>
      <c r="AH254" s="61">
        <v>0</v>
      </c>
      <c r="AI254" s="61">
        <v>0</v>
      </c>
      <c r="AJ254" s="61">
        <v>0</v>
      </c>
      <c r="AK254" s="61">
        <v>0</v>
      </c>
      <c r="AL254" s="61">
        <v>0</v>
      </c>
      <c r="AM254" s="61">
        <v>0</v>
      </c>
      <c r="AN254" s="75">
        <v>0</v>
      </c>
    </row>
    <row r="255" spans="1:41" s="62" customFormat="1" hidden="1" outlineLevel="2">
      <c r="A255" s="61" t="s">
        <v>66</v>
      </c>
      <c r="B255" s="61" t="s">
        <v>67</v>
      </c>
      <c r="C255" s="71" t="s">
        <v>68</v>
      </c>
      <c r="D255" s="72" t="s">
        <v>1183</v>
      </c>
      <c r="E255" s="73"/>
      <c r="F255" s="62">
        <v>2325077.8199999998</v>
      </c>
      <c r="G255" s="62">
        <v>2793531</v>
      </c>
      <c r="H255" s="62">
        <f t="shared" si="50"/>
        <v>-468453.18000000017</v>
      </c>
      <c r="J255" s="62">
        <v>2793531</v>
      </c>
      <c r="K255" s="62">
        <f t="shared" si="51"/>
        <v>-468453.18000000017</v>
      </c>
      <c r="M255" s="62">
        <v>2223224.25</v>
      </c>
      <c r="N255" s="62">
        <f t="shared" si="52"/>
        <v>101853.56999999983</v>
      </c>
      <c r="P255" s="74">
        <v>5176433.01</v>
      </c>
      <c r="Q255" s="61">
        <v>5176433.01</v>
      </c>
      <c r="R255" s="61">
        <v>5176433.01</v>
      </c>
      <c r="S255" s="61">
        <v>4936369.76</v>
      </c>
      <c r="T255" s="62">
        <v>4936369.76</v>
      </c>
      <c r="U255" s="61">
        <v>4936369.76</v>
      </c>
      <c r="V255" s="61">
        <v>4696306.51</v>
      </c>
      <c r="W255" s="61">
        <v>4696306.51</v>
      </c>
      <c r="X255" s="61">
        <v>4696306.51</v>
      </c>
      <c r="Y255" s="61">
        <v>4456243.26</v>
      </c>
      <c r="Z255" s="61">
        <v>4376222.18</v>
      </c>
      <c r="AA255" s="61">
        <v>4296201.0999999996</v>
      </c>
      <c r="AB255" s="75">
        <v>2793531</v>
      </c>
      <c r="AC255" s="61">
        <v>2793531</v>
      </c>
      <c r="AD255" s="61">
        <v>2793531</v>
      </c>
      <c r="AE255" s="61">
        <v>2603428.75</v>
      </c>
      <c r="AF255" s="62">
        <v>2603428.75</v>
      </c>
      <c r="AG255" s="61">
        <v>2603428.75</v>
      </c>
      <c r="AH255" s="61">
        <v>2413326.5</v>
      </c>
      <c r="AI255" s="61">
        <v>2413326.5</v>
      </c>
      <c r="AJ255" s="61">
        <v>2413326.5</v>
      </c>
      <c r="AK255" s="61">
        <v>2223224.25</v>
      </c>
      <c r="AL255" s="61">
        <v>2223224.25</v>
      </c>
      <c r="AM255" s="61">
        <v>2223224.25</v>
      </c>
      <c r="AN255" s="75">
        <v>2325077.8199999998</v>
      </c>
    </row>
    <row r="256" spans="1:41" s="62" customFormat="1" hidden="1" outlineLevel="2">
      <c r="A256" s="61" t="s">
        <v>69</v>
      </c>
      <c r="B256" s="61" t="s">
        <v>70</v>
      </c>
      <c r="C256" s="71" t="s">
        <v>71</v>
      </c>
      <c r="D256" s="72" t="s">
        <v>1183</v>
      </c>
      <c r="E256" s="73"/>
      <c r="F256" s="62">
        <v>0</v>
      </c>
      <c r="G256" s="62">
        <v>0</v>
      </c>
      <c r="H256" s="62">
        <f t="shared" si="50"/>
        <v>0</v>
      </c>
      <c r="J256" s="62">
        <v>0</v>
      </c>
      <c r="K256" s="62">
        <f t="shared" si="51"/>
        <v>0</v>
      </c>
      <c r="M256" s="62">
        <v>1234585.9099999999</v>
      </c>
      <c r="N256" s="62">
        <f t="shared" si="52"/>
        <v>-1234585.9099999999</v>
      </c>
      <c r="P256" s="74">
        <v>-5.0000000000000001E-3</v>
      </c>
      <c r="Q256" s="61">
        <v>143516.42000000001</v>
      </c>
      <c r="R256" s="61">
        <v>287032.84000000003</v>
      </c>
      <c r="S256" s="61">
        <v>411474.66000000003</v>
      </c>
      <c r="T256" s="62">
        <v>551931.57000000007</v>
      </c>
      <c r="U256" s="61">
        <v>692388.48</v>
      </c>
      <c r="V256" s="61">
        <v>832845.39</v>
      </c>
      <c r="W256" s="61">
        <v>973302.3</v>
      </c>
      <c r="X256" s="61">
        <v>1113759.21</v>
      </c>
      <c r="Y256" s="61">
        <v>1254216.1200000001</v>
      </c>
      <c r="Z256" s="61">
        <v>1394673.03</v>
      </c>
      <c r="AA256" s="61">
        <v>1535129.94</v>
      </c>
      <c r="AB256" s="75">
        <v>0</v>
      </c>
      <c r="AC256" s="61">
        <v>114582.17</v>
      </c>
      <c r="AD256" s="61">
        <v>229164.34</v>
      </c>
      <c r="AE256" s="61">
        <v>330534.69</v>
      </c>
      <c r="AF256" s="62">
        <v>443725.35000000003</v>
      </c>
      <c r="AG256" s="61">
        <v>556705.43000000005</v>
      </c>
      <c r="AH256" s="61">
        <v>669685.51</v>
      </c>
      <c r="AI256" s="61">
        <v>782665.59</v>
      </c>
      <c r="AJ256" s="61">
        <v>895645.67</v>
      </c>
      <c r="AK256" s="61">
        <v>1008625.75</v>
      </c>
      <c r="AL256" s="61">
        <v>1121605.83</v>
      </c>
      <c r="AM256" s="61">
        <v>1234585.9099999999</v>
      </c>
      <c r="AN256" s="75">
        <v>0</v>
      </c>
    </row>
    <row r="257" spans="1:41" s="62" customFormat="1" hidden="1" outlineLevel="2">
      <c r="A257" s="61" t="s">
        <v>770</v>
      </c>
      <c r="B257" s="61" t="s">
        <v>771</v>
      </c>
      <c r="C257" s="71" t="s">
        <v>772</v>
      </c>
      <c r="D257" s="72" t="s">
        <v>1183</v>
      </c>
      <c r="E257" s="73"/>
      <c r="F257" s="62">
        <v>0</v>
      </c>
      <c r="G257" s="62">
        <v>0</v>
      </c>
      <c r="H257" s="62">
        <f t="shared" si="50"/>
        <v>0</v>
      </c>
      <c r="J257" s="62">
        <v>0</v>
      </c>
      <c r="K257" s="62">
        <f t="shared" si="51"/>
        <v>0</v>
      </c>
      <c r="M257" s="62">
        <v>0</v>
      </c>
      <c r="N257" s="62">
        <f t="shared" si="52"/>
        <v>0</v>
      </c>
      <c r="P257" s="74">
        <v>0</v>
      </c>
      <c r="Q257" s="61">
        <v>0</v>
      </c>
      <c r="R257" s="61">
        <v>0</v>
      </c>
      <c r="S257" s="61">
        <v>0</v>
      </c>
      <c r="T257" s="62">
        <v>0</v>
      </c>
      <c r="U257" s="61">
        <v>0</v>
      </c>
      <c r="V257" s="61">
        <v>0</v>
      </c>
      <c r="W257" s="61">
        <v>0</v>
      </c>
      <c r="X257" s="61">
        <v>0</v>
      </c>
      <c r="Y257" s="61">
        <v>0</v>
      </c>
      <c r="Z257" s="61">
        <v>0</v>
      </c>
      <c r="AA257" s="61">
        <v>0</v>
      </c>
      <c r="AB257" s="75">
        <v>0</v>
      </c>
      <c r="AC257" s="61">
        <v>0</v>
      </c>
      <c r="AD257" s="61">
        <v>0</v>
      </c>
      <c r="AE257" s="61">
        <v>0</v>
      </c>
      <c r="AF257" s="62">
        <v>0</v>
      </c>
      <c r="AG257" s="61">
        <v>0</v>
      </c>
      <c r="AH257" s="61">
        <v>0</v>
      </c>
      <c r="AI257" s="61">
        <v>0</v>
      </c>
      <c r="AJ257" s="61">
        <v>0</v>
      </c>
      <c r="AK257" s="61">
        <v>0</v>
      </c>
      <c r="AL257" s="61">
        <v>0</v>
      </c>
      <c r="AM257" s="61">
        <v>0</v>
      </c>
      <c r="AN257" s="75">
        <v>0</v>
      </c>
    </row>
    <row r="258" spans="1:41" s="62" customFormat="1" hidden="1" outlineLevel="2">
      <c r="A258" s="61" t="s">
        <v>111</v>
      </c>
      <c r="B258" s="61" t="s">
        <v>112</v>
      </c>
      <c r="C258" s="71" t="s">
        <v>113</v>
      </c>
      <c r="D258" s="72" t="s">
        <v>1183</v>
      </c>
      <c r="E258" s="73"/>
      <c r="F258" s="62">
        <v>13137242.58</v>
      </c>
      <c r="G258" s="62">
        <v>13553157.58</v>
      </c>
      <c r="H258" s="62">
        <f t="shared" si="50"/>
        <v>-415915</v>
      </c>
      <c r="J258" s="62">
        <v>13553157.58</v>
      </c>
      <c r="K258" s="62">
        <f t="shared" si="51"/>
        <v>-415915</v>
      </c>
      <c r="M258" s="62">
        <v>13270568.83</v>
      </c>
      <c r="N258" s="62">
        <f t="shared" si="52"/>
        <v>-133326.25</v>
      </c>
      <c r="P258" s="74">
        <v>14189425.609999999</v>
      </c>
      <c r="Q258" s="61">
        <v>14038433.439999999</v>
      </c>
      <c r="R258" s="61">
        <v>13887441.27</v>
      </c>
      <c r="S258" s="61">
        <v>13712858.609999999</v>
      </c>
      <c r="T258" s="62">
        <v>13554002.939999999</v>
      </c>
      <c r="U258" s="61">
        <v>13395147.27</v>
      </c>
      <c r="V258" s="61">
        <v>14506291.6</v>
      </c>
      <c r="W258" s="61">
        <v>14347435.93</v>
      </c>
      <c r="X258" s="61">
        <v>14188580.26</v>
      </c>
      <c r="Y258" s="61">
        <v>14029724.59</v>
      </c>
      <c r="Z258" s="61">
        <v>13870868.92</v>
      </c>
      <c r="AA258" s="61">
        <v>13712013.25</v>
      </c>
      <c r="AB258" s="75">
        <v>13553157.58</v>
      </c>
      <c r="AC258" s="61">
        <v>13421239.58</v>
      </c>
      <c r="AD258" s="61">
        <v>13289321.58</v>
      </c>
      <c r="AE258" s="61">
        <v>13153178.83</v>
      </c>
      <c r="AF258" s="62">
        <v>13019852.58</v>
      </c>
      <c r="AG258" s="61">
        <v>12886526.33</v>
      </c>
      <c r="AH258" s="61">
        <v>13937200.08</v>
      </c>
      <c r="AI258" s="61">
        <v>13803873.83</v>
      </c>
      <c r="AJ258" s="61">
        <v>13670547.58</v>
      </c>
      <c r="AK258" s="61">
        <v>13537221.33</v>
      </c>
      <c r="AL258" s="61">
        <v>13403895.08</v>
      </c>
      <c r="AM258" s="61">
        <v>13270568.83</v>
      </c>
      <c r="AN258" s="75">
        <v>13137242.58</v>
      </c>
    </row>
    <row r="259" spans="1:41" s="62" customFormat="1" hidden="1" outlineLevel="2">
      <c r="A259" s="61" t="s">
        <v>114</v>
      </c>
      <c r="B259" s="61" t="s">
        <v>115</v>
      </c>
      <c r="C259" s="71" t="s">
        <v>116</v>
      </c>
      <c r="D259" s="72" t="s">
        <v>1183</v>
      </c>
      <c r="E259" s="73"/>
      <c r="F259" s="62">
        <v>-13137242.58</v>
      </c>
      <c r="G259" s="62">
        <v>-13553157.58</v>
      </c>
      <c r="H259" s="62">
        <f t="shared" si="50"/>
        <v>415915</v>
      </c>
      <c r="J259" s="62">
        <v>-13553157.58</v>
      </c>
      <c r="K259" s="62">
        <f t="shared" si="51"/>
        <v>415915</v>
      </c>
      <c r="M259" s="62">
        <v>-13270568.83</v>
      </c>
      <c r="N259" s="62">
        <f t="shared" si="52"/>
        <v>133326.25</v>
      </c>
      <c r="P259" s="74">
        <v>-14189425.609999999</v>
      </c>
      <c r="Q259" s="61">
        <v>-14038433.439999999</v>
      </c>
      <c r="R259" s="61">
        <v>-13887441.27</v>
      </c>
      <c r="S259" s="61">
        <v>-13712858.609999999</v>
      </c>
      <c r="T259" s="62">
        <v>-13554002.939999999</v>
      </c>
      <c r="U259" s="61">
        <v>-13395147.27</v>
      </c>
      <c r="V259" s="61">
        <v>-14506291.6</v>
      </c>
      <c r="W259" s="61">
        <v>-14347435.93</v>
      </c>
      <c r="X259" s="61">
        <v>-14188580.26</v>
      </c>
      <c r="Y259" s="61">
        <v>-14029724.59</v>
      </c>
      <c r="Z259" s="61">
        <v>-13870868.92</v>
      </c>
      <c r="AA259" s="61">
        <v>-13712013.25</v>
      </c>
      <c r="AB259" s="75">
        <v>-13553157.58</v>
      </c>
      <c r="AC259" s="61">
        <v>-13421239.58</v>
      </c>
      <c r="AD259" s="61">
        <v>-13289321.58</v>
      </c>
      <c r="AE259" s="61">
        <v>-13153178.83</v>
      </c>
      <c r="AF259" s="62">
        <v>-13019852.58</v>
      </c>
      <c r="AG259" s="61">
        <v>-12886526.33</v>
      </c>
      <c r="AH259" s="61">
        <v>-13937200.08</v>
      </c>
      <c r="AI259" s="61">
        <v>-13803873.83</v>
      </c>
      <c r="AJ259" s="61">
        <v>-13670547.58</v>
      </c>
      <c r="AK259" s="61">
        <v>-13537221.33</v>
      </c>
      <c r="AL259" s="61">
        <v>-13403895.08</v>
      </c>
      <c r="AM259" s="61">
        <v>-13270568.83</v>
      </c>
      <c r="AN259" s="75">
        <v>-13137242.58</v>
      </c>
    </row>
    <row r="260" spans="1:41" s="62" customFormat="1" hidden="1" outlineLevel="2">
      <c r="A260" s="61" t="s">
        <v>120</v>
      </c>
      <c r="B260" s="61" t="s">
        <v>121</v>
      </c>
      <c r="C260" s="71" t="s">
        <v>122</v>
      </c>
      <c r="D260" s="72" t="s">
        <v>1183</v>
      </c>
      <c r="E260" s="73"/>
      <c r="F260" s="62">
        <v>4760980.82</v>
      </c>
      <c r="G260" s="62">
        <v>3413414.83</v>
      </c>
      <c r="H260" s="62">
        <f t="shared" si="50"/>
        <v>1347565.9900000002</v>
      </c>
      <c r="J260" s="62">
        <v>3413414.83</v>
      </c>
      <c r="K260" s="62">
        <f t="shared" si="51"/>
        <v>1347565.9900000002</v>
      </c>
      <c r="M260" s="62">
        <v>4648000.74</v>
      </c>
      <c r="N260" s="62">
        <f t="shared" si="52"/>
        <v>112980.08000000007</v>
      </c>
      <c r="P260" s="74">
        <v>-642115.89500000002</v>
      </c>
      <c r="Q260" s="61">
        <v>-484092.23</v>
      </c>
      <c r="R260" s="61">
        <v>-326068.56</v>
      </c>
      <c r="S260" s="61">
        <v>-177582.9</v>
      </c>
      <c r="T260" s="62">
        <v>-22738.57</v>
      </c>
      <c r="U260" s="61">
        <v>132105.76</v>
      </c>
      <c r="V260" s="61">
        <v>286950.09000000003</v>
      </c>
      <c r="W260" s="61">
        <v>441794.42</v>
      </c>
      <c r="X260" s="61">
        <v>596638.75</v>
      </c>
      <c r="Y260" s="61">
        <v>751483.08</v>
      </c>
      <c r="Z260" s="61">
        <v>906327.41</v>
      </c>
      <c r="AA260" s="61">
        <v>1061171.74</v>
      </c>
      <c r="AB260" s="75">
        <v>3413414.83</v>
      </c>
      <c r="AC260" s="61">
        <v>3527997</v>
      </c>
      <c r="AD260" s="61">
        <v>3642579.17</v>
      </c>
      <c r="AE260" s="61">
        <v>3743949.52</v>
      </c>
      <c r="AF260" s="62">
        <v>3857140.18</v>
      </c>
      <c r="AG260" s="61">
        <v>3970120.26</v>
      </c>
      <c r="AH260" s="61">
        <v>4083100.34</v>
      </c>
      <c r="AI260" s="61">
        <v>4196080.42</v>
      </c>
      <c r="AJ260" s="61">
        <v>4309060.5</v>
      </c>
      <c r="AK260" s="61">
        <v>4422040.58</v>
      </c>
      <c r="AL260" s="61">
        <v>4535020.66</v>
      </c>
      <c r="AM260" s="61">
        <v>4648000.74</v>
      </c>
      <c r="AN260" s="75">
        <v>4760980.82</v>
      </c>
    </row>
    <row r="261" spans="1:41" s="62" customFormat="1" hidden="1" outlineLevel="2">
      <c r="A261" s="61" t="s">
        <v>123</v>
      </c>
      <c r="B261" s="61" t="s">
        <v>124</v>
      </c>
      <c r="C261" s="71" t="s">
        <v>125</v>
      </c>
      <c r="D261" s="72" t="s">
        <v>1183</v>
      </c>
      <c r="E261" s="73"/>
      <c r="F261" s="62">
        <v>0</v>
      </c>
      <c r="G261" s="62">
        <v>0</v>
      </c>
      <c r="H261" s="62">
        <f t="shared" si="50"/>
        <v>0</v>
      </c>
      <c r="J261" s="62">
        <v>0</v>
      </c>
      <c r="K261" s="62">
        <f t="shared" si="51"/>
        <v>0</v>
      </c>
      <c r="M261" s="62">
        <v>0</v>
      </c>
      <c r="N261" s="62">
        <f t="shared" si="52"/>
        <v>0</v>
      </c>
      <c r="P261" s="74">
        <v>2472197.9500000002</v>
      </c>
      <c r="Q261" s="61">
        <v>2457690.7000000002</v>
      </c>
      <c r="R261" s="61">
        <v>2443183.4500000002</v>
      </c>
      <c r="S261" s="61">
        <v>2419139.61</v>
      </c>
      <c r="T261" s="62">
        <v>2404752.19</v>
      </c>
      <c r="U261" s="61">
        <v>2390364.77</v>
      </c>
      <c r="V261" s="61">
        <v>2375977.35</v>
      </c>
      <c r="W261" s="61">
        <v>2361589.9300000002</v>
      </c>
      <c r="X261" s="61">
        <v>2347202.5099999998</v>
      </c>
      <c r="Y261" s="61">
        <v>2332815.09</v>
      </c>
      <c r="Z261" s="61">
        <v>2318427.67</v>
      </c>
      <c r="AA261" s="61">
        <v>2304040.25</v>
      </c>
      <c r="AB261" s="75">
        <v>0</v>
      </c>
      <c r="AC261" s="61">
        <v>0</v>
      </c>
      <c r="AD261" s="61">
        <v>0</v>
      </c>
      <c r="AE261" s="61">
        <v>0</v>
      </c>
      <c r="AF261" s="62">
        <v>0</v>
      </c>
      <c r="AG261" s="61">
        <v>0</v>
      </c>
      <c r="AH261" s="61">
        <v>0</v>
      </c>
      <c r="AI261" s="61">
        <v>0</v>
      </c>
      <c r="AJ261" s="61">
        <v>0</v>
      </c>
      <c r="AK261" s="61">
        <v>0</v>
      </c>
      <c r="AL261" s="61">
        <v>0</v>
      </c>
      <c r="AM261" s="61">
        <v>0</v>
      </c>
      <c r="AN261" s="75">
        <v>0</v>
      </c>
    </row>
    <row r="262" spans="1:41" s="62" customFormat="1" hidden="1" outlineLevel="2">
      <c r="A262" s="61" t="s">
        <v>126</v>
      </c>
      <c r="B262" s="61" t="s">
        <v>127</v>
      </c>
      <c r="C262" s="71" t="s">
        <v>128</v>
      </c>
      <c r="D262" s="72" t="s">
        <v>1183</v>
      </c>
      <c r="E262" s="73"/>
      <c r="F262" s="62">
        <v>-4760980.82</v>
      </c>
      <c r="G262" s="62">
        <v>-3413414.83</v>
      </c>
      <c r="H262" s="62">
        <f t="shared" si="50"/>
        <v>-1347565.9900000002</v>
      </c>
      <c r="J262" s="62">
        <v>-3413414.83</v>
      </c>
      <c r="K262" s="62">
        <f t="shared" si="51"/>
        <v>-1347565.9900000002</v>
      </c>
      <c r="M262" s="62">
        <v>-4648000.74</v>
      </c>
      <c r="N262" s="62">
        <f t="shared" si="52"/>
        <v>-112980.08000000007</v>
      </c>
      <c r="P262" s="74">
        <v>-1830082.0549999999</v>
      </c>
      <c r="Q262" s="61">
        <v>-1973598.47</v>
      </c>
      <c r="R262" s="61">
        <v>-2117114.89</v>
      </c>
      <c r="S262" s="61">
        <v>-2241556.71</v>
      </c>
      <c r="T262" s="62">
        <v>-2382013.62</v>
      </c>
      <c r="U262" s="61">
        <v>-2522470.5300000003</v>
      </c>
      <c r="V262" s="61">
        <v>-2662927.44</v>
      </c>
      <c r="W262" s="61">
        <v>-2803384.35</v>
      </c>
      <c r="X262" s="61">
        <v>-2943841.26</v>
      </c>
      <c r="Y262" s="61">
        <v>-3084298.17</v>
      </c>
      <c r="Z262" s="61">
        <v>-3224755.08</v>
      </c>
      <c r="AA262" s="61">
        <v>-3365211.99</v>
      </c>
      <c r="AB262" s="75">
        <v>-3413414.83</v>
      </c>
      <c r="AC262" s="61">
        <v>-3527997</v>
      </c>
      <c r="AD262" s="61">
        <v>-3642579.17</v>
      </c>
      <c r="AE262" s="61">
        <v>-3743949.52</v>
      </c>
      <c r="AF262" s="62">
        <v>-3857140.18</v>
      </c>
      <c r="AG262" s="61">
        <v>-3970120.26</v>
      </c>
      <c r="AH262" s="61">
        <v>-4083100.34</v>
      </c>
      <c r="AI262" s="61">
        <v>-4196080.42</v>
      </c>
      <c r="AJ262" s="61">
        <v>-4309060.5</v>
      </c>
      <c r="AK262" s="61">
        <v>-4422040.58</v>
      </c>
      <c r="AL262" s="61">
        <v>-4535020.66</v>
      </c>
      <c r="AM262" s="61">
        <v>-4648000.74</v>
      </c>
      <c r="AN262" s="75">
        <v>-4760980.82</v>
      </c>
    </row>
    <row r="263" spans="1:41" s="137" customFormat="1" ht="15" customHeight="1" collapsed="1">
      <c r="A263" s="136" t="s">
        <v>1184</v>
      </c>
      <c r="B263" s="137" t="s">
        <v>2</v>
      </c>
      <c r="C263" s="138" t="s">
        <v>1185</v>
      </c>
      <c r="D263" s="147" t="s">
        <v>1183</v>
      </c>
      <c r="E263" s="117"/>
      <c r="F263" s="139">
        <v>2325077.8200000003</v>
      </c>
      <c r="G263" s="140">
        <v>2793531</v>
      </c>
      <c r="H263" s="140">
        <f t="shared" si="50"/>
        <v>-468453.1799999997</v>
      </c>
      <c r="I263" s="141"/>
      <c r="J263" s="140">
        <v>2793531</v>
      </c>
      <c r="K263" s="140">
        <f t="shared" si="51"/>
        <v>-468453.1799999997</v>
      </c>
      <c r="L263" s="140"/>
      <c r="M263" s="140">
        <v>3457810.16</v>
      </c>
      <c r="N263" s="140">
        <f t="shared" si="52"/>
        <v>-1132732.3399999999</v>
      </c>
      <c r="O263" s="131"/>
      <c r="P263" s="142">
        <v>5176433.0049999999</v>
      </c>
      <c r="Q263" s="140">
        <v>5319949.4299999978</v>
      </c>
      <c r="R263" s="140">
        <v>5463465.8499999978</v>
      </c>
      <c r="S263" s="140">
        <v>5347844.4200000009</v>
      </c>
      <c r="T263" s="140">
        <v>5488301.3299999991</v>
      </c>
      <c r="U263" s="140">
        <v>5628758.2399999974</v>
      </c>
      <c r="V263" s="140">
        <v>5529151.9000000004</v>
      </c>
      <c r="W263" s="140">
        <v>5669608.8099999987</v>
      </c>
      <c r="X263" s="140">
        <v>5810065.7200000007</v>
      </c>
      <c r="Y263" s="140">
        <v>5710459.379999999</v>
      </c>
      <c r="Z263" s="140">
        <v>5770895.209999999</v>
      </c>
      <c r="AA263" s="140">
        <v>5831331.0399999991</v>
      </c>
      <c r="AB263" s="143">
        <v>2793531</v>
      </c>
      <c r="AC263" s="140">
        <v>2908113.17</v>
      </c>
      <c r="AD263" s="140">
        <v>3022695.34</v>
      </c>
      <c r="AE263" s="140">
        <v>2933963.439999999</v>
      </c>
      <c r="AF263" s="140">
        <v>3047154.0999999992</v>
      </c>
      <c r="AG263" s="140">
        <v>3160134.1799999997</v>
      </c>
      <c r="AH263" s="140">
        <v>3083012.01</v>
      </c>
      <c r="AI263" s="140">
        <v>3195992.0900000017</v>
      </c>
      <c r="AJ263" s="140">
        <v>3308972.17</v>
      </c>
      <c r="AK263" s="140">
        <v>3231850</v>
      </c>
      <c r="AL263" s="140">
        <v>3344830.08</v>
      </c>
      <c r="AM263" s="140">
        <v>3457810.16</v>
      </c>
      <c r="AN263" s="143">
        <v>2325077.8200000003</v>
      </c>
      <c r="AO263" s="144"/>
    </row>
    <row r="264" spans="1:41" s="114" customFormat="1" ht="3" hidden="1" customHeight="1" outlineLevel="1">
      <c r="A264" s="113"/>
      <c r="C264" s="145"/>
      <c r="D264" s="146"/>
      <c r="E264" s="117"/>
      <c r="F264" s="128"/>
      <c r="G264" s="129"/>
      <c r="H264" s="129"/>
      <c r="I264" s="130"/>
      <c r="J264" s="129"/>
      <c r="K264" s="129"/>
      <c r="L264" s="129"/>
      <c r="M264" s="129"/>
      <c r="N264" s="129"/>
      <c r="O264" s="131"/>
      <c r="P264" s="132"/>
      <c r="Q264" s="129"/>
      <c r="R264" s="129"/>
      <c r="S264" s="129"/>
      <c r="T264" s="129"/>
      <c r="U264" s="129"/>
      <c r="V264" s="129"/>
      <c r="W264" s="129"/>
      <c r="X264" s="129"/>
      <c r="Y264" s="129"/>
      <c r="Z264" s="129"/>
      <c r="AA264" s="129"/>
      <c r="AB264" s="133"/>
      <c r="AC264" s="129"/>
      <c r="AD264" s="129"/>
      <c r="AE264" s="129"/>
      <c r="AF264" s="129"/>
      <c r="AG264" s="129"/>
      <c r="AH264" s="129"/>
      <c r="AI264" s="129"/>
      <c r="AJ264" s="129"/>
      <c r="AK264" s="129"/>
      <c r="AL264" s="129"/>
      <c r="AM264" s="129"/>
      <c r="AN264" s="133"/>
      <c r="AO264" s="134"/>
    </row>
    <row r="265" spans="1:41" s="62" customFormat="1" hidden="1" outlineLevel="2">
      <c r="A265" s="61" t="s">
        <v>493</v>
      </c>
      <c r="B265" s="61" t="s">
        <v>494</v>
      </c>
      <c r="C265" s="71" t="s">
        <v>495</v>
      </c>
      <c r="D265" s="72" t="s">
        <v>1186</v>
      </c>
      <c r="E265" s="73"/>
      <c r="F265" s="62">
        <v>806</v>
      </c>
      <c r="G265" s="62">
        <v>806</v>
      </c>
      <c r="H265" s="62">
        <f t="shared" ref="H265:H298" si="53">+F265-G265</f>
        <v>0</v>
      </c>
      <c r="J265" s="62">
        <v>806</v>
      </c>
      <c r="K265" s="62">
        <f t="shared" ref="K265:K298" si="54">+F265-J265</f>
        <v>0</v>
      </c>
      <c r="M265" s="62">
        <v>806</v>
      </c>
      <c r="N265" s="62">
        <f t="shared" ref="N265:N298" si="55">+F265-M265</f>
        <v>0</v>
      </c>
      <c r="P265" s="74">
        <v>806</v>
      </c>
      <c r="Q265" s="61">
        <v>806</v>
      </c>
      <c r="R265" s="61">
        <v>806</v>
      </c>
      <c r="S265" s="61">
        <v>806</v>
      </c>
      <c r="T265" s="62">
        <v>806</v>
      </c>
      <c r="U265" s="61">
        <v>806</v>
      </c>
      <c r="V265" s="61">
        <v>806</v>
      </c>
      <c r="W265" s="61">
        <v>806</v>
      </c>
      <c r="X265" s="61">
        <v>806</v>
      </c>
      <c r="Y265" s="61">
        <v>806</v>
      </c>
      <c r="Z265" s="61">
        <v>806</v>
      </c>
      <c r="AA265" s="61">
        <v>806</v>
      </c>
      <c r="AB265" s="75">
        <v>806</v>
      </c>
      <c r="AC265" s="61">
        <v>806</v>
      </c>
      <c r="AD265" s="61">
        <v>806</v>
      </c>
      <c r="AE265" s="61">
        <v>806</v>
      </c>
      <c r="AF265" s="62">
        <v>806</v>
      </c>
      <c r="AG265" s="61">
        <v>806</v>
      </c>
      <c r="AH265" s="61">
        <v>806</v>
      </c>
      <c r="AI265" s="61">
        <v>806</v>
      </c>
      <c r="AJ265" s="61">
        <v>806</v>
      </c>
      <c r="AK265" s="61">
        <v>806</v>
      </c>
      <c r="AL265" s="61">
        <v>806</v>
      </c>
      <c r="AM265" s="61">
        <v>806</v>
      </c>
      <c r="AN265" s="75">
        <v>806</v>
      </c>
    </row>
    <row r="266" spans="1:41" s="62" customFormat="1" hidden="1" outlineLevel="2">
      <c r="A266" s="61" t="s">
        <v>496</v>
      </c>
      <c r="B266" s="61" t="s">
        <v>497</v>
      </c>
      <c r="C266" s="71" t="s">
        <v>498</v>
      </c>
      <c r="D266" s="72" t="s">
        <v>1186</v>
      </c>
      <c r="E266" s="73"/>
      <c r="F266" s="62">
        <v>40404.25</v>
      </c>
      <c r="G266" s="62">
        <v>67727.42</v>
      </c>
      <c r="H266" s="62">
        <f t="shared" si="53"/>
        <v>-27323.17</v>
      </c>
      <c r="J266" s="62">
        <v>67727.42</v>
      </c>
      <c r="K266" s="62">
        <f t="shared" si="54"/>
        <v>-27323.17</v>
      </c>
      <c r="M266" s="62">
        <v>67727.42</v>
      </c>
      <c r="N266" s="62">
        <f t="shared" si="55"/>
        <v>-27323.17</v>
      </c>
      <c r="P266" s="74">
        <v>63920.270000000004</v>
      </c>
      <c r="Q266" s="61">
        <v>63920.270000000004</v>
      </c>
      <c r="R266" s="61">
        <v>63920.270000000004</v>
      </c>
      <c r="S266" s="61">
        <v>63920.270000000004</v>
      </c>
      <c r="T266" s="62">
        <v>63920.270000000004</v>
      </c>
      <c r="U266" s="61">
        <v>63920.270000000004</v>
      </c>
      <c r="V266" s="61">
        <v>63920.270000000004</v>
      </c>
      <c r="W266" s="61">
        <v>63920.270000000004</v>
      </c>
      <c r="X266" s="61">
        <v>63920.270000000004</v>
      </c>
      <c r="Y266" s="61">
        <v>63920.270000000004</v>
      </c>
      <c r="Z266" s="61">
        <v>63920.270000000004</v>
      </c>
      <c r="AA266" s="61">
        <v>63920.270000000004</v>
      </c>
      <c r="AB266" s="75">
        <v>67727.42</v>
      </c>
      <c r="AC266" s="61">
        <v>67727.42</v>
      </c>
      <c r="AD266" s="61">
        <v>67727.42</v>
      </c>
      <c r="AE266" s="61">
        <v>67727.42</v>
      </c>
      <c r="AF266" s="62">
        <v>67727.42</v>
      </c>
      <c r="AG266" s="61">
        <v>67727.42</v>
      </c>
      <c r="AH266" s="61">
        <v>67727.42</v>
      </c>
      <c r="AI266" s="61">
        <v>67727.42</v>
      </c>
      <c r="AJ266" s="61">
        <v>67727.42</v>
      </c>
      <c r="AK266" s="61">
        <v>67727.42</v>
      </c>
      <c r="AL266" s="61">
        <v>67727.42</v>
      </c>
      <c r="AM266" s="61">
        <v>67727.42</v>
      </c>
      <c r="AN266" s="75">
        <v>40404.25</v>
      </c>
    </row>
    <row r="267" spans="1:41" s="62" customFormat="1" hidden="1" outlineLevel="2">
      <c r="A267" s="61" t="s">
        <v>499</v>
      </c>
      <c r="B267" s="61" t="s">
        <v>500</v>
      </c>
      <c r="C267" s="71" t="s">
        <v>501</v>
      </c>
      <c r="D267" s="72" t="s">
        <v>1186</v>
      </c>
      <c r="E267" s="73"/>
      <c r="F267" s="62">
        <v>134775</v>
      </c>
      <c r="G267" s="62">
        <v>143127</v>
      </c>
      <c r="H267" s="62">
        <f t="shared" si="53"/>
        <v>-8352</v>
      </c>
      <c r="J267" s="62">
        <v>143127</v>
      </c>
      <c r="K267" s="62">
        <f t="shared" si="54"/>
        <v>-8352</v>
      </c>
      <c r="M267" s="62">
        <v>135471</v>
      </c>
      <c r="N267" s="62">
        <f t="shared" si="55"/>
        <v>-696</v>
      </c>
      <c r="P267" s="74">
        <v>150472</v>
      </c>
      <c r="Q267" s="61">
        <v>149860</v>
      </c>
      <c r="R267" s="61">
        <v>149247</v>
      </c>
      <c r="S267" s="61">
        <v>148635</v>
      </c>
      <c r="T267" s="62">
        <v>148023</v>
      </c>
      <c r="U267" s="61">
        <v>147411</v>
      </c>
      <c r="V267" s="61">
        <v>146799</v>
      </c>
      <c r="W267" s="61">
        <v>146187</v>
      </c>
      <c r="X267" s="61">
        <v>145575</v>
      </c>
      <c r="Y267" s="61">
        <v>144963</v>
      </c>
      <c r="Z267" s="61">
        <v>144351</v>
      </c>
      <c r="AA267" s="61">
        <v>143739</v>
      </c>
      <c r="AB267" s="75">
        <v>143127</v>
      </c>
      <c r="AC267" s="61">
        <v>142431</v>
      </c>
      <c r="AD267" s="61">
        <v>141735</v>
      </c>
      <c r="AE267" s="61">
        <v>141039</v>
      </c>
      <c r="AF267" s="62">
        <v>140343</v>
      </c>
      <c r="AG267" s="61">
        <v>139647</v>
      </c>
      <c r="AH267" s="61">
        <v>138951</v>
      </c>
      <c r="AI267" s="61">
        <v>138255</v>
      </c>
      <c r="AJ267" s="61">
        <v>137559</v>
      </c>
      <c r="AK267" s="61">
        <v>136863</v>
      </c>
      <c r="AL267" s="61">
        <v>136167</v>
      </c>
      <c r="AM267" s="61">
        <v>135471</v>
      </c>
      <c r="AN267" s="75">
        <v>134775</v>
      </c>
    </row>
    <row r="268" spans="1:41" s="114" customFormat="1" ht="15" hidden="1" customHeight="1" outlineLevel="1">
      <c r="A268" s="113" t="s">
        <v>1187</v>
      </c>
      <c r="B268" s="114" t="s">
        <v>2</v>
      </c>
      <c r="C268" s="135" t="s">
        <v>1188</v>
      </c>
      <c r="D268" s="146" t="s">
        <v>1186</v>
      </c>
      <c r="E268" s="117"/>
      <c r="F268" s="128">
        <v>175985.25</v>
      </c>
      <c r="G268" s="129">
        <v>211660.41999999998</v>
      </c>
      <c r="H268" s="129">
        <f t="shared" si="53"/>
        <v>-35675.169999999984</v>
      </c>
      <c r="I268" s="130"/>
      <c r="J268" s="129">
        <v>211660.41999999998</v>
      </c>
      <c r="K268" s="129">
        <f t="shared" si="54"/>
        <v>-35675.169999999984</v>
      </c>
      <c r="L268" s="129"/>
      <c r="M268" s="129">
        <v>204004.41999999998</v>
      </c>
      <c r="N268" s="129">
        <f t="shared" si="55"/>
        <v>-28019.169999999984</v>
      </c>
      <c r="O268" s="131"/>
      <c r="P268" s="132">
        <v>215198.27000000002</v>
      </c>
      <c r="Q268" s="129">
        <v>214586.27000000002</v>
      </c>
      <c r="R268" s="129">
        <v>213973.27000000002</v>
      </c>
      <c r="S268" s="129">
        <v>213361.27000000002</v>
      </c>
      <c r="T268" s="129">
        <v>212749.27000000002</v>
      </c>
      <c r="U268" s="129">
        <v>212137.27000000002</v>
      </c>
      <c r="V268" s="129">
        <v>211525.27000000002</v>
      </c>
      <c r="W268" s="129">
        <v>210913.27000000002</v>
      </c>
      <c r="X268" s="129">
        <v>210301.27000000002</v>
      </c>
      <c r="Y268" s="129">
        <v>209689.27000000002</v>
      </c>
      <c r="Z268" s="129">
        <v>209077.27000000002</v>
      </c>
      <c r="AA268" s="129">
        <v>208465.27000000002</v>
      </c>
      <c r="AB268" s="133">
        <v>211660.41999999998</v>
      </c>
      <c r="AC268" s="129">
        <v>210964.41999999998</v>
      </c>
      <c r="AD268" s="129">
        <v>210268.41999999998</v>
      </c>
      <c r="AE268" s="129">
        <v>209572.41999999998</v>
      </c>
      <c r="AF268" s="129">
        <v>208876.41999999998</v>
      </c>
      <c r="AG268" s="129">
        <v>208180.41999999998</v>
      </c>
      <c r="AH268" s="129">
        <v>207484.41999999998</v>
      </c>
      <c r="AI268" s="129">
        <v>206788.41999999998</v>
      </c>
      <c r="AJ268" s="129">
        <v>206092.41999999998</v>
      </c>
      <c r="AK268" s="129">
        <v>205396.41999999998</v>
      </c>
      <c r="AL268" s="129">
        <v>204700.41999999998</v>
      </c>
      <c r="AM268" s="129">
        <v>204004.41999999998</v>
      </c>
      <c r="AN268" s="133">
        <v>175985.25</v>
      </c>
      <c r="AO268" s="134"/>
    </row>
    <row r="269" spans="1:41" s="114" customFormat="1" ht="15" hidden="1" customHeight="1" outlineLevel="1">
      <c r="A269" s="113" t="s">
        <v>1189</v>
      </c>
      <c r="B269" s="114" t="s">
        <v>2</v>
      </c>
      <c r="C269" s="135" t="s">
        <v>1190</v>
      </c>
      <c r="D269" s="146" t="s">
        <v>1186</v>
      </c>
      <c r="E269" s="117"/>
      <c r="F269" s="128">
        <v>0</v>
      </c>
      <c r="G269" s="129">
        <v>0</v>
      </c>
      <c r="H269" s="129">
        <f t="shared" si="53"/>
        <v>0</v>
      </c>
      <c r="I269" s="130"/>
      <c r="J269" s="129">
        <v>0</v>
      </c>
      <c r="K269" s="129">
        <f t="shared" si="54"/>
        <v>0</v>
      </c>
      <c r="L269" s="129"/>
      <c r="M269" s="129">
        <v>0</v>
      </c>
      <c r="N269" s="129">
        <f t="shared" si="55"/>
        <v>0</v>
      </c>
      <c r="O269" s="131"/>
      <c r="P269" s="132">
        <v>0</v>
      </c>
      <c r="Q269" s="129">
        <v>0</v>
      </c>
      <c r="R269" s="129">
        <v>0</v>
      </c>
      <c r="S269" s="129">
        <v>0</v>
      </c>
      <c r="T269" s="129">
        <v>0</v>
      </c>
      <c r="U269" s="129">
        <v>0</v>
      </c>
      <c r="V269" s="129">
        <v>0</v>
      </c>
      <c r="W269" s="129">
        <v>0</v>
      </c>
      <c r="X269" s="129">
        <v>0</v>
      </c>
      <c r="Y269" s="129">
        <v>0</v>
      </c>
      <c r="Z269" s="129">
        <v>0</v>
      </c>
      <c r="AA269" s="129">
        <v>0</v>
      </c>
      <c r="AB269" s="133">
        <v>0</v>
      </c>
      <c r="AC269" s="129">
        <v>0</v>
      </c>
      <c r="AD269" s="129">
        <v>0</v>
      </c>
      <c r="AE269" s="129">
        <v>0</v>
      </c>
      <c r="AF269" s="129">
        <v>0</v>
      </c>
      <c r="AG269" s="129">
        <v>0</v>
      </c>
      <c r="AH269" s="129">
        <v>0</v>
      </c>
      <c r="AI269" s="129">
        <v>0</v>
      </c>
      <c r="AJ269" s="129">
        <v>0</v>
      </c>
      <c r="AK269" s="129">
        <v>0</v>
      </c>
      <c r="AL269" s="129">
        <v>0</v>
      </c>
      <c r="AM269" s="129">
        <v>0</v>
      </c>
      <c r="AN269" s="133">
        <v>0</v>
      </c>
      <c r="AO269" s="134"/>
    </row>
    <row r="270" spans="1:41" s="62" customFormat="1" hidden="1" outlineLevel="2">
      <c r="A270" s="61" t="s">
        <v>797</v>
      </c>
      <c r="B270" s="61" t="s">
        <v>798</v>
      </c>
      <c r="C270" s="71" t="s">
        <v>799</v>
      </c>
      <c r="D270" s="72" t="s">
        <v>1186</v>
      </c>
      <c r="E270" s="73"/>
      <c r="F270" s="62">
        <v>0</v>
      </c>
      <c r="G270" s="62">
        <v>0</v>
      </c>
      <c r="H270" s="62">
        <f t="shared" si="53"/>
        <v>0</v>
      </c>
      <c r="J270" s="62">
        <v>0</v>
      </c>
      <c r="K270" s="62">
        <f t="shared" si="54"/>
        <v>0</v>
      </c>
      <c r="M270" s="62">
        <v>0</v>
      </c>
      <c r="N270" s="62">
        <f t="shared" si="55"/>
        <v>0</v>
      </c>
      <c r="P270" s="74">
        <v>0</v>
      </c>
      <c r="Q270" s="61">
        <v>0</v>
      </c>
      <c r="R270" s="61">
        <v>0</v>
      </c>
      <c r="S270" s="61">
        <v>0</v>
      </c>
      <c r="T270" s="62">
        <v>-1057.53</v>
      </c>
      <c r="U270" s="61">
        <v>0</v>
      </c>
      <c r="V270" s="61">
        <v>0</v>
      </c>
      <c r="W270" s="61">
        <v>0</v>
      </c>
      <c r="X270" s="61">
        <v>0</v>
      </c>
      <c r="Y270" s="61">
        <v>0</v>
      </c>
      <c r="Z270" s="61">
        <v>0</v>
      </c>
      <c r="AA270" s="61">
        <v>0</v>
      </c>
      <c r="AB270" s="75">
        <v>0</v>
      </c>
      <c r="AC270" s="61">
        <v>0</v>
      </c>
      <c r="AD270" s="61">
        <v>0</v>
      </c>
      <c r="AE270" s="61">
        <v>0</v>
      </c>
      <c r="AF270" s="62">
        <v>0</v>
      </c>
      <c r="AG270" s="61">
        <v>0</v>
      </c>
      <c r="AH270" s="61">
        <v>0</v>
      </c>
      <c r="AI270" s="61">
        <v>0</v>
      </c>
      <c r="AJ270" s="61">
        <v>0</v>
      </c>
      <c r="AK270" s="61">
        <v>0</v>
      </c>
      <c r="AL270" s="61">
        <v>1093</v>
      </c>
      <c r="AM270" s="61">
        <v>0</v>
      </c>
      <c r="AN270" s="75">
        <v>0</v>
      </c>
    </row>
    <row r="271" spans="1:41" s="62" customFormat="1" hidden="1" outlineLevel="2">
      <c r="A271" s="61" t="s">
        <v>803</v>
      </c>
      <c r="B271" s="61" t="s">
        <v>804</v>
      </c>
      <c r="C271" s="71" t="s">
        <v>805</v>
      </c>
      <c r="D271" s="72" t="s">
        <v>1186</v>
      </c>
      <c r="E271" s="73"/>
      <c r="F271" s="62">
        <v>0</v>
      </c>
      <c r="G271" s="62">
        <v>0</v>
      </c>
      <c r="H271" s="62">
        <f t="shared" si="53"/>
        <v>0</v>
      </c>
      <c r="J271" s="62">
        <v>0</v>
      </c>
      <c r="K271" s="62">
        <f t="shared" si="54"/>
        <v>0</v>
      </c>
      <c r="M271" s="62">
        <v>0</v>
      </c>
      <c r="N271" s="62">
        <f t="shared" si="55"/>
        <v>0</v>
      </c>
      <c r="P271" s="74">
        <v>0</v>
      </c>
      <c r="Q271" s="61">
        <v>-4862.8900000000003</v>
      </c>
      <c r="R271" s="61">
        <v>-6565.1500000000005</v>
      </c>
      <c r="S271" s="61">
        <v>0</v>
      </c>
      <c r="T271" s="62">
        <v>-5354.62</v>
      </c>
      <c r="U271" s="61">
        <v>0</v>
      </c>
      <c r="V271" s="61">
        <v>0</v>
      </c>
      <c r="W271" s="61">
        <v>0</v>
      </c>
      <c r="X271" s="61">
        <v>0</v>
      </c>
      <c r="Y271" s="61">
        <v>0</v>
      </c>
      <c r="Z271" s="61">
        <v>0</v>
      </c>
      <c r="AA271" s="61">
        <v>0</v>
      </c>
      <c r="AB271" s="75">
        <v>0</v>
      </c>
      <c r="AC271" s="61">
        <v>0</v>
      </c>
      <c r="AD271" s="61">
        <v>0</v>
      </c>
      <c r="AE271" s="61">
        <v>0</v>
      </c>
      <c r="AF271" s="62">
        <v>0</v>
      </c>
      <c r="AG271" s="61">
        <v>0</v>
      </c>
      <c r="AH271" s="61">
        <v>0</v>
      </c>
      <c r="AI271" s="61">
        <v>0</v>
      </c>
      <c r="AJ271" s="61">
        <v>0</v>
      </c>
      <c r="AK271" s="61">
        <v>0</v>
      </c>
      <c r="AL271" s="61">
        <v>0</v>
      </c>
      <c r="AM271" s="61">
        <v>0</v>
      </c>
      <c r="AN271" s="75">
        <v>0</v>
      </c>
    </row>
    <row r="272" spans="1:41" s="62" customFormat="1" hidden="1" outlineLevel="2">
      <c r="A272" s="61" t="s">
        <v>593</v>
      </c>
      <c r="B272" s="61" t="s">
        <v>594</v>
      </c>
      <c r="C272" s="71" t="s">
        <v>595</v>
      </c>
      <c r="D272" s="72" t="s">
        <v>1186</v>
      </c>
      <c r="E272" s="73"/>
      <c r="F272" s="62">
        <v>0</v>
      </c>
      <c r="G272" s="62">
        <v>0</v>
      </c>
      <c r="H272" s="62">
        <f t="shared" si="53"/>
        <v>0</v>
      </c>
      <c r="J272" s="62">
        <v>0</v>
      </c>
      <c r="K272" s="62">
        <f t="shared" si="54"/>
        <v>0</v>
      </c>
      <c r="M272" s="62">
        <v>0</v>
      </c>
      <c r="N272" s="62">
        <f t="shared" si="55"/>
        <v>0</v>
      </c>
      <c r="P272" s="74">
        <v>0</v>
      </c>
      <c r="Q272" s="61">
        <v>0</v>
      </c>
      <c r="R272" s="61">
        <v>0</v>
      </c>
      <c r="S272" s="61">
        <v>263.51</v>
      </c>
      <c r="T272" s="62">
        <v>263.51</v>
      </c>
      <c r="U272" s="61">
        <v>263.51</v>
      </c>
      <c r="V272" s="61">
        <v>263.51</v>
      </c>
      <c r="W272" s="61">
        <v>263.51</v>
      </c>
      <c r="X272" s="61">
        <v>263.51</v>
      </c>
      <c r="Y272" s="61">
        <v>263.51</v>
      </c>
      <c r="Z272" s="61">
        <v>263.51</v>
      </c>
      <c r="AA272" s="61">
        <v>263.51</v>
      </c>
      <c r="AB272" s="75">
        <v>0</v>
      </c>
      <c r="AC272" s="61">
        <v>0</v>
      </c>
      <c r="AD272" s="61">
        <v>0</v>
      </c>
      <c r="AE272" s="61">
        <v>0</v>
      </c>
      <c r="AF272" s="62">
        <v>0</v>
      </c>
      <c r="AG272" s="61">
        <v>0</v>
      </c>
      <c r="AH272" s="61">
        <v>0</v>
      </c>
      <c r="AI272" s="61">
        <v>0</v>
      </c>
      <c r="AJ272" s="61">
        <v>0</v>
      </c>
      <c r="AK272" s="61">
        <v>0</v>
      </c>
      <c r="AL272" s="61">
        <v>0</v>
      </c>
      <c r="AM272" s="61">
        <v>0</v>
      </c>
      <c r="AN272" s="75">
        <v>0</v>
      </c>
    </row>
    <row r="273" spans="1:41" s="114" customFormat="1" ht="15" hidden="1" customHeight="1" outlineLevel="1">
      <c r="A273" s="113" t="s">
        <v>1191</v>
      </c>
      <c r="B273" s="114" t="s">
        <v>2</v>
      </c>
      <c r="C273" s="135" t="s">
        <v>1192</v>
      </c>
      <c r="D273" s="146" t="s">
        <v>1186</v>
      </c>
      <c r="E273" s="117"/>
      <c r="F273" s="128">
        <v>0</v>
      </c>
      <c r="G273" s="129">
        <v>0</v>
      </c>
      <c r="H273" s="129">
        <f t="shared" si="53"/>
        <v>0</v>
      </c>
      <c r="I273" s="130"/>
      <c r="J273" s="129">
        <v>0</v>
      </c>
      <c r="K273" s="129">
        <f t="shared" si="54"/>
        <v>0</v>
      </c>
      <c r="L273" s="129"/>
      <c r="M273" s="129">
        <v>0</v>
      </c>
      <c r="N273" s="129">
        <f t="shared" si="55"/>
        <v>0</v>
      </c>
      <c r="O273" s="131"/>
      <c r="P273" s="132">
        <v>0</v>
      </c>
      <c r="Q273" s="129">
        <v>-4862.8900000000003</v>
      </c>
      <c r="R273" s="129">
        <v>-6565.1500000000005</v>
      </c>
      <c r="S273" s="129">
        <v>263.51</v>
      </c>
      <c r="T273" s="129">
        <v>-6148.6399999999994</v>
      </c>
      <c r="U273" s="129">
        <v>263.51</v>
      </c>
      <c r="V273" s="129">
        <v>263.51</v>
      </c>
      <c r="W273" s="129">
        <v>263.51</v>
      </c>
      <c r="X273" s="129">
        <v>263.51</v>
      </c>
      <c r="Y273" s="129">
        <v>263.51</v>
      </c>
      <c r="Z273" s="129">
        <v>263.51</v>
      </c>
      <c r="AA273" s="129">
        <v>263.51</v>
      </c>
      <c r="AB273" s="133">
        <v>0</v>
      </c>
      <c r="AC273" s="129">
        <v>0</v>
      </c>
      <c r="AD273" s="129">
        <v>0</v>
      </c>
      <c r="AE273" s="129">
        <v>0</v>
      </c>
      <c r="AF273" s="129">
        <v>0</v>
      </c>
      <c r="AG273" s="129">
        <v>0</v>
      </c>
      <c r="AH273" s="129">
        <v>0</v>
      </c>
      <c r="AI273" s="129">
        <v>0</v>
      </c>
      <c r="AJ273" s="129">
        <v>0</v>
      </c>
      <c r="AK273" s="129">
        <v>0</v>
      </c>
      <c r="AL273" s="129">
        <v>1093</v>
      </c>
      <c r="AM273" s="129">
        <v>0</v>
      </c>
      <c r="AN273" s="133">
        <v>0</v>
      </c>
      <c r="AO273" s="134"/>
    </row>
    <row r="274" spans="1:41" s="114" customFormat="1" ht="15" hidden="1" customHeight="1" outlineLevel="1">
      <c r="A274" s="113" t="s">
        <v>1193</v>
      </c>
      <c r="B274" s="114" t="s">
        <v>2</v>
      </c>
      <c r="C274" s="135" t="s">
        <v>1194</v>
      </c>
      <c r="D274" s="146" t="s">
        <v>1186</v>
      </c>
      <c r="E274" s="117"/>
      <c r="F274" s="128">
        <v>0</v>
      </c>
      <c r="G274" s="129">
        <v>0</v>
      </c>
      <c r="H274" s="129">
        <f t="shared" si="53"/>
        <v>0</v>
      </c>
      <c r="I274" s="130"/>
      <c r="J274" s="129">
        <v>0</v>
      </c>
      <c r="K274" s="129">
        <f t="shared" si="54"/>
        <v>0</v>
      </c>
      <c r="L274" s="129"/>
      <c r="M274" s="129">
        <v>0</v>
      </c>
      <c r="N274" s="129">
        <f t="shared" si="55"/>
        <v>0</v>
      </c>
      <c r="O274" s="131"/>
      <c r="P274" s="132">
        <v>0</v>
      </c>
      <c r="Q274" s="129">
        <v>0</v>
      </c>
      <c r="R274" s="129">
        <v>0</v>
      </c>
      <c r="S274" s="129">
        <v>0</v>
      </c>
      <c r="T274" s="129">
        <v>0</v>
      </c>
      <c r="U274" s="129">
        <v>0</v>
      </c>
      <c r="V274" s="129">
        <v>0</v>
      </c>
      <c r="W274" s="129">
        <v>0</v>
      </c>
      <c r="X274" s="129">
        <v>0</v>
      </c>
      <c r="Y274" s="129">
        <v>0</v>
      </c>
      <c r="Z274" s="129">
        <v>0</v>
      </c>
      <c r="AA274" s="129">
        <v>0</v>
      </c>
      <c r="AB274" s="133">
        <v>0</v>
      </c>
      <c r="AC274" s="129">
        <v>0</v>
      </c>
      <c r="AD274" s="129">
        <v>0</v>
      </c>
      <c r="AE274" s="129">
        <v>0</v>
      </c>
      <c r="AF274" s="129">
        <v>0</v>
      </c>
      <c r="AG274" s="129">
        <v>0</v>
      </c>
      <c r="AH274" s="129">
        <v>0</v>
      </c>
      <c r="AI274" s="129">
        <v>0</v>
      </c>
      <c r="AJ274" s="129">
        <v>0</v>
      </c>
      <c r="AK274" s="129">
        <v>0</v>
      </c>
      <c r="AL274" s="129">
        <v>0</v>
      </c>
      <c r="AM274" s="129">
        <v>0</v>
      </c>
      <c r="AN274" s="133">
        <v>0</v>
      </c>
      <c r="AO274" s="134"/>
    </row>
    <row r="275" spans="1:41" s="62" customFormat="1" hidden="1" outlineLevel="2">
      <c r="A275" s="61" t="s">
        <v>1195</v>
      </c>
      <c r="B275" s="61" t="s">
        <v>1196</v>
      </c>
      <c r="C275" s="71" t="s">
        <v>170</v>
      </c>
      <c r="D275" s="72" t="s">
        <v>1186</v>
      </c>
      <c r="E275" s="73"/>
      <c r="F275" s="62">
        <v>0</v>
      </c>
      <c r="G275" s="62">
        <v>0</v>
      </c>
      <c r="H275" s="62">
        <f t="shared" si="53"/>
        <v>0</v>
      </c>
      <c r="J275" s="62">
        <v>0</v>
      </c>
      <c r="K275" s="62">
        <f t="shared" si="54"/>
        <v>0</v>
      </c>
      <c r="M275" s="62">
        <v>0</v>
      </c>
      <c r="N275" s="62">
        <f t="shared" si="55"/>
        <v>0</v>
      </c>
      <c r="P275" s="74">
        <v>0</v>
      </c>
      <c r="Q275" s="61">
        <v>0</v>
      </c>
      <c r="R275" s="61">
        <v>0</v>
      </c>
      <c r="S275" s="61">
        <v>0</v>
      </c>
      <c r="T275" s="62">
        <v>0</v>
      </c>
      <c r="U275" s="61">
        <v>0</v>
      </c>
      <c r="V275" s="61">
        <v>0</v>
      </c>
      <c r="W275" s="61">
        <v>0</v>
      </c>
      <c r="X275" s="61">
        <v>0</v>
      </c>
      <c r="Y275" s="61">
        <v>0</v>
      </c>
      <c r="Z275" s="61">
        <v>0</v>
      </c>
      <c r="AA275" s="61">
        <v>0</v>
      </c>
      <c r="AB275" s="75">
        <v>0</v>
      </c>
      <c r="AC275" s="61">
        <v>0</v>
      </c>
      <c r="AD275" s="61">
        <v>0</v>
      </c>
      <c r="AE275" s="61">
        <v>0</v>
      </c>
      <c r="AF275" s="62">
        <v>0</v>
      </c>
      <c r="AG275" s="61">
        <v>0</v>
      </c>
      <c r="AH275" s="61">
        <v>0</v>
      </c>
      <c r="AI275" s="61">
        <v>0</v>
      </c>
      <c r="AJ275" s="61">
        <v>0</v>
      </c>
      <c r="AK275" s="61">
        <v>0</v>
      </c>
      <c r="AL275" s="61">
        <v>0</v>
      </c>
      <c r="AM275" s="61">
        <v>0</v>
      </c>
      <c r="AN275" s="75">
        <v>0</v>
      </c>
    </row>
    <row r="276" spans="1:41" s="62" customFormat="1" hidden="1" outlineLevel="2">
      <c r="A276" s="61" t="s">
        <v>808</v>
      </c>
      <c r="B276" s="61" t="s">
        <v>809</v>
      </c>
      <c r="C276" s="71" t="s">
        <v>170</v>
      </c>
      <c r="D276" s="72" t="s">
        <v>1186</v>
      </c>
      <c r="E276" s="73"/>
      <c r="F276" s="62">
        <v>0</v>
      </c>
      <c r="G276" s="62">
        <v>0</v>
      </c>
      <c r="H276" s="62">
        <f t="shared" si="53"/>
        <v>0</v>
      </c>
      <c r="J276" s="62">
        <v>0</v>
      </c>
      <c r="K276" s="62">
        <f t="shared" si="54"/>
        <v>0</v>
      </c>
      <c r="M276" s="62">
        <v>0</v>
      </c>
      <c r="N276" s="62">
        <f t="shared" si="55"/>
        <v>0</v>
      </c>
      <c r="P276" s="74">
        <v>0</v>
      </c>
      <c r="Q276" s="61">
        <v>0</v>
      </c>
      <c r="R276" s="61">
        <v>0</v>
      </c>
      <c r="S276" s="61">
        <v>0</v>
      </c>
      <c r="T276" s="62">
        <v>0</v>
      </c>
      <c r="U276" s="61">
        <v>0</v>
      </c>
      <c r="V276" s="61">
        <v>0</v>
      </c>
      <c r="W276" s="61">
        <v>0</v>
      </c>
      <c r="X276" s="61">
        <v>0</v>
      </c>
      <c r="Y276" s="61">
        <v>0</v>
      </c>
      <c r="Z276" s="61">
        <v>0</v>
      </c>
      <c r="AA276" s="61">
        <v>0</v>
      </c>
      <c r="AB276" s="75">
        <v>0</v>
      </c>
      <c r="AC276" s="61">
        <v>0</v>
      </c>
      <c r="AD276" s="61">
        <v>0</v>
      </c>
      <c r="AE276" s="61">
        <v>0</v>
      </c>
      <c r="AF276" s="62">
        <v>0</v>
      </c>
      <c r="AG276" s="61">
        <v>0</v>
      </c>
      <c r="AH276" s="61">
        <v>0</v>
      </c>
      <c r="AI276" s="61">
        <v>0</v>
      </c>
      <c r="AJ276" s="61">
        <v>0</v>
      </c>
      <c r="AK276" s="61">
        <v>0</v>
      </c>
      <c r="AL276" s="61">
        <v>0</v>
      </c>
      <c r="AM276" s="61">
        <v>0</v>
      </c>
      <c r="AN276" s="75">
        <v>0</v>
      </c>
    </row>
    <row r="277" spans="1:41" s="62" customFormat="1" hidden="1" outlineLevel="2">
      <c r="A277" s="61" t="s">
        <v>171</v>
      </c>
      <c r="B277" s="61" t="s">
        <v>172</v>
      </c>
      <c r="C277" s="71" t="s">
        <v>170</v>
      </c>
      <c r="D277" s="72" t="s">
        <v>1186</v>
      </c>
      <c r="E277" s="73"/>
      <c r="F277" s="62">
        <v>0</v>
      </c>
      <c r="G277" s="62">
        <v>0</v>
      </c>
      <c r="H277" s="62">
        <f t="shared" si="53"/>
        <v>0</v>
      </c>
      <c r="J277" s="62">
        <v>0</v>
      </c>
      <c r="K277" s="62">
        <f t="shared" si="54"/>
        <v>0</v>
      </c>
      <c r="M277" s="62">
        <v>0</v>
      </c>
      <c r="N277" s="62">
        <f t="shared" si="55"/>
        <v>0</v>
      </c>
      <c r="P277" s="74">
        <v>6813021</v>
      </c>
      <c r="Q277" s="61">
        <v>6148928</v>
      </c>
      <c r="R277" s="61">
        <v>5589935</v>
      </c>
      <c r="S277" s="61">
        <v>5030942</v>
      </c>
      <c r="T277" s="62">
        <v>4471949</v>
      </c>
      <c r="U277" s="61">
        <v>3912956</v>
      </c>
      <c r="V277" s="61">
        <v>3353963</v>
      </c>
      <c r="W277" s="61">
        <v>2794970</v>
      </c>
      <c r="X277" s="61">
        <v>2235977</v>
      </c>
      <c r="Y277" s="61">
        <v>1787270.19</v>
      </c>
      <c r="Z277" s="61">
        <v>1191515.19</v>
      </c>
      <c r="AA277" s="61">
        <v>595760.19000000006</v>
      </c>
      <c r="AB277" s="75">
        <v>0</v>
      </c>
      <c r="AC277" s="61">
        <v>0</v>
      </c>
      <c r="AD277" s="61">
        <v>0</v>
      </c>
      <c r="AE277" s="61">
        <v>0</v>
      </c>
      <c r="AF277" s="62">
        <v>0</v>
      </c>
      <c r="AG277" s="61">
        <v>0</v>
      </c>
      <c r="AH277" s="61">
        <v>0</v>
      </c>
      <c r="AI277" s="61">
        <v>0</v>
      </c>
      <c r="AJ277" s="61">
        <v>0</v>
      </c>
      <c r="AK277" s="61">
        <v>0</v>
      </c>
      <c r="AL277" s="61">
        <v>0</v>
      </c>
      <c r="AM277" s="61">
        <v>0</v>
      </c>
      <c r="AN277" s="75">
        <v>0</v>
      </c>
    </row>
    <row r="278" spans="1:41" s="62" customFormat="1" hidden="1" outlineLevel="2">
      <c r="A278" s="61" t="s">
        <v>426</v>
      </c>
      <c r="B278" s="61" t="s">
        <v>427</v>
      </c>
      <c r="C278" s="71" t="s">
        <v>170</v>
      </c>
      <c r="D278" s="72" t="s">
        <v>1186</v>
      </c>
      <c r="E278" s="73"/>
      <c r="F278" s="62">
        <v>0</v>
      </c>
      <c r="G278" s="62">
        <v>7301333</v>
      </c>
      <c r="H278" s="62">
        <f t="shared" si="53"/>
        <v>-7301333</v>
      </c>
      <c r="J278" s="62">
        <v>7301333</v>
      </c>
      <c r="K278" s="62">
        <f t="shared" si="54"/>
        <v>-7301333</v>
      </c>
      <c r="M278" s="62">
        <v>590899.61</v>
      </c>
      <c r="N278" s="62">
        <f t="shared" si="55"/>
        <v>-590899.61</v>
      </c>
      <c r="P278" s="74">
        <v>0</v>
      </c>
      <c r="Q278" s="61">
        <v>0</v>
      </c>
      <c r="R278" s="61">
        <v>0</v>
      </c>
      <c r="S278" s="61">
        <v>0</v>
      </c>
      <c r="T278" s="62">
        <v>0</v>
      </c>
      <c r="U278" s="61">
        <v>0</v>
      </c>
      <c r="V278" s="61">
        <v>0</v>
      </c>
      <c r="W278" s="61">
        <v>0</v>
      </c>
      <c r="X278" s="61">
        <v>0</v>
      </c>
      <c r="Y278" s="61">
        <v>0</v>
      </c>
      <c r="Z278" s="61">
        <v>0</v>
      </c>
      <c r="AA278" s="61">
        <v>0</v>
      </c>
      <c r="AB278" s="75">
        <v>7301333</v>
      </c>
      <c r="AC278" s="61">
        <v>6596547</v>
      </c>
      <c r="AD278" s="61">
        <v>5996861</v>
      </c>
      <c r="AE278" s="61">
        <v>5397175</v>
      </c>
      <c r="AF278" s="62">
        <v>4797489</v>
      </c>
      <c r="AG278" s="61">
        <v>4197803</v>
      </c>
      <c r="AH278" s="61">
        <v>3826495.61</v>
      </c>
      <c r="AI278" s="61">
        <v>3188746.61</v>
      </c>
      <c r="AJ278" s="61">
        <v>2550997.61</v>
      </c>
      <c r="AK278" s="61">
        <v>1772691.6099999999</v>
      </c>
      <c r="AL278" s="61">
        <v>1181795.6100000001</v>
      </c>
      <c r="AM278" s="61">
        <v>590899.61</v>
      </c>
      <c r="AN278" s="75">
        <v>0</v>
      </c>
    </row>
    <row r="279" spans="1:41" s="62" customFormat="1" hidden="1" outlineLevel="2">
      <c r="A279" s="61" t="s">
        <v>1197</v>
      </c>
      <c r="B279" s="61" t="s">
        <v>1198</v>
      </c>
      <c r="C279" s="71" t="s">
        <v>170</v>
      </c>
      <c r="D279" s="72" t="s">
        <v>1186</v>
      </c>
      <c r="E279" s="73"/>
      <c r="F279" s="62">
        <v>7468922</v>
      </c>
      <c r="G279" s="62">
        <v>0</v>
      </c>
      <c r="H279" s="62">
        <f t="shared" si="53"/>
        <v>7468922</v>
      </c>
      <c r="J279" s="62">
        <v>0</v>
      </c>
      <c r="K279" s="62">
        <f t="shared" si="54"/>
        <v>7468922</v>
      </c>
      <c r="M279" s="62">
        <v>0</v>
      </c>
      <c r="N279" s="62">
        <f t="shared" si="55"/>
        <v>7468922</v>
      </c>
      <c r="P279" s="74">
        <v>0</v>
      </c>
      <c r="Q279" s="61">
        <v>0</v>
      </c>
      <c r="R279" s="61">
        <v>0</v>
      </c>
      <c r="S279" s="61">
        <v>0</v>
      </c>
      <c r="T279" s="62">
        <v>0</v>
      </c>
      <c r="U279" s="61">
        <v>0</v>
      </c>
      <c r="V279" s="61">
        <v>0</v>
      </c>
      <c r="W279" s="61">
        <v>0</v>
      </c>
      <c r="X279" s="61">
        <v>0</v>
      </c>
      <c r="Y279" s="61">
        <v>0</v>
      </c>
      <c r="Z279" s="61">
        <v>0</v>
      </c>
      <c r="AA279" s="61">
        <v>0</v>
      </c>
      <c r="AB279" s="75">
        <v>0</v>
      </c>
      <c r="AC279" s="61">
        <v>0</v>
      </c>
      <c r="AD279" s="61">
        <v>0</v>
      </c>
      <c r="AE279" s="61">
        <v>0</v>
      </c>
      <c r="AF279" s="62">
        <v>0</v>
      </c>
      <c r="AG279" s="61">
        <v>0</v>
      </c>
      <c r="AH279" s="61">
        <v>0</v>
      </c>
      <c r="AI279" s="61">
        <v>0</v>
      </c>
      <c r="AJ279" s="61">
        <v>0</v>
      </c>
      <c r="AK279" s="61">
        <v>0</v>
      </c>
      <c r="AL279" s="61">
        <v>0</v>
      </c>
      <c r="AM279" s="61">
        <v>0</v>
      </c>
      <c r="AN279" s="75">
        <v>7468922</v>
      </c>
    </row>
    <row r="280" spans="1:41" s="62" customFormat="1" hidden="1" outlineLevel="2">
      <c r="A280" s="61" t="s">
        <v>810</v>
      </c>
      <c r="B280" s="61" t="s">
        <v>811</v>
      </c>
      <c r="C280" s="71" t="s">
        <v>173</v>
      </c>
      <c r="D280" s="72" t="s">
        <v>1186</v>
      </c>
      <c r="E280" s="73"/>
      <c r="F280" s="62">
        <v>0</v>
      </c>
      <c r="G280" s="62">
        <v>0</v>
      </c>
      <c r="H280" s="62">
        <f t="shared" si="53"/>
        <v>0</v>
      </c>
      <c r="J280" s="62">
        <v>0</v>
      </c>
      <c r="K280" s="62">
        <f t="shared" si="54"/>
        <v>0</v>
      </c>
      <c r="M280" s="62">
        <v>0</v>
      </c>
      <c r="N280" s="62">
        <f t="shared" si="55"/>
        <v>0</v>
      </c>
      <c r="P280" s="74">
        <v>0</v>
      </c>
      <c r="Q280" s="61">
        <v>0</v>
      </c>
      <c r="R280" s="61">
        <v>0</v>
      </c>
      <c r="S280" s="61">
        <v>0</v>
      </c>
      <c r="T280" s="62">
        <v>0</v>
      </c>
      <c r="U280" s="61">
        <v>0</v>
      </c>
      <c r="V280" s="61">
        <v>0</v>
      </c>
      <c r="W280" s="61">
        <v>0</v>
      </c>
      <c r="X280" s="61">
        <v>0</v>
      </c>
      <c r="Y280" s="61">
        <v>0</v>
      </c>
      <c r="Z280" s="61">
        <v>0</v>
      </c>
      <c r="AA280" s="61">
        <v>0</v>
      </c>
      <c r="AB280" s="75">
        <v>0</v>
      </c>
      <c r="AC280" s="61">
        <v>0</v>
      </c>
      <c r="AD280" s="61">
        <v>0</v>
      </c>
      <c r="AE280" s="61">
        <v>0</v>
      </c>
      <c r="AF280" s="62">
        <v>0</v>
      </c>
      <c r="AG280" s="61">
        <v>0</v>
      </c>
      <c r="AH280" s="61">
        <v>0</v>
      </c>
      <c r="AI280" s="61">
        <v>0</v>
      </c>
      <c r="AJ280" s="61">
        <v>0</v>
      </c>
      <c r="AK280" s="61">
        <v>0</v>
      </c>
      <c r="AL280" s="61">
        <v>0</v>
      </c>
      <c r="AM280" s="61">
        <v>0</v>
      </c>
      <c r="AN280" s="75">
        <v>0</v>
      </c>
    </row>
    <row r="281" spans="1:41" s="62" customFormat="1" hidden="1" outlineLevel="2">
      <c r="A281" s="61" t="s">
        <v>174</v>
      </c>
      <c r="B281" s="61" t="s">
        <v>175</v>
      </c>
      <c r="C281" s="71" t="s">
        <v>173</v>
      </c>
      <c r="D281" s="72" t="s">
        <v>1186</v>
      </c>
      <c r="E281" s="73"/>
      <c r="F281" s="62">
        <v>0</v>
      </c>
      <c r="G281" s="62">
        <v>0</v>
      </c>
      <c r="H281" s="62">
        <f t="shared" si="53"/>
        <v>0</v>
      </c>
      <c r="J281" s="62">
        <v>0</v>
      </c>
      <c r="K281" s="62">
        <f t="shared" si="54"/>
        <v>0</v>
      </c>
      <c r="M281" s="62">
        <v>0</v>
      </c>
      <c r="N281" s="62">
        <f t="shared" si="55"/>
        <v>0</v>
      </c>
      <c r="P281" s="74">
        <v>0</v>
      </c>
      <c r="Q281" s="61">
        <v>29485.7</v>
      </c>
      <c r="R281" s="61">
        <v>26804.7</v>
      </c>
      <c r="S281" s="61">
        <v>24123.7</v>
      </c>
      <c r="T281" s="62">
        <v>21442.7</v>
      </c>
      <c r="U281" s="61">
        <v>18761.7</v>
      </c>
      <c r="V281" s="61">
        <v>16080.7</v>
      </c>
      <c r="W281" s="61">
        <v>13399.7</v>
      </c>
      <c r="X281" s="61">
        <v>10718.7</v>
      </c>
      <c r="Y281" s="61">
        <v>8037.7</v>
      </c>
      <c r="Z281" s="61">
        <v>5356.7</v>
      </c>
      <c r="AA281" s="61">
        <v>2675.7000000000003</v>
      </c>
      <c r="AB281" s="75">
        <v>0</v>
      </c>
      <c r="AC281" s="61">
        <v>0</v>
      </c>
      <c r="AD281" s="61">
        <v>0</v>
      </c>
      <c r="AE281" s="61">
        <v>0</v>
      </c>
      <c r="AF281" s="62">
        <v>0</v>
      </c>
      <c r="AG281" s="61">
        <v>0</v>
      </c>
      <c r="AH281" s="61">
        <v>0</v>
      </c>
      <c r="AI281" s="61">
        <v>0</v>
      </c>
      <c r="AJ281" s="61">
        <v>0</v>
      </c>
      <c r="AK281" s="61">
        <v>0</v>
      </c>
      <c r="AL281" s="61">
        <v>0</v>
      </c>
      <c r="AM281" s="61">
        <v>0</v>
      </c>
      <c r="AN281" s="75">
        <v>0</v>
      </c>
    </row>
    <row r="282" spans="1:41" s="62" customFormat="1" hidden="1" outlineLevel="2">
      <c r="A282" s="61" t="s">
        <v>439</v>
      </c>
      <c r="B282" s="61" t="s">
        <v>440</v>
      </c>
      <c r="C282" s="71" t="s">
        <v>441</v>
      </c>
      <c r="D282" s="72" t="s">
        <v>1186</v>
      </c>
      <c r="E282" s="73"/>
      <c r="F282" s="62">
        <v>0</v>
      </c>
      <c r="G282" s="62">
        <v>0</v>
      </c>
      <c r="H282" s="62">
        <f t="shared" si="53"/>
        <v>0</v>
      </c>
      <c r="J282" s="62">
        <v>0</v>
      </c>
      <c r="K282" s="62">
        <f t="shared" si="54"/>
        <v>0</v>
      </c>
      <c r="M282" s="62">
        <v>15754.880000000001</v>
      </c>
      <c r="N282" s="62">
        <f t="shared" si="55"/>
        <v>-15754.880000000001</v>
      </c>
      <c r="P282" s="74">
        <v>0</v>
      </c>
      <c r="Q282" s="61">
        <v>0</v>
      </c>
      <c r="R282" s="61">
        <v>0</v>
      </c>
      <c r="S282" s="61">
        <v>0</v>
      </c>
      <c r="T282" s="62">
        <v>0</v>
      </c>
      <c r="U282" s="61">
        <v>0</v>
      </c>
      <c r="V282" s="61">
        <v>0</v>
      </c>
      <c r="W282" s="61">
        <v>0</v>
      </c>
      <c r="X282" s="61">
        <v>0</v>
      </c>
      <c r="Y282" s="61">
        <v>0</v>
      </c>
      <c r="Z282" s="61">
        <v>0</v>
      </c>
      <c r="AA282" s="61">
        <v>0</v>
      </c>
      <c r="AB282" s="75">
        <v>0</v>
      </c>
      <c r="AC282" s="61">
        <v>173334.88</v>
      </c>
      <c r="AD282" s="61">
        <v>157576.88</v>
      </c>
      <c r="AE282" s="61">
        <v>141818.88</v>
      </c>
      <c r="AF282" s="62">
        <v>126060.88</v>
      </c>
      <c r="AG282" s="61">
        <v>110302.88</v>
      </c>
      <c r="AH282" s="61">
        <v>94544.88</v>
      </c>
      <c r="AI282" s="61">
        <v>78786.880000000005</v>
      </c>
      <c r="AJ282" s="61">
        <v>63028.880000000005</v>
      </c>
      <c r="AK282" s="61">
        <v>47270.879999999997</v>
      </c>
      <c r="AL282" s="61">
        <v>31512.880000000001</v>
      </c>
      <c r="AM282" s="61">
        <v>15754.880000000001</v>
      </c>
      <c r="AN282" s="75">
        <v>0</v>
      </c>
    </row>
    <row r="283" spans="1:41" s="114" customFormat="1" ht="15" hidden="1" customHeight="1" outlineLevel="1">
      <c r="A283" s="113" t="s">
        <v>1199</v>
      </c>
      <c r="B283" s="114" t="s">
        <v>2</v>
      </c>
      <c r="C283" s="135" t="s">
        <v>1200</v>
      </c>
      <c r="D283" s="146" t="s">
        <v>1186</v>
      </c>
      <c r="E283" s="117"/>
      <c r="F283" s="128">
        <v>7468922</v>
      </c>
      <c r="G283" s="129">
        <v>7301333</v>
      </c>
      <c r="H283" s="129">
        <f t="shared" si="53"/>
        <v>167589</v>
      </c>
      <c r="I283" s="130"/>
      <c r="J283" s="129">
        <v>7301333</v>
      </c>
      <c r="K283" s="129">
        <f t="shared" si="54"/>
        <v>167589</v>
      </c>
      <c r="L283" s="129"/>
      <c r="M283" s="129">
        <v>606654.49</v>
      </c>
      <c r="N283" s="129">
        <f t="shared" si="55"/>
        <v>6862267.5099999998</v>
      </c>
      <c r="O283" s="131"/>
      <c r="P283" s="132">
        <v>6813021</v>
      </c>
      <c r="Q283" s="129">
        <v>6178413.7000000002</v>
      </c>
      <c r="R283" s="129">
        <v>5616739.7000000002</v>
      </c>
      <c r="S283" s="129">
        <v>5055065.7</v>
      </c>
      <c r="T283" s="129">
        <v>4493391.7</v>
      </c>
      <c r="U283" s="129">
        <v>3931717.7</v>
      </c>
      <c r="V283" s="129">
        <v>3370043.7</v>
      </c>
      <c r="W283" s="129">
        <v>2808369.7</v>
      </c>
      <c r="X283" s="129">
        <v>2246695.7000000002</v>
      </c>
      <c r="Y283" s="129">
        <v>1795307.89</v>
      </c>
      <c r="Z283" s="129">
        <v>1196871.8899999999</v>
      </c>
      <c r="AA283" s="129">
        <v>598435.89</v>
      </c>
      <c r="AB283" s="133">
        <v>7301333</v>
      </c>
      <c r="AC283" s="129">
        <v>6769881.8799999999</v>
      </c>
      <c r="AD283" s="129">
        <v>6154437.8799999999</v>
      </c>
      <c r="AE283" s="129">
        <v>5538993.8799999999</v>
      </c>
      <c r="AF283" s="129">
        <v>4923549.88</v>
      </c>
      <c r="AG283" s="129">
        <v>4308105.88</v>
      </c>
      <c r="AH283" s="129">
        <v>3921040.4899999998</v>
      </c>
      <c r="AI283" s="129">
        <v>3267533.4899999998</v>
      </c>
      <c r="AJ283" s="129">
        <v>2614026.4899999998</v>
      </c>
      <c r="AK283" s="129">
        <v>1819962.4899999998</v>
      </c>
      <c r="AL283" s="129">
        <v>1213308.49</v>
      </c>
      <c r="AM283" s="129">
        <v>606654.49</v>
      </c>
      <c r="AN283" s="133">
        <v>7468922</v>
      </c>
      <c r="AO283" s="134"/>
    </row>
    <row r="284" spans="1:41" s="62" customFormat="1" hidden="1" outlineLevel="2">
      <c r="A284" s="61" t="s">
        <v>806</v>
      </c>
      <c r="B284" s="61" t="s">
        <v>807</v>
      </c>
      <c r="C284" s="71" t="s">
        <v>169</v>
      </c>
      <c r="D284" s="72" t="s">
        <v>1186</v>
      </c>
      <c r="E284" s="73"/>
      <c r="F284" s="62">
        <v>0</v>
      </c>
      <c r="G284" s="62">
        <v>0</v>
      </c>
      <c r="H284" s="62">
        <f t="shared" si="53"/>
        <v>0</v>
      </c>
      <c r="J284" s="62">
        <v>0</v>
      </c>
      <c r="K284" s="62">
        <f t="shared" si="54"/>
        <v>0</v>
      </c>
      <c r="M284" s="62">
        <v>0</v>
      </c>
      <c r="N284" s="62">
        <f t="shared" si="55"/>
        <v>0</v>
      </c>
      <c r="P284" s="74">
        <v>132.4</v>
      </c>
      <c r="Q284" s="61">
        <v>132.4</v>
      </c>
      <c r="R284" s="61">
        <v>132.4</v>
      </c>
      <c r="S284" s="61">
        <v>0</v>
      </c>
      <c r="T284" s="62">
        <v>0</v>
      </c>
      <c r="U284" s="61">
        <v>0</v>
      </c>
      <c r="V284" s="61">
        <v>0</v>
      </c>
      <c r="W284" s="61">
        <v>0</v>
      </c>
      <c r="X284" s="61">
        <v>0</v>
      </c>
      <c r="Y284" s="61">
        <v>0</v>
      </c>
      <c r="Z284" s="61">
        <v>0</v>
      </c>
      <c r="AA284" s="61">
        <v>0</v>
      </c>
      <c r="AB284" s="75">
        <v>0</v>
      </c>
      <c r="AC284" s="61">
        <v>0</v>
      </c>
      <c r="AD284" s="61">
        <v>0</v>
      </c>
      <c r="AE284" s="61">
        <v>0</v>
      </c>
      <c r="AF284" s="62">
        <v>0</v>
      </c>
      <c r="AG284" s="61">
        <v>0</v>
      </c>
      <c r="AH284" s="61">
        <v>0</v>
      </c>
      <c r="AI284" s="61">
        <v>0</v>
      </c>
      <c r="AJ284" s="61">
        <v>0</v>
      </c>
      <c r="AK284" s="61">
        <v>0</v>
      </c>
      <c r="AL284" s="61">
        <v>0</v>
      </c>
      <c r="AM284" s="61">
        <v>0</v>
      </c>
      <c r="AN284" s="75">
        <v>0</v>
      </c>
    </row>
    <row r="285" spans="1:41" s="114" customFormat="1" ht="15" hidden="1" customHeight="1" outlineLevel="1">
      <c r="A285" s="113" t="s">
        <v>1201</v>
      </c>
      <c r="B285" s="114" t="s">
        <v>2</v>
      </c>
      <c r="C285" s="135" t="s">
        <v>1202</v>
      </c>
      <c r="D285" s="146" t="s">
        <v>1186</v>
      </c>
      <c r="E285" s="117"/>
      <c r="F285" s="128">
        <v>0</v>
      </c>
      <c r="G285" s="129">
        <v>0</v>
      </c>
      <c r="H285" s="129">
        <f t="shared" si="53"/>
        <v>0</v>
      </c>
      <c r="I285" s="130"/>
      <c r="J285" s="129">
        <v>0</v>
      </c>
      <c r="K285" s="129">
        <f t="shared" si="54"/>
        <v>0</v>
      </c>
      <c r="L285" s="129"/>
      <c r="M285" s="129">
        <v>0</v>
      </c>
      <c r="N285" s="129">
        <f t="shared" si="55"/>
        <v>0</v>
      </c>
      <c r="O285" s="131"/>
      <c r="P285" s="132">
        <v>132.4</v>
      </c>
      <c r="Q285" s="129">
        <v>132.4</v>
      </c>
      <c r="R285" s="129">
        <v>132.4</v>
      </c>
      <c r="S285" s="129">
        <v>0</v>
      </c>
      <c r="T285" s="129">
        <v>0</v>
      </c>
      <c r="U285" s="129">
        <v>0</v>
      </c>
      <c r="V285" s="129">
        <v>0</v>
      </c>
      <c r="W285" s="129">
        <v>0</v>
      </c>
      <c r="X285" s="129">
        <v>0</v>
      </c>
      <c r="Y285" s="129">
        <v>0</v>
      </c>
      <c r="Z285" s="129">
        <v>0</v>
      </c>
      <c r="AA285" s="129">
        <v>0</v>
      </c>
      <c r="AB285" s="133">
        <v>0</v>
      </c>
      <c r="AC285" s="129">
        <v>0</v>
      </c>
      <c r="AD285" s="129">
        <v>0</v>
      </c>
      <c r="AE285" s="129">
        <v>0</v>
      </c>
      <c r="AF285" s="129">
        <v>0</v>
      </c>
      <c r="AG285" s="129">
        <v>0</v>
      </c>
      <c r="AH285" s="129">
        <v>0</v>
      </c>
      <c r="AI285" s="129">
        <v>0</v>
      </c>
      <c r="AJ285" s="129">
        <v>0</v>
      </c>
      <c r="AK285" s="129">
        <v>0</v>
      </c>
      <c r="AL285" s="129">
        <v>0</v>
      </c>
      <c r="AM285" s="129">
        <v>0</v>
      </c>
      <c r="AN285" s="133">
        <v>0</v>
      </c>
      <c r="AO285" s="134"/>
    </row>
    <row r="286" spans="1:41" s="62" customFormat="1" hidden="1" outlineLevel="2">
      <c r="A286" s="61" t="s">
        <v>1203</v>
      </c>
      <c r="B286" s="61" t="s">
        <v>1204</v>
      </c>
      <c r="C286" s="71" t="s">
        <v>1205</v>
      </c>
      <c r="D286" s="72" t="s">
        <v>1186</v>
      </c>
      <c r="E286" s="73"/>
      <c r="F286" s="62">
        <v>0</v>
      </c>
      <c r="G286" s="62">
        <v>0</v>
      </c>
      <c r="H286" s="62">
        <f t="shared" si="53"/>
        <v>0</v>
      </c>
      <c r="J286" s="62">
        <v>0</v>
      </c>
      <c r="K286" s="62">
        <f t="shared" si="54"/>
        <v>0</v>
      </c>
      <c r="M286" s="62">
        <v>0</v>
      </c>
      <c r="N286" s="62">
        <f t="shared" si="55"/>
        <v>0</v>
      </c>
      <c r="P286" s="74">
        <v>0</v>
      </c>
      <c r="Q286" s="61">
        <v>0</v>
      </c>
      <c r="R286" s="61">
        <v>0</v>
      </c>
      <c r="S286" s="61">
        <v>0</v>
      </c>
      <c r="T286" s="62">
        <v>0</v>
      </c>
      <c r="U286" s="61">
        <v>0</v>
      </c>
      <c r="V286" s="61">
        <v>0</v>
      </c>
      <c r="W286" s="61">
        <v>0</v>
      </c>
      <c r="X286" s="61">
        <v>0</v>
      </c>
      <c r="Y286" s="61">
        <v>0</v>
      </c>
      <c r="Z286" s="61">
        <v>0</v>
      </c>
      <c r="AA286" s="61">
        <v>0</v>
      </c>
      <c r="AB286" s="75">
        <v>0</v>
      </c>
      <c r="AC286" s="61">
        <v>0</v>
      </c>
      <c r="AD286" s="61">
        <v>0</v>
      </c>
      <c r="AE286" s="61">
        <v>0</v>
      </c>
      <c r="AF286" s="62">
        <v>0</v>
      </c>
      <c r="AG286" s="61">
        <v>0</v>
      </c>
      <c r="AH286" s="61">
        <v>0</v>
      </c>
      <c r="AI286" s="61">
        <v>0</v>
      </c>
      <c r="AJ286" s="61">
        <v>0</v>
      </c>
      <c r="AK286" s="61">
        <v>0</v>
      </c>
      <c r="AL286" s="61">
        <v>0</v>
      </c>
      <c r="AM286" s="61">
        <v>0</v>
      </c>
      <c r="AN286" s="75">
        <v>0</v>
      </c>
    </row>
    <row r="287" spans="1:41" s="62" customFormat="1" hidden="1" outlineLevel="2">
      <c r="A287" s="61" t="s">
        <v>1206</v>
      </c>
      <c r="B287" s="61" t="s">
        <v>1207</v>
      </c>
      <c r="C287" s="71" t="s">
        <v>1208</v>
      </c>
      <c r="D287" s="72" t="s">
        <v>1186</v>
      </c>
      <c r="E287" s="73"/>
      <c r="F287" s="62">
        <v>0</v>
      </c>
      <c r="G287" s="62">
        <v>0</v>
      </c>
      <c r="H287" s="62">
        <f t="shared" si="53"/>
        <v>0</v>
      </c>
      <c r="J287" s="62">
        <v>0</v>
      </c>
      <c r="K287" s="62">
        <f t="shared" si="54"/>
        <v>0</v>
      </c>
      <c r="M287" s="62">
        <v>0</v>
      </c>
      <c r="N287" s="62">
        <f t="shared" si="55"/>
        <v>0</v>
      </c>
      <c r="P287" s="74">
        <v>0</v>
      </c>
      <c r="Q287" s="61">
        <v>0</v>
      </c>
      <c r="R287" s="61">
        <v>0</v>
      </c>
      <c r="S287" s="61">
        <v>0</v>
      </c>
      <c r="T287" s="62">
        <v>0</v>
      </c>
      <c r="U287" s="61">
        <v>0</v>
      </c>
      <c r="V287" s="61">
        <v>0</v>
      </c>
      <c r="W287" s="61">
        <v>0</v>
      </c>
      <c r="X287" s="61">
        <v>0</v>
      </c>
      <c r="Y287" s="61">
        <v>0</v>
      </c>
      <c r="Z287" s="61">
        <v>0</v>
      </c>
      <c r="AA287" s="61">
        <v>0</v>
      </c>
      <c r="AB287" s="75">
        <v>0</v>
      </c>
      <c r="AC287" s="61">
        <v>0</v>
      </c>
      <c r="AD287" s="61">
        <v>0</v>
      </c>
      <c r="AE287" s="61">
        <v>0</v>
      </c>
      <c r="AF287" s="62">
        <v>0</v>
      </c>
      <c r="AG287" s="61">
        <v>0</v>
      </c>
      <c r="AH287" s="61">
        <v>0</v>
      </c>
      <c r="AI287" s="61">
        <v>0</v>
      </c>
      <c r="AJ287" s="61">
        <v>0</v>
      </c>
      <c r="AK287" s="61">
        <v>0</v>
      </c>
      <c r="AL287" s="61">
        <v>0</v>
      </c>
      <c r="AM287" s="61">
        <v>0</v>
      </c>
      <c r="AN287" s="75">
        <v>0</v>
      </c>
    </row>
    <row r="288" spans="1:41" s="114" customFormat="1" ht="15" hidden="1" customHeight="1" outlineLevel="1">
      <c r="A288" s="113" t="s">
        <v>1209</v>
      </c>
      <c r="B288" s="114" t="s">
        <v>2</v>
      </c>
      <c r="C288" s="135" t="s">
        <v>1210</v>
      </c>
      <c r="D288" s="146" t="s">
        <v>1186</v>
      </c>
      <c r="E288" s="117"/>
      <c r="F288" s="128">
        <v>0</v>
      </c>
      <c r="G288" s="129">
        <v>0</v>
      </c>
      <c r="H288" s="129">
        <f t="shared" si="53"/>
        <v>0</v>
      </c>
      <c r="I288" s="130"/>
      <c r="J288" s="129">
        <v>0</v>
      </c>
      <c r="K288" s="129">
        <f t="shared" si="54"/>
        <v>0</v>
      </c>
      <c r="L288" s="129"/>
      <c r="M288" s="129">
        <v>0</v>
      </c>
      <c r="N288" s="129">
        <f t="shared" si="55"/>
        <v>0</v>
      </c>
      <c r="O288" s="131"/>
      <c r="P288" s="132">
        <v>0</v>
      </c>
      <c r="Q288" s="129">
        <v>0</v>
      </c>
      <c r="R288" s="129">
        <v>0</v>
      </c>
      <c r="S288" s="129">
        <v>0</v>
      </c>
      <c r="T288" s="129">
        <v>0</v>
      </c>
      <c r="U288" s="129">
        <v>0</v>
      </c>
      <c r="V288" s="129">
        <v>0</v>
      </c>
      <c r="W288" s="129">
        <v>0</v>
      </c>
      <c r="X288" s="129">
        <v>0</v>
      </c>
      <c r="Y288" s="129">
        <v>0</v>
      </c>
      <c r="Z288" s="129">
        <v>0</v>
      </c>
      <c r="AA288" s="129">
        <v>0</v>
      </c>
      <c r="AB288" s="133">
        <v>0</v>
      </c>
      <c r="AC288" s="129">
        <v>0</v>
      </c>
      <c r="AD288" s="129">
        <v>0</v>
      </c>
      <c r="AE288" s="129">
        <v>0</v>
      </c>
      <c r="AF288" s="129">
        <v>0</v>
      </c>
      <c r="AG288" s="129">
        <v>0</v>
      </c>
      <c r="AH288" s="129">
        <v>0</v>
      </c>
      <c r="AI288" s="129">
        <v>0</v>
      </c>
      <c r="AJ288" s="129">
        <v>0</v>
      </c>
      <c r="AK288" s="129">
        <v>0</v>
      </c>
      <c r="AL288" s="129">
        <v>0</v>
      </c>
      <c r="AM288" s="129">
        <v>0</v>
      </c>
      <c r="AN288" s="133">
        <v>0</v>
      </c>
      <c r="AO288" s="134"/>
    </row>
    <row r="289" spans="1:41" s="62" customFormat="1" hidden="1" outlineLevel="2">
      <c r="A289" s="61" t="s">
        <v>166</v>
      </c>
      <c r="B289" s="61" t="s">
        <v>167</v>
      </c>
      <c r="C289" s="71" t="s">
        <v>168</v>
      </c>
      <c r="D289" s="72" t="s">
        <v>1186</v>
      </c>
      <c r="E289" s="73"/>
      <c r="F289" s="62">
        <v>0</v>
      </c>
      <c r="G289" s="62">
        <v>0</v>
      </c>
      <c r="H289" s="62">
        <f t="shared" si="53"/>
        <v>0</v>
      </c>
      <c r="J289" s="62">
        <v>0</v>
      </c>
      <c r="K289" s="62">
        <f t="shared" si="54"/>
        <v>0</v>
      </c>
      <c r="M289" s="62">
        <v>12.950000000000001</v>
      </c>
      <c r="N289" s="62">
        <f t="shared" si="55"/>
        <v>-12.950000000000001</v>
      </c>
      <c r="P289" s="74">
        <v>0</v>
      </c>
      <c r="Q289" s="61">
        <v>-0.21</v>
      </c>
      <c r="R289" s="61">
        <v>-3.2600000000000002</v>
      </c>
      <c r="S289" s="61">
        <v>0</v>
      </c>
      <c r="T289" s="62">
        <v>2.87</v>
      </c>
      <c r="U289" s="61">
        <v>-15.290000000000001</v>
      </c>
      <c r="V289" s="61">
        <v>0</v>
      </c>
      <c r="W289" s="61">
        <v>4.2700000000000005</v>
      </c>
      <c r="X289" s="61">
        <v>16.37</v>
      </c>
      <c r="Y289" s="61">
        <v>0</v>
      </c>
      <c r="Z289" s="61">
        <v>0</v>
      </c>
      <c r="AA289" s="61">
        <v>0</v>
      </c>
      <c r="AB289" s="75">
        <v>0</v>
      </c>
      <c r="AC289" s="61">
        <v>0</v>
      </c>
      <c r="AD289" s="61">
        <v>0</v>
      </c>
      <c r="AE289" s="61">
        <v>0</v>
      </c>
      <c r="AF289" s="62">
        <v>14.620000000000001</v>
      </c>
      <c r="AG289" s="61">
        <v>18.12</v>
      </c>
      <c r="AH289" s="61">
        <v>0</v>
      </c>
      <c r="AI289" s="61">
        <v>-16.18</v>
      </c>
      <c r="AJ289" s="61">
        <v>32.4</v>
      </c>
      <c r="AK289" s="61">
        <v>0</v>
      </c>
      <c r="AL289" s="61">
        <v>-10.950000000000001</v>
      </c>
      <c r="AM289" s="61">
        <v>12.950000000000001</v>
      </c>
      <c r="AN289" s="75">
        <v>0</v>
      </c>
    </row>
    <row r="290" spans="1:41" s="62" customFormat="1" hidden="1" outlineLevel="2">
      <c r="A290" s="61" t="s">
        <v>1211</v>
      </c>
      <c r="B290" s="61" t="s">
        <v>1212</v>
      </c>
      <c r="C290" s="71" t="s">
        <v>1213</v>
      </c>
      <c r="D290" s="72" t="s">
        <v>1186</v>
      </c>
      <c r="E290" s="73"/>
      <c r="F290" s="62">
        <v>0</v>
      </c>
      <c r="G290" s="62">
        <v>0</v>
      </c>
      <c r="H290" s="62">
        <f t="shared" si="53"/>
        <v>0</v>
      </c>
      <c r="J290" s="62">
        <v>0</v>
      </c>
      <c r="K290" s="62">
        <f t="shared" si="54"/>
        <v>0</v>
      </c>
      <c r="M290" s="62">
        <v>0</v>
      </c>
      <c r="N290" s="62">
        <f t="shared" si="55"/>
        <v>0</v>
      </c>
      <c r="P290" s="74">
        <v>0</v>
      </c>
      <c r="Q290" s="61">
        <v>0</v>
      </c>
      <c r="R290" s="61">
        <v>0</v>
      </c>
      <c r="S290" s="61">
        <v>0</v>
      </c>
      <c r="T290" s="62">
        <v>0</v>
      </c>
      <c r="U290" s="61">
        <v>0</v>
      </c>
      <c r="V290" s="61">
        <v>0</v>
      </c>
      <c r="W290" s="61">
        <v>0</v>
      </c>
      <c r="X290" s="61">
        <v>0</v>
      </c>
      <c r="Y290" s="61">
        <v>0</v>
      </c>
      <c r="Z290" s="61">
        <v>0</v>
      </c>
      <c r="AA290" s="61">
        <v>0</v>
      </c>
      <c r="AB290" s="75">
        <v>0</v>
      </c>
      <c r="AC290" s="61">
        <v>0</v>
      </c>
      <c r="AD290" s="61">
        <v>0</v>
      </c>
      <c r="AE290" s="61">
        <v>0</v>
      </c>
      <c r="AF290" s="62">
        <v>0</v>
      </c>
      <c r="AG290" s="61">
        <v>0</v>
      </c>
      <c r="AH290" s="61">
        <v>0</v>
      </c>
      <c r="AI290" s="61">
        <v>0</v>
      </c>
      <c r="AJ290" s="61">
        <v>0</v>
      </c>
      <c r="AK290" s="61">
        <v>0</v>
      </c>
      <c r="AL290" s="61">
        <v>0</v>
      </c>
      <c r="AM290" s="61">
        <v>0</v>
      </c>
      <c r="AN290" s="75">
        <v>0</v>
      </c>
    </row>
    <row r="291" spans="1:41" s="114" customFormat="1" ht="15" hidden="1" customHeight="1" outlineLevel="1">
      <c r="A291" s="113" t="s">
        <v>1214</v>
      </c>
      <c r="B291" s="114" t="s">
        <v>2</v>
      </c>
      <c r="C291" s="135" t="s">
        <v>1215</v>
      </c>
      <c r="D291" s="146" t="s">
        <v>1186</v>
      </c>
      <c r="E291" s="117"/>
      <c r="F291" s="128">
        <v>0</v>
      </c>
      <c r="G291" s="129">
        <v>0</v>
      </c>
      <c r="H291" s="129">
        <f t="shared" si="53"/>
        <v>0</v>
      </c>
      <c r="I291" s="130"/>
      <c r="J291" s="129">
        <v>0</v>
      </c>
      <c r="K291" s="129">
        <f t="shared" si="54"/>
        <v>0</v>
      </c>
      <c r="L291" s="129"/>
      <c r="M291" s="129">
        <v>12.950000000000001</v>
      </c>
      <c r="N291" s="129">
        <f t="shared" si="55"/>
        <v>-12.950000000000001</v>
      </c>
      <c r="O291" s="131"/>
      <c r="P291" s="132">
        <v>0</v>
      </c>
      <c r="Q291" s="129">
        <v>-0.21</v>
      </c>
      <c r="R291" s="129">
        <v>-3.2600000000000002</v>
      </c>
      <c r="S291" s="129">
        <v>0</v>
      </c>
      <c r="T291" s="129">
        <v>2.87</v>
      </c>
      <c r="U291" s="129">
        <v>-15.290000000000001</v>
      </c>
      <c r="V291" s="129">
        <v>0</v>
      </c>
      <c r="W291" s="129">
        <v>4.2700000000000005</v>
      </c>
      <c r="X291" s="129">
        <v>16.37</v>
      </c>
      <c r="Y291" s="129">
        <v>0</v>
      </c>
      <c r="Z291" s="129">
        <v>0</v>
      </c>
      <c r="AA291" s="129">
        <v>0</v>
      </c>
      <c r="AB291" s="133">
        <v>0</v>
      </c>
      <c r="AC291" s="129">
        <v>0</v>
      </c>
      <c r="AD291" s="129">
        <v>0</v>
      </c>
      <c r="AE291" s="129">
        <v>0</v>
      </c>
      <c r="AF291" s="129">
        <v>14.620000000000001</v>
      </c>
      <c r="AG291" s="129">
        <v>18.12</v>
      </c>
      <c r="AH291" s="129">
        <v>0</v>
      </c>
      <c r="AI291" s="129">
        <v>-16.18</v>
      </c>
      <c r="AJ291" s="129">
        <v>32.4</v>
      </c>
      <c r="AK291" s="129">
        <v>0</v>
      </c>
      <c r="AL291" s="129">
        <v>-10.950000000000001</v>
      </c>
      <c r="AM291" s="129">
        <v>12.950000000000001</v>
      </c>
      <c r="AN291" s="133">
        <v>0</v>
      </c>
      <c r="AO291" s="134"/>
    </row>
    <row r="292" spans="1:41" s="62" customFormat="1" hidden="1" outlineLevel="2">
      <c r="A292" s="61" t="s">
        <v>722</v>
      </c>
      <c r="B292" s="61" t="s">
        <v>723</v>
      </c>
      <c r="C292" s="71" t="s">
        <v>724</v>
      </c>
      <c r="D292" s="72" t="s">
        <v>1186</v>
      </c>
      <c r="E292" s="73"/>
      <c r="F292" s="62">
        <v>-1150.83</v>
      </c>
      <c r="G292" s="62">
        <v>0</v>
      </c>
      <c r="H292" s="62">
        <f t="shared" si="53"/>
        <v>-1150.83</v>
      </c>
      <c r="J292" s="62">
        <v>0</v>
      </c>
      <c r="K292" s="62">
        <f t="shared" si="54"/>
        <v>-1150.83</v>
      </c>
      <c r="M292" s="62">
        <v>0</v>
      </c>
      <c r="N292" s="62">
        <f t="shared" si="55"/>
        <v>-1150.83</v>
      </c>
      <c r="P292" s="74">
        <v>424.64</v>
      </c>
      <c r="Q292" s="61">
        <v>424.64</v>
      </c>
      <c r="R292" s="61">
        <v>0</v>
      </c>
      <c r="S292" s="61">
        <v>0</v>
      </c>
      <c r="T292" s="62">
        <v>-2951.18</v>
      </c>
      <c r="U292" s="61">
        <v>-5921.43</v>
      </c>
      <c r="V292" s="61">
        <v>0</v>
      </c>
      <c r="W292" s="61">
        <v>-7822.5</v>
      </c>
      <c r="X292" s="61">
        <v>0</v>
      </c>
      <c r="Y292" s="61">
        <v>0</v>
      </c>
      <c r="Z292" s="61">
        <v>0</v>
      </c>
      <c r="AA292" s="61">
        <v>0</v>
      </c>
      <c r="AB292" s="75">
        <v>0</v>
      </c>
      <c r="AC292" s="61">
        <v>0</v>
      </c>
      <c r="AD292" s="61">
        <v>0</v>
      </c>
      <c r="AE292" s="61">
        <v>0</v>
      </c>
      <c r="AF292" s="62">
        <v>0</v>
      </c>
      <c r="AG292" s="61">
        <v>0</v>
      </c>
      <c r="AH292" s="61">
        <v>0</v>
      </c>
      <c r="AI292" s="61">
        <v>0</v>
      </c>
      <c r="AJ292" s="61">
        <v>-3.02</v>
      </c>
      <c r="AK292" s="61">
        <v>0</v>
      </c>
      <c r="AL292" s="61">
        <v>0</v>
      </c>
      <c r="AM292" s="61">
        <v>0</v>
      </c>
      <c r="AN292" s="75">
        <v>-1150.83</v>
      </c>
    </row>
    <row r="293" spans="1:41" s="114" customFormat="1" ht="15" hidden="1" customHeight="1" outlineLevel="1">
      <c r="A293" s="113" t="s">
        <v>1216</v>
      </c>
      <c r="B293" s="114" t="s">
        <v>2</v>
      </c>
      <c r="C293" s="151" t="s">
        <v>1217</v>
      </c>
      <c r="D293" s="146" t="s">
        <v>1186</v>
      </c>
      <c r="E293" s="117"/>
      <c r="F293" s="128">
        <v>-1150.83</v>
      </c>
      <c r="G293" s="129">
        <v>0</v>
      </c>
      <c r="H293" s="129">
        <f t="shared" si="53"/>
        <v>-1150.83</v>
      </c>
      <c r="I293" s="130"/>
      <c r="J293" s="129">
        <v>0</v>
      </c>
      <c r="K293" s="129">
        <f t="shared" si="54"/>
        <v>-1150.83</v>
      </c>
      <c r="L293" s="129"/>
      <c r="M293" s="129">
        <v>0</v>
      </c>
      <c r="N293" s="129">
        <f t="shared" si="55"/>
        <v>-1150.83</v>
      </c>
      <c r="O293" s="131"/>
      <c r="P293" s="132">
        <v>424.64</v>
      </c>
      <c r="Q293" s="129">
        <v>424.64</v>
      </c>
      <c r="R293" s="129">
        <v>0</v>
      </c>
      <c r="S293" s="129">
        <v>0</v>
      </c>
      <c r="T293" s="129">
        <v>-2951.18</v>
      </c>
      <c r="U293" s="129">
        <v>-5921.43</v>
      </c>
      <c r="V293" s="129">
        <v>0</v>
      </c>
      <c r="W293" s="129">
        <v>-7822.5</v>
      </c>
      <c r="X293" s="129">
        <v>0</v>
      </c>
      <c r="Y293" s="129">
        <v>0</v>
      </c>
      <c r="Z293" s="129">
        <v>0</v>
      </c>
      <c r="AA293" s="129">
        <v>0</v>
      </c>
      <c r="AB293" s="133">
        <v>0</v>
      </c>
      <c r="AC293" s="129">
        <v>0</v>
      </c>
      <c r="AD293" s="129">
        <v>0</v>
      </c>
      <c r="AE293" s="129">
        <v>0</v>
      </c>
      <c r="AF293" s="129">
        <v>0</v>
      </c>
      <c r="AG293" s="129">
        <v>0</v>
      </c>
      <c r="AH293" s="129">
        <v>0</v>
      </c>
      <c r="AI293" s="129">
        <v>0</v>
      </c>
      <c r="AJ293" s="129">
        <v>-3.02</v>
      </c>
      <c r="AK293" s="129">
        <v>0</v>
      </c>
      <c r="AL293" s="129">
        <v>0</v>
      </c>
      <c r="AM293" s="129">
        <v>0</v>
      </c>
      <c r="AN293" s="133">
        <v>-1150.83</v>
      </c>
      <c r="AO293" s="134"/>
    </row>
    <row r="294" spans="1:41" s="62" customFormat="1" hidden="1" outlineLevel="2">
      <c r="A294" s="61" t="s">
        <v>596</v>
      </c>
      <c r="B294" s="61" t="s">
        <v>597</v>
      </c>
      <c r="C294" s="71" t="s">
        <v>598</v>
      </c>
      <c r="D294" s="72" t="s">
        <v>1186</v>
      </c>
      <c r="E294" s="73"/>
      <c r="F294" s="62">
        <v>0</v>
      </c>
      <c r="G294" s="62">
        <v>0</v>
      </c>
      <c r="H294" s="62">
        <f t="shared" si="53"/>
        <v>0</v>
      </c>
      <c r="J294" s="62">
        <v>0</v>
      </c>
      <c r="K294" s="62">
        <f t="shared" si="54"/>
        <v>0</v>
      </c>
      <c r="M294" s="62">
        <v>-74.66</v>
      </c>
      <c r="N294" s="62">
        <f t="shared" si="55"/>
        <v>74.66</v>
      </c>
      <c r="P294" s="74">
        <v>0</v>
      </c>
      <c r="Q294" s="61">
        <v>-389.94</v>
      </c>
      <c r="R294" s="61">
        <v>-459.94</v>
      </c>
      <c r="S294" s="61">
        <v>0</v>
      </c>
      <c r="T294" s="62">
        <v>-170</v>
      </c>
      <c r="U294" s="61">
        <v>-755.69</v>
      </c>
      <c r="V294" s="61">
        <v>0</v>
      </c>
      <c r="W294" s="61">
        <v>-727.09</v>
      </c>
      <c r="X294" s="61">
        <v>-727.09</v>
      </c>
      <c r="Y294" s="61">
        <v>0</v>
      </c>
      <c r="Z294" s="61">
        <v>0</v>
      </c>
      <c r="AA294" s="61">
        <v>0</v>
      </c>
      <c r="AB294" s="75">
        <v>0</v>
      </c>
      <c r="AC294" s="61">
        <v>-327.42</v>
      </c>
      <c r="AD294" s="61">
        <v>-362.42</v>
      </c>
      <c r="AE294" s="61">
        <v>0</v>
      </c>
      <c r="AF294" s="62">
        <v>-55</v>
      </c>
      <c r="AG294" s="61">
        <v>-55</v>
      </c>
      <c r="AH294" s="61">
        <v>0</v>
      </c>
      <c r="AI294" s="61">
        <v>-220</v>
      </c>
      <c r="AJ294" s="61">
        <v>-220</v>
      </c>
      <c r="AK294" s="61">
        <v>0</v>
      </c>
      <c r="AL294" s="61">
        <v>-74.66</v>
      </c>
      <c r="AM294" s="61">
        <v>-74.66</v>
      </c>
      <c r="AN294" s="75">
        <v>0</v>
      </c>
    </row>
    <row r="295" spans="1:41" s="62" customFormat="1" hidden="1" outlineLevel="2">
      <c r="A295" s="61" t="s">
        <v>602</v>
      </c>
      <c r="B295" s="61" t="s">
        <v>603</v>
      </c>
      <c r="C295" s="71" t="s">
        <v>604</v>
      </c>
      <c r="D295" s="72" t="s">
        <v>1186</v>
      </c>
      <c r="E295" s="73"/>
      <c r="F295" s="62">
        <v>407497.07</v>
      </c>
      <c r="G295" s="62">
        <v>303246.90000000002</v>
      </c>
      <c r="H295" s="62">
        <f t="shared" si="53"/>
        <v>104250.16999999998</v>
      </c>
      <c r="J295" s="62">
        <v>303246.90000000002</v>
      </c>
      <c r="K295" s="62">
        <f t="shared" si="54"/>
        <v>104250.16999999998</v>
      </c>
      <c r="M295" s="62">
        <v>416092.02</v>
      </c>
      <c r="N295" s="62">
        <f t="shared" si="55"/>
        <v>-8594.9500000000116</v>
      </c>
      <c r="P295" s="74">
        <v>518417.29000000004</v>
      </c>
      <c r="Q295" s="61">
        <v>489746.61</v>
      </c>
      <c r="R295" s="61">
        <v>475713.88</v>
      </c>
      <c r="S295" s="61">
        <v>461681.15</v>
      </c>
      <c r="T295" s="62">
        <v>447648.42</v>
      </c>
      <c r="U295" s="61">
        <v>433615.69</v>
      </c>
      <c r="V295" s="61">
        <v>419582.96</v>
      </c>
      <c r="W295" s="61">
        <v>405550.23</v>
      </c>
      <c r="X295" s="61">
        <v>391517.5</v>
      </c>
      <c r="Y295" s="61">
        <v>377484.77</v>
      </c>
      <c r="Z295" s="61">
        <v>363452.04</v>
      </c>
      <c r="AA295" s="61">
        <v>315934.89</v>
      </c>
      <c r="AB295" s="75">
        <v>303246.90000000002</v>
      </c>
      <c r="AC295" s="61">
        <v>287779.72000000003</v>
      </c>
      <c r="AD295" s="61">
        <v>275213.09000000003</v>
      </c>
      <c r="AE295" s="61">
        <v>262646.46000000002</v>
      </c>
      <c r="AF295" s="62">
        <v>250079.83000000002</v>
      </c>
      <c r="AG295" s="61">
        <v>240065.88</v>
      </c>
      <c r="AH295" s="61">
        <v>455603.88</v>
      </c>
      <c r="AI295" s="61">
        <v>447974.37</v>
      </c>
      <c r="AJ295" s="61">
        <v>441876.87</v>
      </c>
      <c r="AK295" s="61">
        <v>433281.92</v>
      </c>
      <c r="AL295" s="61">
        <v>424686.97000000003</v>
      </c>
      <c r="AM295" s="61">
        <v>416092.02</v>
      </c>
      <c r="AN295" s="75">
        <v>407497.07</v>
      </c>
    </row>
    <row r="296" spans="1:41" s="114" customFormat="1" ht="15" hidden="1" customHeight="1" outlineLevel="1">
      <c r="A296" s="113" t="s">
        <v>1218</v>
      </c>
      <c r="B296" s="114" t="s">
        <v>2</v>
      </c>
      <c r="C296" s="151" t="s">
        <v>1219</v>
      </c>
      <c r="D296" s="146" t="s">
        <v>1186</v>
      </c>
      <c r="E296" s="117"/>
      <c r="F296" s="128">
        <v>407497.07</v>
      </c>
      <c r="G296" s="129">
        <v>303246.90000000002</v>
      </c>
      <c r="H296" s="129">
        <f t="shared" si="53"/>
        <v>104250.16999999998</v>
      </c>
      <c r="I296" s="130"/>
      <c r="J296" s="129">
        <v>303246.90000000002</v>
      </c>
      <c r="K296" s="129">
        <f t="shared" si="54"/>
        <v>104250.16999999998</v>
      </c>
      <c r="L296" s="129"/>
      <c r="M296" s="129">
        <v>416017.36000000004</v>
      </c>
      <c r="N296" s="129">
        <f t="shared" si="55"/>
        <v>-8520.2900000000373</v>
      </c>
      <c r="O296" s="131"/>
      <c r="P296" s="132">
        <v>518417.29000000004</v>
      </c>
      <c r="Q296" s="129">
        <v>489356.67</v>
      </c>
      <c r="R296" s="129">
        <v>475253.94</v>
      </c>
      <c r="S296" s="129">
        <v>461681.15</v>
      </c>
      <c r="T296" s="129">
        <v>447478.42</v>
      </c>
      <c r="U296" s="129">
        <v>432860</v>
      </c>
      <c r="V296" s="129">
        <v>419582.96</v>
      </c>
      <c r="W296" s="129">
        <v>404823.13999999996</v>
      </c>
      <c r="X296" s="129">
        <v>390790.41</v>
      </c>
      <c r="Y296" s="129">
        <v>377484.77</v>
      </c>
      <c r="Z296" s="129">
        <v>363452.04</v>
      </c>
      <c r="AA296" s="129">
        <v>315934.89</v>
      </c>
      <c r="AB296" s="133">
        <v>303246.90000000002</v>
      </c>
      <c r="AC296" s="129">
        <v>287452.30000000005</v>
      </c>
      <c r="AD296" s="129">
        <v>274850.67000000004</v>
      </c>
      <c r="AE296" s="129">
        <v>262646.46000000002</v>
      </c>
      <c r="AF296" s="129">
        <v>250024.83000000002</v>
      </c>
      <c r="AG296" s="129">
        <v>240010.88</v>
      </c>
      <c r="AH296" s="129">
        <v>455603.88</v>
      </c>
      <c r="AI296" s="129">
        <v>447754.37</v>
      </c>
      <c r="AJ296" s="129">
        <v>441656.87</v>
      </c>
      <c r="AK296" s="129">
        <v>433281.92</v>
      </c>
      <c r="AL296" s="129">
        <v>424612.31000000006</v>
      </c>
      <c r="AM296" s="129">
        <v>416017.36000000004</v>
      </c>
      <c r="AN296" s="133">
        <v>407497.07</v>
      </c>
      <c r="AO296" s="134"/>
    </row>
    <row r="297" spans="1:41" s="114" customFormat="1" ht="15" hidden="1" customHeight="1" outlineLevel="1">
      <c r="A297" s="113" t="s">
        <v>1220</v>
      </c>
      <c r="B297" s="114" t="s">
        <v>2</v>
      </c>
      <c r="C297" s="151" t="s">
        <v>1221</v>
      </c>
      <c r="D297" s="146" t="s">
        <v>1186</v>
      </c>
      <c r="E297" s="117"/>
      <c r="F297" s="128">
        <v>0</v>
      </c>
      <c r="G297" s="129">
        <v>0</v>
      </c>
      <c r="H297" s="129">
        <f t="shared" si="53"/>
        <v>0</v>
      </c>
      <c r="I297" s="130"/>
      <c r="J297" s="129">
        <v>0</v>
      </c>
      <c r="K297" s="129">
        <f t="shared" si="54"/>
        <v>0</v>
      </c>
      <c r="L297" s="129"/>
      <c r="M297" s="129">
        <v>0</v>
      </c>
      <c r="N297" s="129">
        <f t="shared" si="55"/>
        <v>0</v>
      </c>
      <c r="O297" s="131"/>
      <c r="P297" s="132">
        <v>0</v>
      </c>
      <c r="Q297" s="129">
        <v>0</v>
      </c>
      <c r="R297" s="129">
        <v>0</v>
      </c>
      <c r="S297" s="129">
        <v>0</v>
      </c>
      <c r="T297" s="129">
        <v>0</v>
      </c>
      <c r="U297" s="129">
        <v>0</v>
      </c>
      <c r="V297" s="129">
        <v>0</v>
      </c>
      <c r="W297" s="129">
        <v>0</v>
      </c>
      <c r="X297" s="129">
        <v>0</v>
      </c>
      <c r="Y297" s="129">
        <v>0</v>
      </c>
      <c r="Z297" s="129">
        <v>0</v>
      </c>
      <c r="AA297" s="129">
        <v>0</v>
      </c>
      <c r="AB297" s="133">
        <v>0</v>
      </c>
      <c r="AC297" s="129">
        <v>0</v>
      </c>
      <c r="AD297" s="129">
        <v>0</v>
      </c>
      <c r="AE297" s="129">
        <v>0</v>
      </c>
      <c r="AF297" s="129">
        <v>0</v>
      </c>
      <c r="AG297" s="129">
        <v>0</v>
      </c>
      <c r="AH297" s="129">
        <v>0</v>
      </c>
      <c r="AI297" s="129">
        <v>0</v>
      </c>
      <c r="AJ297" s="129">
        <v>0</v>
      </c>
      <c r="AK297" s="129">
        <v>0</v>
      </c>
      <c r="AL297" s="129">
        <v>0</v>
      </c>
      <c r="AM297" s="129">
        <v>0</v>
      </c>
      <c r="AN297" s="133">
        <v>0</v>
      </c>
      <c r="AO297" s="134"/>
    </row>
    <row r="298" spans="1:41" s="114" customFormat="1" ht="15" hidden="1" customHeight="1" outlineLevel="1">
      <c r="A298" s="113"/>
      <c r="B298" s="114" t="s">
        <v>2</v>
      </c>
      <c r="C298" s="135" t="s">
        <v>1222</v>
      </c>
      <c r="D298" s="146" t="s">
        <v>1186</v>
      </c>
      <c r="E298" s="117"/>
      <c r="F298" s="128">
        <f>+F297+F296+F293</f>
        <v>406346.23999999999</v>
      </c>
      <c r="G298" s="129">
        <f>+G297+G296+G293</f>
        <v>303246.90000000002</v>
      </c>
      <c r="H298" s="129">
        <f t="shared" si="53"/>
        <v>103099.33999999997</v>
      </c>
      <c r="I298" s="130"/>
      <c r="J298" s="129">
        <f>+J297+J296+J293</f>
        <v>303246.90000000002</v>
      </c>
      <c r="K298" s="129">
        <f t="shared" si="54"/>
        <v>103099.33999999997</v>
      </c>
      <c r="L298" s="129"/>
      <c r="M298" s="129">
        <f>+M297+M296+M293</f>
        <v>416017.36000000004</v>
      </c>
      <c r="N298" s="129">
        <f t="shared" si="55"/>
        <v>-9671.1200000000536</v>
      </c>
      <c r="O298" s="131"/>
      <c r="P298" s="132">
        <f t="shared" ref="P298:AN298" si="56">+P297+P296+P293</f>
        <v>518841.93000000005</v>
      </c>
      <c r="Q298" s="129">
        <f t="shared" si="56"/>
        <v>489781.31</v>
      </c>
      <c r="R298" s="129">
        <f t="shared" si="56"/>
        <v>475253.94</v>
      </c>
      <c r="S298" s="129">
        <f t="shared" si="56"/>
        <v>461681.15</v>
      </c>
      <c r="T298" s="129">
        <f t="shared" si="56"/>
        <v>444527.24</v>
      </c>
      <c r="U298" s="129">
        <f t="shared" si="56"/>
        <v>426938.57</v>
      </c>
      <c r="V298" s="129">
        <f t="shared" si="56"/>
        <v>419582.96</v>
      </c>
      <c r="W298" s="129">
        <f t="shared" si="56"/>
        <v>397000.63999999996</v>
      </c>
      <c r="X298" s="129">
        <f t="shared" si="56"/>
        <v>390790.41</v>
      </c>
      <c r="Y298" s="129">
        <f t="shared" si="56"/>
        <v>377484.77</v>
      </c>
      <c r="Z298" s="129">
        <f t="shared" si="56"/>
        <v>363452.04</v>
      </c>
      <c r="AA298" s="129">
        <f t="shared" si="56"/>
        <v>315934.89</v>
      </c>
      <c r="AB298" s="133">
        <f t="shared" si="56"/>
        <v>303246.90000000002</v>
      </c>
      <c r="AC298" s="129">
        <f t="shared" si="56"/>
        <v>287452.30000000005</v>
      </c>
      <c r="AD298" s="129">
        <f t="shared" si="56"/>
        <v>274850.67000000004</v>
      </c>
      <c r="AE298" s="129">
        <f t="shared" si="56"/>
        <v>262646.46000000002</v>
      </c>
      <c r="AF298" s="129">
        <f t="shared" si="56"/>
        <v>250024.83000000002</v>
      </c>
      <c r="AG298" s="129">
        <f t="shared" si="56"/>
        <v>240010.88</v>
      </c>
      <c r="AH298" s="129">
        <f t="shared" si="56"/>
        <v>455603.88</v>
      </c>
      <c r="AI298" s="129">
        <f t="shared" si="56"/>
        <v>447754.37</v>
      </c>
      <c r="AJ298" s="129">
        <f t="shared" si="56"/>
        <v>441653.85</v>
      </c>
      <c r="AK298" s="129">
        <f t="shared" si="56"/>
        <v>433281.92</v>
      </c>
      <c r="AL298" s="129">
        <f t="shared" si="56"/>
        <v>424612.31000000006</v>
      </c>
      <c r="AM298" s="129">
        <f t="shared" si="56"/>
        <v>416017.36000000004</v>
      </c>
      <c r="AN298" s="133">
        <f t="shared" si="56"/>
        <v>406346.23999999999</v>
      </c>
      <c r="AO298" s="134"/>
    </row>
    <row r="299" spans="1:41" s="114" customFormat="1" ht="6" hidden="1" customHeight="1" outlineLevel="1">
      <c r="A299" s="166"/>
      <c r="C299" s="14"/>
      <c r="D299" s="146"/>
      <c r="E299" s="117"/>
      <c r="F299" s="128"/>
      <c r="G299" s="129"/>
      <c r="H299" s="129"/>
      <c r="I299" s="130"/>
      <c r="J299" s="129"/>
      <c r="K299" s="129"/>
      <c r="L299" s="129"/>
      <c r="M299" s="129"/>
      <c r="N299" s="129"/>
      <c r="O299" s="131"/>
      <c r="P299" s="132"/>
      <c r="Q299" s="129"/>
      <c r="R299" s="129"/>
      <c r="S299" s="129"/>
      <c r="T299" s="129"/>
      <c r="U299" s="129"/>
      <c r="V299" s="129"/>
      <c r="W299" s="129"/>
      <c r="X299" s="129"/>
      <c r="Y299" s="129"/>
      <c r="Z299" s="129"/>
      <c r="AA299" s="129"/>
      <c r="AB299" s="133"/>
      <c r="AC299" s="129"/>
      <c r="AD299" s="129"/>
      <c r="AE299" s="129"/>
      <c r="AF299" s="129"/>
      <c r="AG299" s="129"/>
      <c r="AH299" s="129"/>
      <c r="AI299" s="129"/>
      <c r="AJ299" s="129"/>
      <c r="AK299" s="129"/>
      <c r="AL299" s="129"/>
      <c r="AM299" s="129"/>
      <c r="AN299" s="133"/>
      <c r="AO299" s="134"/>
    </row>
    <row r="300" spans="1:41" s="114" customFormat="1" ht="4.5" hidden="1" customHeight="1" outlineLevel="1">
      <c r="C300" s="14"/>
      <c r="D300" s="146"/>
      <c r="E300" s="117"/>
      <c r="F300" s="128"/>
      <c r="G300" s="129"/>
      <c r="H300" s="129"/>
      <c r="I300" s="130"/>
      <c r="J300" s="129"/>
      <c r="K300" s="129"/>
      <c r="L300" s="129"/>
      <c r="M300" s="129"/>
      <c r="N300" s="129"/>
      <c r="O300" s="131"/>
      <c r="P300" s="132"/>
      <c r="Q300" s="129"/>
      <c r="R300" s="129"/>
      <c r="S300" s="129"/>
      <c r="T300" s="129"/>
      <c r="U300" s="129"/>
      <c r="V300" s="129"/>
      <c r="W300" s="129"/>
      <c r="X300" s="129"/>
      <c r="Y300" s="129"/>
      <c r="Z300" s="129"/>
      <c r="AA300" s="129"/>
      <c r="AB300" s="133"/>
      <c r="AC300" s="129"/>
      <c r="AD300" s="129"/>
      <c r="AE300" s="129"/>
      <c r="AF300" s="129"/>
      <c r="AG300" s="129"/>
      <c r="AH300" s="129"/>
      <c r="AI300" s="129"/>
      <c r="AJ300" s="129"/>
      <c r="AK300" s="129"/>
      <c r="AL300" s="129"/>
      <c r="AM300" s="129"/>
      <c r="AN300" s="133"/>
      <c r="AO300" s="134"/>
    </row>
    <row r="301" spans="1:41" s="114" customFormat="1" ht="4.5" hidden="1" customHeight="1" outlineLevel="1">
      <c r="A301" s="113"/>
      <c r="C301" s="135"/>
      <c r="D301" s="146"/>
      <c r="E301" s="180"/>
      <c r="F301" s="181"/>
      <c r="G301" s="182"/>
      <c r="H301" s="182"/>
      <c r="I301" s="183"/>
      <c r="J301" s="182"/>
      <c r="K301" s="182"/>
      <c r="L301" s="182"/>
      <c r="M301" s="182"/>
      <c r="N301" s="182"/>
      <c r="O301" s="131"/>
      <c r="P301" s="184"/>
      <c r="Q301" s="182"/>
      <c r="R301" s="182"/>
      <c r="S301" s="182"/>
      <c r="T301" s="182"/>
      <c r="U301" s="182"/>
      <c r="V301" s="182"/>
      <c r="W301" s="182"/>
      <c r="X301" s="182"/>
      <c r="Y301" s="182"/>
      <c r="Z301" s="182"/>
      <c r="AA301" s="182"/>
      <c r="AB301" s="185"/>
      <c r="AC301" s="182"/>
      <c r="AD301" s="182"/>
      <c r="AE301" s="182"/>
      <c r="AF301" s="182"/>
      <c r="AG301" s="182"/>
      <c r="AH301" s="182"/>
      <c r="AI301" s="182"/>
      <c r="AJ301" s="182"/>
      <c r="AK301" s="182"/>
      <c r="AL301" s="182"/>
      <c r="AM301" s="182"/>
      <c r="AN301" s="185"/>
      <c r="AO301" s="186"/>
    </row>
    <row r="302" spans="1:41" s="137" customFormat="1" ht="15" customHeight="1" collapsed="1">
      <c r="A302" s="136"/>
      <c r="C302" s="138" t="s">
        <v>1223</v>
      </c>
      <c r="D302" s="146"/>
      <c r="E302" s="117"/>
      <c r="F302" s="139">
        <f>+F298+F291+F288+F274+F273+F269+F268+F283+F285</f>
        <v>8051253.4900000002</v>
      </c>
      <c r="G302" s="140">
        <f>+G298+G291+G288+G274+G273+G269+G268+G283+G285</f>
        <v>7816240.3200000003</v>
      </c>
      <c r="H302" s="140">
        <f>+F302-G302</f>
        <v>235013.16999999993</v>
      </c>
      <c r="I302" s="141"/>
      <c r="J302" s="140">
        <f>+J298+J291+J288+J274+J273+J269+J268+J283+J285</f>
        <v>7816240.3200000003</v>
      </c>
      <c r="K302" s="140">
        <f>+F302-J302</f>
        <v>235013.16999999993</v>
      </c>
      <c r="L302" s="140"/>
      <c r="M302" s="140">
        <f>+M298+M291+M288+M274+M273+M269+M268+M283+M285</f>
        <v>1226689.22</v>
      </c>
      <c r="N302" s="140">
        <f>+F302-M302</f>
        <v>6824564.2700000005</v>
      </c>
      <c r="O302" s="131"/>
      <c r="P302" s="142">
        <f t="shared" ref="P302:AN302" si="57">+P298+P291+P288+P274+P273+P269+P268+P283+P285</f>
        <v>7547193.6000000006</v>
      </c>
      <c r="Q302" s="140">
        <f t="shared" si="57"/>
        <v>6878050.5800000001</v>
      </c>
      <c r="R302" s="140">
        <f t="shared" si="57"/>
        <v>6299530.9000000004</v>
      </c>
      <c r="S302" s="140">
        <f t="shared" si="57"/>
        <v>5730371.6299999999</v>
      </c>
      <c r="T302" s="140">
        <f t="shared" si="57"/>
        <v>5144522.4400000004</v>
      </c>
      <c r="U302" s="140">
        <f t="shared" si="57"/>
        <v>4571041.76</v>
      </c>
      <c r="V302" s="140">
        <f t="shared" si="57"/>
        <v>4001415.4400000004</v>
      </c>
      <c r="W302" s="140">
        <f t="shared" si="57"/>
        <v>3416551.39</v>
      </c>
      <c r="X302" s="140">
        <f t="shared" si="57"/>
        <v>2848067.2600000002</v>
      </c>
      <c r="Y302" s="140">
        <f t="shared" si="57"/>
        <v>2382745.44</v>
      </c>
      <c r="Z302" s="140">
        <f t="shared" si="57"/>
        <v>1769664.71</v>
      </c>
      <c r="AA302" s="140">
        <f t="shared" si="57"/>
        <v>1123099.56</v>
      </c>
      <c r="AB302" s="143">
        <f t="shared" si="57"/>
        <v>7816240.3200000003</v>
      </c>
      <c r="AC302" s="140">
        <f t="shared" si="57"/>
        <v>7268298.5999999996</v>
      </c>
      <c r="AD302" s="140">
        <f t="shared" si="57"/>
        <v>6639556.9699999997</v>
      </c>
      <c r="AE302" s="140">
        <f t="shared" si="57"/>
        <v>6011212.7599999998</v>
      </c>
      <c r="AF302" s="140">
        <f t="shared" si="57"/>
        <v>5382465.75</v>
      </c>
      <c r="AG302" s="140">
        <f t="shared" si="57"/>
        <v>4756315.3</v>
      </c>
      <c r="AH302" s="140">
        <f t="shared" si="57"/>
        <v>4584128.79</v>
      </c>
      <c r="AI302" s="140">
        <f t="shared" si="57"/>
        <v>3922060.0999999996</v>
      </c>
      <c r="AJ302" s="140">
        <f t="shared" si="57"/>
        <v>3261805.1599999997</v>
      </c>
      <c r="AK302" s="140">
        <f t="shared" si="57"/>
        <v>2458640.8299999996</v>
      </c>
      <c r="AL302" s="140">
        <f t="shared" si="57"/>
        <v>1843703.27</v>
      </c>
      <c r="AM302" s="140">
        <f t="shared" si="57"/>
        <v>1226689.22</v>
      </c>
      <c r="AN302" s="143">
        <f t="shared" si="57"/>
        <v>8051253.4900000002</v>
      </c>
      <c r="AO302" s="144"/>
    </row>
    <row r="303" spans="1:41" s="137" customFormat="1" ht="15" customHeight="1">
      <c r="A303" s="136"/>
      <c r="B303" s="137" t="s">
        <v>2</v>
      </c>
      <c r="C303" s="159" t="s">
        <v>1224</v>
      </c>
      <c r="D303" s="160"/>
      <c r="E303" s="161"/>
      <c r="F303" s="162">
        <f>+F252+F247+F245+F241+F239+F237+F302+F263</f>
        <v>130703198.16999999</v>
      </c>
      <c r="G303" s="163">
        <f>+G252+G247+G245+G241+G239+G237+G302+G263</f>
        <v>123901435.37</v>
      </c>
      <c r="H303" s="163">
        <f>+F303-G303</f>
        <v>6801762.7999999821</v>
      </c>
      <c r="I303" s="141"/>
      <c r="J303" s="163">
        <f>+J252+J247+J245+J241+J239+J237+J302+J263</f>
        <v>123901435.37</v>
      </c>
      <c r="K303" s="163">
        <f>+F303-J303</f>
        <v>6801762.7999999821</v>
      </c>
      <c r="L303" s="163"/>
      <c r="M303" s="163">
        <f>+M252+M247+M245+M241+M239+M237+M302+M263</f>
        <v>121903165.31999999</v>
      </c>
      <c r="N303" s="163">
        <f>+F303-M303</f>
        <v>8800032.849999994</v>
      </c>
      <c r="O303" s="131"/>
      <c r="P303" s="164">
        <f t="shared" ref="P303:AN303" si="58">+P252+P247+P245+P241+P239+P237+P302+P263</f>
        <v>114704171.755</v>
      </c>
      <c r="Q303" s="163">
        <f t="shared" si="58"/>
        <v>111769722.41</v>
      </c>
      <c r="R303" s="163">
        <f t="shared" si="58"/>
        <v>111664228.73999999</v>
      </c>
      <c r="S303" s="163">
        <f t="shared" si="58"/>
        <v>111041001.77</v>
      </c>
      <c r="T303" s="163">
        <f t="shared" si="58"/>
        <v>110993820.47</v>
      </c>
      <c r="U303" s="163">
        <f t="shared" si="58"/>
        <v>111101174.42</v>
      </c>
      <c r="V303" s="163">
        <f t="shared" si="58"/>
        <v>110677337.03</v>
      </c>
      <c r="W303" s="163">
        <f t="shared" si="58"/>
        <v>115602560.98000002</v>
      </c>
      <c r="X303" s="163">
        <f t="shared" si="58"/>
        <v>115987598.03999999</v>
      </c>
      <c r="Y303" s="163">
        <f t="shared" si="58"/>
        <v>117086113.45999999</v>
      </c>
      <c r="Z303" s="163">
        <f t="shared" si="58"/>
        <v>116484352.85999997</v>
      </c>
      <c r="AA303" s="163">
        <f t="shared" si="58"/>
        <v>116538181.42000002</v>
      </c>
      <c r="AB303" s="165">
        <f t="shared" si="58"/>
        <v>123901435.37</v>
      </c>
      <c r="AC303" s="163">
        <f t="shared" si="58"/>
        <v>123358947.38999999</v>
      </c>
      <c r="AD303" s="163">
        <f t="shared" si="58"/>
        <v>123374531.05</v>
      </c>
      <c r="AE303" s="163">
        <f t="shared" si="58"/>
        <v>123362525.61000001</v>
      </c>
      <c r="AF303" s="163">
        <f t="shared" si="58"/>
        <v>122536428.87999998</v>
      </c>
      <c r="AG303" s="163">
        <f t="shared" si="58"/>
        <v>122010781.47999999</v>
      </c>
      <c r="AH303" s="163">
        <f t="shared" si="58"/>
        <v>122552574.67000002</v>
      </c>
      <c r="AI303" s="163">
        <f t="shared" si="58"/>
        <v>121959715.17</v>
      </c>
      <c r="AJ303" s="163">
        <f t="shared" si="58"/>
        <v>123760087.15999998</v>
      </c>
      <c r="AK303" s="163">
        <f t="shared" si="58"/>
        <v>122814114.39999998</v>
      </c>
      <c r="AL303" s="163">
        <f t="shared" si="58"/>
        <v>122162622.23999998</v>
      </c>
      <c r="AM303" s="163">
        <f t="shared" si="58"/>
        <v>121903165.31999999</v>
      </c>
      <c r="AN303" s="165">
        <f t="shared" si="58"/>
        <v>130703198.16999999</v>
      </c>
      <c r="AO303" s="144"/>
    </row>
    <row r="304" spans="1:41" s="114" customFormat="1" ht="15" customHeight="1">
      <c r="A304" s="113"/>
      <c r="B304" s="114" t="s">
        <v>2</v>
      </c>
      <c r="C304" s="63"/>
      <c r="D304" s="146"/>
      <c r="E304" s="117"/>
      <c r="F304" s="128"/>
      <c r="G304" s="129"/>
      <c r="H304" s="129"/>
      <c r="I304" s="130"/>
      <c r="J304" s="129"/>
      <c r="K304" s="129"/>
      <c r="L304" s="129"/>
      <c r="M304" s="129"/>
      <c r="N304" s="129"/>
      <c r="O304" s="131"/>
      <c r="P304" s="132"/>
      <c r="Q304" s="129"/>
      <c r="R304" s="129"/>
      <c r="S304" s="129"/>
      <c r="T304" s="129"/>
      <c r="U304" s="129"/>
      <c r="V304" s="129"/>
      <c r="W304" s="129"/>
      <c r="X304" s="129"/>
      <c r="Y304" s="129"/>
      <c r="Z304" s="129"/>
      <c r="AA304" s="129"/>
      <c r="AB304" s="133"/>
      <c r="AC304" s="129"/>
      <c r="AD304" s="129"/>
      <c r="AE304" s="129"/>
      <c r="AF304" s="129"/>
      <c r="AG304" s="129"/>
      <c r="AH304" s="129"/>
      <c r="AI304" s="129"/>
      <c r="AJ304" s="129"/>
      <c r="AK304" s="129"/>
      <c r="AL304" s="129"/>
      <c r="AM304" s="129"/>
      <c r="AN304" s="133"/>
      <c r="AO304" s="134"/>
    </row>
    <row r="305" spans="1:41" s="114" customFormat="1" ht="15" hidden="1" customHeight="1" outlineLevel="1">
      <c r="A305" s="113"/>
      <c r="B305" s="114" t="s">
        <v>2</v>
      </c>
      <c r="C305" s="63" t="s">
        <v>1225</v>
      </c>
      <c r="D305" s="146" t="s">
        <v>1226</v>
      </c>
      <c r="E305" s="117"/>
      <c r="F305" s="128"/>
      <c r="G305" s="129"/>
      <c r="H305" s="129">
        <f>+F305-G305</f>
        <v>0</v>
      </c>
      <c r="I305" s="130"/>
      <c r="J305" s="129"/>
      <c r="K305" s="129">
        <f>+F305-J305</f>
        <v>0</v>
      </c>
      <c r="L305" s="129"/>
      <c r="M305" s="129"/>
      <c r="N305" s="129">
        <f>+F305-M305</f>
        <v>0</v>
      </c>
      <c r="O305" s="131"/>
      <c r="P305" s="132"/>
      <c r="Q305" s="129"/>
      <c r="R305" s="129"/>
      <c r="S305" s="129"/>
      <c r="T305" s="129"/>
      <c r="U305" s="129"/>
      <c r="V305" s="129"/>
      <c r="W305" s="129"/>
      <c r="X305" s="129"/>
      <c r="Y305" s="129"/>
      <c r="Z305" s="129"/>
      <c r="AA305" s="129"/>
      <c r="AB305" s="133"/>
      <c r="AC305" s="129"/>
      <c r="AD305" s="129"/>
      <c r="AE305" s="129"/>
      <c r="AF305" s="129"/>
      <c r="AG305" s="129"/>
      <c r="AH305" s="129"/>
      <c r="AI305" s="129"/>
      <c r="AJ305" s="129"/>
      <c r="AK305" s="129"/>
      <c r="AL305" s="129"/>
      <c r="AM305" s="129"/>
      <c r="AN305" s="133"/>
      <c r="AO305" s="134"/>
    </row>
    <row r="306" spans="1:41" s="114" customFormat="1" ht="15" hidden="1" customHeight="1" outlineLevel="1">
      <c r="A306" s="113"/>
      <c r="B306" s="114" t="s">
        <v>2</v>
      </c>
      <c r="C306" s="63" t="s">
        <v>1227</v>
      </c>
      <c r="D306" s="146" t="s">
        <v>1226</v>
      </c>
      <c r="E306" s="117"/>
      <c r="F306" s="128"/>
      <c r="G306" s="129"/>
      <c r="H306" s="129">
        <f>+F306-G306</f>
        <v>0</v>
      </c>
      <c r="I306" s="130"/>
      <c r="J306" s="129"/>
      <c r="K306" s="129">
        <f>+F306-J306</f>
        <v>0</v>
      </c>
      <c r="L306" s="129"/>
      <c r="M306" s="129"/>
      <c r="N306" s="129">
        <f>+F306-M306</f>
        <v>0</v>
      </c>
      <c r="O306" s="131"/>
      <c r="P306" s="132"/>
      <c r="Q306" s="129"/>
      <c r="R306" s="129"/>
      <c r="S306" s="129"/>
      <c r="T306" s="129"/>
      <c r="U306" s="129"/>
      <c r="V306" s="129"/>
      <c r="W306" s="129"/>
      <c r="X306" s="129"/>
      <c r="Y306" s="129"/>
      <c r="Z306" s="129"/>
      <c r="AA306" s="129"/>
      <c r="AB306" s="133"/>
      <c r="AC306" s="129"/>
      <c r="AD306" s="129"/>
      <c r="AE306" s="129"/>
      <c r="AF306" s="129"/>
      <c r="AG306" s="129"/>
      <c r="AH306" s="129"/>
      <c r="AI306" s="129"/>
      <c r="AJ306" s="129"/>
      <c r="AK306" s="129"/>
      <c r="AL306" s="129"/>
      <c r="AM306" s="129"/>
      <c r="AN306" s="133"/>
      <c r="AO306" s="134"/>
    </row>
    <row r="307" spans="1:41" s="137" customFormat="1" ht="15" customHeight="1" collapsed="1" thickBot="1">
      <c r="A307" s="136"/>
      <c r="C307" s="64" t="s">
        <v>1228</v>
      </c>
      <c r="D307" s="146"/>
      <c r="E307" s="117"/>
      <c r="F307" s="139">
        <f>+F306+F305+F303+F195+F162</f>
        <v>741021990.43599987</v>
      </c>
      <c r="G307" s="140">
        <f>+G306+G305+G303+G195+G162</f>
        <v>703873662.421</v>
      </c>
      <c r="H307" s="140">
        <f>+F307-G307</f>
        <v>37148328.014999866</v>
      </c>
      <c r="I307" s="141"/>
      <c r="J307" s="140">
        <f>+J306+J305+J303+J195+J162</f>
        <v>703873662.421</v>
      </c>
      <c r="K307" s="140">
        <f>+F307-J307</f>
        <v>37148328.014999866</v>
      </c>
      <c r="L307" s="140"/>
      <c r="M307" s="140">
        <f>+M306+M305+M303+M195+M162</f>
        <v>721643701.27399981</v>
      </c>
      <c r="N307" s="140">
        <f>+F307-M307</f>
        <v>19378289.16200006</v>
      </c>
      <c r="O307" s="131"/>
      <c r="P307" s="142">
        <f t="shared" ref="P307:AN307" si="59">+P306+P305+P303+P195+P162</f>
        <v>862481322.34399998</v>
      </c>
      <c r="Q307" s="140">
        <f t="shared" si="59"/>
        <v>675453447.10899985</v>
      </c>
      <c r="R307" s="140">
        <f t="shared" si="59"/>
        <v>673635577.23899996</v>
      </c>
      <c r="S307" s="140">
        <f t="shared" si="59"/>
        <v>670056506.95899999</v>
      </c>
      <c r="T307" s="140">
        <f t="shared" si="59"/>
        <v>665919658.17900014</v>
      </c>
      <c r="U307" s="140">
        <f t="shared" si="59"/>
        <v>672487484.2190001</v>
      </c>
      <c r="V307" s="140">
        <f t="shared" si="59"/>
        <v>677327795.22900009</v>
      </c>
      <c r="W307" s="140">
        <f t="shared" si="59"/>
        <v>678287083.55900002</v>
      </c>
      <c r="X307" s="140">
        <f t="shared" si="59"/>
        <v>678927465.44899988</v>
      </c>
      <c r="Y307" s="140">
        <f t="shared" si="59"/>
        <v>689028739.78899992</v>
      </c>
      <c r="Z307" s="140">
        <f t="shared" si="59"/>
        <v>692848817.68900013</v>
      </c>
      <c r="AA307" s="140">
        <f t="shared" si="59"/>
        <v>687106072.9690001</v>
      </c>
      <c r="AB307" s="143">
        <f t="shared" si="59"/>
        <v>703873662.421</v>
      </c>
      <c r="AC307" s="140">
        <f t="shared" si="59"/>
        <v>712780173.70900011</v>
      </c>
      <c r="AD307" s="140">
        <f t="shared" si="59"/>
        <v>710610543.17899978</v>
      </c>
      <c r="AE307" s="140">
        <f t="shared" si="59"/>
        <v>712738993.13100004</v>
      </c>
      <c r="AF307" s="140">
        <f t="shared" si="59"/>
        <v>701861246.56899989</v>
      </c>
      <c r="AG307" s="140">
        <f t="shared" si="59"/>
        <v>710718110.47600007</v>
      </c>
      <c r="AH307" s="140">
        <f t="shared" si="59"/>
        <v>715712251.28800011</v>
      </c>
      <c r="AI307" s="140">
        <f t="shared" si="59"/>
        <v>714545717.4339999</v>
      </c>
      <c r="AJ307" s="140">
        <f t="shared" si="59"/>
        <v>716700059.10399997</v>
      </c>
      <c r="AK307" s="140">
        <f t="shared" si="59"/>
        <v>716900499.49600005</v>
      </c>
      <c r="AL307" s="140">
        <f t="shared" si="59"/>
        <v>711064097.40400016</v>
      </c>
      <c r="AM307" s="140">
        <f t="shared" si="59"/>
        <v>721643701.27399981</v>
      </c>
      <c r="AN307" s="143">
        <f t="shared" si="59"/>
        <v>741021990.43599987</v>
      </c>
      <c r="AO307" s="144"/>
    </row>
    <row r="308" spans="1:41" s="114" customFormat="1" ht="15" customHeight="1" thickTop="1">
      <c r="A308" s="187"/>
      <c r="B308" s="187"/>
      <c r="C308" s="188"/>
      <c r="D308" s="189"/>
      <c r="E308" s="190"/>
      <c r="F308" s="191"/>
      <c r="G308" s="192"/>
      <c r="H308" s="192"/>
      <c r="I308" s="130"/>
      <c r="J308" s="192"/>
      <c r="K308" s="192"/>
      <c r="L308" s="192"/>
      <c r="M308" s="192"/>
      <c r="N308" s="192"/>
      <c r="O308" s="131"/>
      <c r="P308" s="193"/>
      <c r="Q308" s="192"/>
      <c r="R308" s="192"/>
      <c r="S308" s="192"/>
      <c r="T308" s="192"/>
      <c r="U308" s="192"/>
      <c r="V308" s="192"/>
      <c r="W308" s="192"/>
      <c r="X308" s="192"/>
      <c r="Y308" s="192"/>
      <c r="Z308" s="192"/>
      <c r="AA308" s="192"/>
      <c r="AB308" s="194"/>
      <c r="AC308" s="192"/>
      <c r="AD308" s="192"/>
      <c r="AE308" s="192"/>
      <c r="AF308" s="192"/>
      <c r="AG308" s="192"/>
      <c r="AH308" s="192"/>
      <c r="AI308" s="192"/>
      <c r="AJ308" s="192"/>
      <c r="AK308" s="192"/>
      <c r="AL308" s="192"/>
      <c r="AM308" s="192"/>
      <c r="AN308" s="194"/>
      <c r="AO308" s="134"/>
    </row>
    <row r="309" spans="1:41" s="114" customFormat="1">
      <c r="A309" s="113"/>
      <c r="B309" s="114" t="s">
        <v>2</v>
      </c>
      <c r="C309" s="115" t="s">
        <v>1229</v>
      </c>
      <c r="D309" s="116"/>
      <c r="E309" s="117"/>
      <c r="F309" s="122"/>
      <c r="G309" s="123"/>
      <c r="H309" s="123"/>
      <c r="I309" s="123"/>
      <c r="J309" s="123"/>
      <c r="K309" s="123"/>
      <c r="L309" s="123"/>
      <c r="M309" s="123"/>
      <c r="N309" s="123"/>
      <c r="O309" s="131"/>
      <c r="P309" s="124"/>
      <c r="Q309" s="123"/>
      <c r="R309" s="123"/>
      <c r="S309" s="123"/>
      <c r="T309" s="123"/>
      <c r="U309" s="123"/>
      <c r="V309" s="123"/>
      <c r="W309" s="123"/>
      <c r="X309" s="123"/>
      <c r="Y309" s="123"/>
      <c r="Z309" s="123"/>
      <c r="AA309" s="123"/>
      <c r="AB309" s="125"/>
      <c r="AC309" s="123"/>
      <c r="AD309" s="123"/>
      <c r="AE309" s="123"/>
      <c r="AF309" s="123"/>
      <c r="AG309" s="123"/>
      <c r="AH309" s="123"/>
      <c r="AI309" s="123"/>
      <c r="AJ309" s="123"/>
      <c r="AK309" s="123"/>
      <c r="AL309" s="123"/>
      <c r="AM309" s="123"/>
      <c r="AN309" s="125"/>
      <c r="AO309" s="119"/>
    </row>
    <row r="310" spans="1:41" s="114" customFormat="1" ht="3.75" hidden="1" customHeight="1" outlineLevel="1">
      <c r="A310" s="113"/>
      <c r="B310" s="114" t="s">
        <v>2</v>
      </c>
      <c r="C310" s="63"/>
      <c r="D310" s="146"/>
      <c r="E310" s="117"/>
      <c r="F310" s="128"/>
      <c r="G310" s="129"/>
      <c r="H310" s="129"/>
      <c r="I310" s="130"/>
      <c r="J310" s="129"/>
      <c r="K310" s="129"/>
      <c r="L310" s="129"/>
      <c r="M310" s="129"/>
      <c r="N310" s="129"/>
      <c r="O310" s="131"/>
      <c r="P310" s="132"/>
      <c r="Q310" s="129"/>
      <c r="R310" s="129"/>
      <c r="S310" s="129"/>
      <c r="T310" s="129"/>
      <c r="U310" s="129"/>
      <c r="V310" s="129"/>
      <c r="W310" s="129"/>
      <c r="X310" s="129"/>
      <c r="Y310" s="129"/>
      <c r="Z310" s="129"/>
      <c r="AA310" s="129"/>
      <c r="AB310" s="133"/>
      <c r="AC310" s="129"/>
      <c r="AD310" s="129"/>
      <c r="AE310" s="129"/>
      <c r="AF310" s="129"/>
      <c r="AG310" s="129"/>
      <c r="AH310" s="129"/>
      <c r="AI310" s="129"/>
      <c r="AJ310" s="129"/>
      <c r="AK310" s="129"/>
      <c r="AL310" s="129"/>
      <c r="AM310" s="129"/>
      <c r="AN310" s="133"/>
      <c r="AO310" s="134"/>
    </row>
    <row r="311" spans="1:41" s="62" customFormat="1" hidden="1" outlineLevel="2">
      <c r="A311" s="61" t="s">
        <v>243</v>
      </c>
      <c r="B311" s="61" t="s">
        <v>244</v>
      </c>
      <c r="C311" s="71" t="s">
        <v>245</v>
      </c>
      <c r="D311" s="72" t="s">
        <v>1230</v>
      </c>
      <c r="E311" s="73"/>
      <c r="F311" s="62">
        <v>4512219.5319999997</v>
      </c>
      <c r="G311" s="62">
        <v>3280963.0619999999</v>
      </c>
      <c r="H311" s="62">
        <f t="shared" ref="H311:H343" si="60">+F311-G311</f>
        <v>1231256.4699999997</v>
      </c>
      <c r="J311" s="62">
        <v>3280963.0619999999</v>
      </c>
      <c r="K311" s="62">
        <f t="shared" ref="K311:K343" si="61">+F311-J311</f>
        <v>1231256.4699999997</v>
      </c>
      <c r="M311" s="62">
        <v>3168337.3020000001</v>
      </c>
      <c r="N311" s="62">
        <f t="shared" ref="N311:N343" si="62">+F311-M311</f>
        <v>1343882.2299999995</v>
      </c>
      <c r="P311" s="74">
        <v>2898467.6120000002</v>
      </c>
      <c r="Q311" s="61">
        <v>4007765.372</v>
      </c>
      <c r="R311" s="61">
        <v>2480029.602</v>
      </c>
      <c r="S311" s="61">
        <v>2497523.9619999998</v>
      </c>
      <c r="T311" s="62">
        <v>3220548.9819999998</v>
      </c>
      <c r="U311" s="61">
        <v>2437079.8020000001</v>
      </c>
      <c r="V311" s="61">
        <v>2754079.0019999999</v>
      </c>
      <c r="W311" s="61">
        <v>4099452.3620000002</v>
      </c>
      <c r="X311" s="61">
        <v>4360109.352</v>
      </c>
      <c r="Y311" s="61">
        <v>3096428.6719999998</v>
      </c>
      <c r="Z311" s="61">
        <v>1016784.772</v>
      </c>
      <c r="AA311" s="61">
        <v>1594378.4620000001</v>
      </c>
      <c r="AB311" s="75">
        <v>3280963.0619999999</v>
      </c>
      <c r="AC311" s="61">
        <v>2449901.4819999998</v>
      </c>
      <c r="AD311" s="61">
        <v>2298178.5520000001</v>
      </c>
      <c r="AE311" s="61">
        <v>2771225.142</v>
      </c>
      <c r="AF311" s="62">
        <v>1531124.412</v>
      </c>
      <c r="AG311" s="61">
        <v>2861609.702</v>
      </c>
      <c r="AH311" s="61">
        <v>3192337.452</v>
      </c>
      <c r="AI311" s="61">
        <v>3574769.3220000002</v>
      </c>
      <c r="AJ311" s="61">
        <v>4108623.602</v>
      </c>
      <c r="AK311" s="61">
        <v>3279657.4419999998</v>
      </c>
      <c r="AL311" s="61">
        <v>2861654.642</v>
      </c>
      <c r="AM311" s="61">
        <v>3168337.3020000001</v>
      </c>
      <c r="AN311" s="75">
        <v>4512219.5319999997</v>
      </c>
    </row>
    <row r="312" spans="1:41" s="114" customFormat="1" ht="15" hidden="1" customHeight="1" outlineLevel="1">
      <c r="A312" s="113" t="s">
        <v>1231</v>
      </c>
      <c r="B312" s="114" t="s">
        <v>2</v>
      </c>
      <c r="C312" s="135" t="s">
        <v>1232</v>
      </c>
      <c r="D312" s="147" t="s">
        <v>1230</v>
      </c>
      <c r="E312" s="117"/>
      <c r="F312" s="128">
        <v>4512219.5319999997</v>
      </c>
      <c r="G312" s="129">
        <v>3280963.0619999999</v>
      </c>
      <c r="H312" s="129">
        <f t="shared" si="60"/>
        <v>1231256.4699999997</v>
      </c>
      <c r="I312" s="130"/>
      <c r="J312" s="129">
        <v>3280963.0619999999</v>
      </c>
      <c r="K312" s="129">
        <f t="shared" si="61"/>
        <v>1231256.4699999997</v>
      </c>
      <c r="L312" s="129"/>
      <c r="M312" s="129">
        <v>3168337.3020000001</v>
      </c>
      <c r="N312" s="129">
        <f t="shared" si="62"/>
        <v>1343882.2299999995</v>
      </c>
      <c r="O312" s="131"/>
      <c r="P312" s="132">
        <v>2898467.6120000002</v>
      </c>
      <c r="Q312" s="129">
        <v>4007765.372</v>
      </c>
      <c r="R312" s="129">
        <v>2480029.602</v>
      </c>
      <c r="S312" s="129">
        <v>2497523.9619999998</v>
      </c>
      <c r="T312" s="129">
        <v>3220548.9819999998</v>
      </c>
      <c r="U312" s="129">
        <v>2437079.8020000001</v>
      </c>
      <c r="V312" s="129">
        <v>2754079.0019999999</v>
      </c>
      <c r="W312" s="129">
        <v>4099452.3620000002</v>
      </c>
      <c r="X312" s="129">
        <v>4360109.352</v>
      </c>
      <c r="Y312" s="129">
        <v>3096428.6719999998</v>
      </c>
      <c r="Z312" s="129">
        <v>1016784.772</v>
      </c>
      <c r="AA312" s="129">
        <v>1594378.4620000001</v>
      </c>
      <c r="AB312" s="133">
        <v>3280963.0619999999</v>
      </c>
      <c r="AC312" s="129">
        <v>2449901.4819999998</v>
      </c>
      <c r="AD312" s="129">
        <v>2298178.5520000001</v>
      </c>
      <c r="AE312" s="129">
        <v>2771225.142</v>
      </c>
      <c r="AF312" s="129">
        <v>1531124.412</v>
      </c>
      <c r="AG312" s="129">
        <v>2861609.702</v>
      </c>
      <c r="AH312" s="129">
        <v>3192337.452</v>
      </c>
      <c r="AI312" s="129">
        <v>3574769.3220000002</v>
      </c>
      <c r="AJ312" s="129">
        <v>4108623.602</v>
      </c>
      <c r="AK312" s="129">
        <v>3279657.4419999998</v>
      </c>
      <c r="AL312" s="129">
        <v>2861654.642</v>
      </c>
      <c r="AM312" s="129">
        <v>3168337.3020000001</v>
      </c>
      <c r="AN312" s="133">
        <v>4512219.5319999997</v>
      </c>
      <c r="AO312" s="134"/>
    </row>
    <row r="313" spans="1:41" s="114" customFormat="1" ht="15" hidden="1" customHeight="1" outlineLevel="1">
      <c r="A313" s="113" t="s">
        <v>1233</v>
      </c>
      <c r="B313" s="114" t="s">
        <v>2</v>
      </c>
      <c r="C313" s="135" t="s">
        <v>1234</v>
      </c>
      <c r="D313" s="147" t="s">
        <v>1230</v>
      </c>
      <c r="E313" s="117"/>
      <c r="F313" s="128">
        <v>0</v>
      </c>
      <c r="G313" s="129">
        <v>0</v>
      </c>
      <c r="H313" s="129">
        <f t="shared" si="60"/>
        <v>0</v>
      </c>
      <c r="I313" s="130"/>
      <c r="J313" s="129">
        <v>0</v>
      </c>
      <c r="K313" s="129">
        <f t="shared" si="61"/>
        <v>0</v>
      </c>
      <c r="L313" s="129"/>
      <c r="M313" s="129">
        <v>0</v>
      </c>
      <c r="N313" s="129">
        <f t="shared" si="62"/>
        <v>0</v>
      </c>
      <c r="O313" s="131"/>
      <c r="P313" s="132">
        <v>0</v>
      </c>
      <c r="Q313" s="129">
        <v>0</v>
      </c>
      <c r="R313" s="129">
        <v>0</v>
      </c>
      <c r="S313" s="129">
        <v>0</v>
      </c>
      <c r="T313" s="129">
        <v>0</v>
      </c>
      <c r="U313" s="129">
        <v>0</v>
      </c>
      <c r="V313" s="129">
        <v>0</v>
      </c>
      <c r="W313" s="129">
        <v>0</v>
      </c>
      <c r="X313" s="129">
        <v>0</v>
      </c>
      <c r="Y313" s="129">
        <v>0</v>
      </c>
      <c r="Z313" s="129">
        <v>0</v>
      </c>
      <c r="AA313" s="129">
        <v>0</v>
      </c>
      <c r="AB313" s="133">
        <v>0</v>
      </c>
      <c r="AC313" s="129">
        <v>0</v>
      </c>
      <c r="AD313" s="129">
        <v>0</v>
      </c>
      <c r="AE313" s="129">
        <v>0</v>
      </c>
      <c r="AF313" s="129">
        <v>0</v>
      </c>
      <c r="AG313" s="129">
        <v>0</v>
      </c>
      <c r="AH313" s="129">
        <v>0</v>
      </c>
      <c r="AI313" s="129">
        <v>0</v>
      </c>
      <c r="AJ313" s="129">
        <v>0</v>
      </c>
      <c r="AK313" s="129">
        <v>0</v>
      </c>
      <c r="AL313" s="129">
        <v>0</v>
      </c>
      <c r="AM313" s="129">
        <v>0</v>
      </c>
      <c r="AN313" s="133">
        <v>0</v>
      </c>
      <c r="AO313" s="134"/>
    </row>
    <row r="314" spans="1:41" s="114" customFormat="1" ht="15" hidden="1" customHeight="1" outlineLevel="1">
      <c r="A314" s="113" t="s">
        <v>1235</v>
      </c>
      <c r="B314" s="114" t="s">
        <v>2</v>
      </c>
      <c r="C314" s="135" t="s">
        <v>1236</v>
      </c>
      <c r="D314" s="147" t="s">
        <v>1230</v>
      </c>
      <c r="E314" s="117"/>
      <c r="F314" s="128">
        <v>0</v>
      </c>
      <c r="G314" s="129">
        <v>0</v>
      </c>
      <c r="H314" s="129">
        <f t="shared" si="60"/>
        <v>0</v>
      </c>
      <c r="I314" s="130"/>
      <c r="J314" s="129">
        <v>0</v>
      </c>
      <c r="K314" s="129">
        <f t="shared" si="61"/>
        <v>0</v>
      </c>
      <c r="L314" s="129"/>
      <c r="M314" s="129">
        <v>0</v>
      </c>
      <c r="N314" s="129">
        <f t="shared" si="62"/>
        <v>0</v>
      </c>
      <c r="O314" s="131"/>
      <c r="P314" s="132">
        <v>0</v>
      </c>
      <c r="Q314" s="129">
        <v>0</v>
      </c>
      <c r="R314" s="129">
        <v>0</v>
      </c>
      <c r="S314" s="129">
        <v>0</v>
      </c>
      <c r="T314" s="129">
        <v>0</v>
      </c>
      <c r="U314" s="129">
        <v>0</v>
      </c>
      <c r="V314" s="129">
        <v>0</v>
      </c>
      <c r="W314" s="129">
        <v>0</v>
      </c>
      <c r="X314" s="129">
        <v>0</v>
      </c>
      <c r="Y314" s="129">
        <v>0</v>
      </c>
      <c r="Z314" s="129">
        <v>0</v>
      </c>
      <c r="AA314" s="129">
        <v>0</v>
      </c>
      <c r="AB314" s="133">
        <v>0</v>
      </c>
      <c r="AC314" s="129">
        <v>0</v>
      </c>
      <c r="AD314" s="129">
        <v>0</v>
      </c>
      <c r="AE314" s="129">
        <v>0</v>
      </c>
      <c r="AF314" s="129">
        <v>0</v>
      </c>
      <c r="AG314" s="129">
        <v>0</v>
      </c>
      <c r="AH314" s="129">
        <v>0</v>
      </c>
      <c r="AI314" s="129">
        <v>0</v>
      </c>
      <c r="AJ314" s="129">
        <v>0</v>
      </c>
      <c r="AK314" s="129">
        <v>0</v>
      </c>
      <c r="AL314" s="129">
        <v>0</v>
      </c>
      <c r="AM314" s="129">
        <v>0</v>
      </c>
      <c r="AN314" s="133">
        <v>0</v>
      </c>
      <c r="AO314" s="134"/>
    </row>
    <row r="315" spans="1:41" s="114" customFormat="1" ht="15" hidden="1" customHeight="1" outlineLevel="1">
      <c r="A315" s="113" t="s">
        <v>1237</v>
      </c>
      <c r="B315" s="114" t="s">
        <v>2</v>
      </c>
      <c r="C315" s="135" t="s">
        <v>1238</v>
      </c>
      <c r="D315" s="147" t="s">
        <v>1230</v>
      </c>
      <c r="E315" s="117"/>
      <c r="F315" s="128">
        <v>0</v>
      </c>
      <c r="G315" s="129">
        <v>0</v>
      </c>
      <c r="H315" s="129">
        <f t="shared" si="60"/>
        <v>0</v>
      </c>
      <c r="I315" s="130"/>
      <c r="J315" s="129">
        <v>0</v>
      </c>
      <c r="K315" s="129">
        <f t="shared" si="61"/>
        <v>0</v>
      </c>
      <c r="L315" s="129"/>
      <c r="M315" s="129">
        <v>0</v>
      </c>
      <c r="N315" s="129">
        <f t="shared" si="62"/>
        <v>0</v>
      </c>
      <c r="O315" s="131"/>
      <c r="P315" s="132">
        <v>0</v>
      </c>
      <c r="Q315" s="129">
        <v>0</v>
      </c>
      <c r="R315" s="129">
        <v>0</v>
      </c>
      <c r="S315" s="129">
        <v>0</v>
      </c>
      <c r="T315" s="129">
        <v>0</v>
      </c>
      <c r="U315" s="129">
        <v>0</v>
      </c>
      <c r="V315" s="129">
        <v>0</v>
      </c>
      <c r="W315" s="129">
        <v>0</v>
      </c>
      <c r="X315" s="129">
        <v>0</v>
      </c>
      <c r="Y315" s="129">
        <v>0</v>
      </c>
      <c r="Z315" s="129">
        <v>0</v>
      </c>
      <c r="AA315" s="129">
        <v>0</v>
      </c>
      <c r="AB315" s="133">
        <v>0</v>
      </c>
      <c r="AC315" s="129">
        <v>0</v>
      </c>
      <c r="AD315" s="129">
        <v>0</v>
      </c>
      <c r="AE315" s="129">
        <v>0</v>
      </c>
      <c r="AF315" s="129">
        <v>0</v>
      </c>
      <c r="AG315" s="129">
        <v>0</v>
      </c>
      <c r="AH315" s="129">
        <v>0</v>
      </c>
      <c r="AI315" s="129">
        <v>0</v>
      </c>
      <c r="AJ315" s="129">
        <v>0</v>
      </c>
      <c r="AK315" s="129">
        <v>0</v>
      </c>
      <c r="AL315" s="129">
        <v>0</v>
      </c>
      <c r="AM315" s="129">
        <v>0</v>
      </c>
      <c r="AN315" s="133">
        <v>0</v>
      </c>
      <c r="AO315" s="134"/>
    </row>
    <row r="316" spans="1:41" s="114" customFormat="1" ht="15" hidden="1" customHeight="1" outlineLevel="1">
      <c r="A316" s="113" t="s">
        <v>1239</v>
      </c>
      <c r="B316" s="114" t="s">
        <v>2</v>
      </c>
      <c r="C316" s="135" t="s">
        <v>1240</v>
      </c>
      <c r="D316" s="147" t="s">
        <v>1230</v>
      </c>
      <c r="E316" s="117"/>
      <c r="F316" s="128">
        <v>0</v>
      </c>
      <c r="G316" s="129">
        <v>0</v>
      </c>
      <c r="H316" s="129">
        <f t="shared" si="60"/>
        <v>0</v>
      </c>
      <c r="I316" s="130"/>
      <c r="J316" s="129">
        <v>0</v>
      </c>
      <c r="K316" s="129">
        <f t="shared" si="61"/>
        <v>0</v>
      </c>
      <c r="L316" s="129"/>
      <c r="M316" s="129">
        <v>0</v>
      </c>
      <c r="N316" s="129">
        <f t="shared" si="62"/>
        <v>0</v>
      </c>
      <c r="O316" s="131"/>
      <c r="P316" s="132">
        <v>0</v>
      </c>
      <c r="Q316" s="129">
        <v>0</v>
      </c>
      <c r="R316" s="129">
        <v>0</v>
      </c>
      <c r="S316" s="129">
        <v>0</v>
      </c>
      <c r="T316" s="129">
        <v>0</v>
      </c>
      <c r="U316" s="129">
        <v>0</v>
      </c>
      <c r="V316" s="129">
        <v>0</v>
      </c>
      <c r="W316" s="129">
        <v>0</v>
      </c>
      <c r="X316" s="129">
        <v>0</v>
      </c>
      <c r="Y316" s="129">
        <v>0</v>
      </c>
      <c r="Z316" s="129">
        <v>0</v>
      </c>
      <c r="AA316" s="129">
        <v>0</v>
      </c>
      <c r="AB316" s="133">
        <v>0</v>
      </c>
      <c r="AC316" s="129">
        <v>0</v>
      </c>
      <c r="AD316" s="129">
        <v>0</v>
      </c>
      <c r="AE316" s="129">
        <v>0</v>
      </c>
      <c r="AF316" s="129">
        <v>0</v>
      </c>
      <c r="AG316" s="129">
        <v>0</v>
      </c>
      <c r="AH316" s="129">
        <v>0</v>
      </c>
      <c r="AI316" s="129">
        <v>0</v>
      </c>
      <c r="AJ316" s="129">
        <v>0</v>
      </c>
      <c r="AK316" s="129">
        <v>0</v>
      </c>
      <c r="AL316" s="129">
        <v>0</v>
      </c>
      <c r="AM316" s="129">
        <v>0</v>
      </c>
      <c r="AN316" s="133">
        <v>0</v>
      </c>
      <c r="AO316" s="134"/>
    </row>
    <row r="317" spans="1:41" s="114" customFormat="1" ht="15" hidden="1" customHeight="1" outlineLevel="1">
      <c r="A317" s="113" t="s">
        <v>1241</v>
      </c>
      <c r="B317" s="114" t="s">
        <v>2</v>
      </c>
      <c r="C317" s="135" t="s">
        <v>1242</v>
      </c>
      <c r="D317" s="147" t="s">
        <v>1230</v>
      </c>
      <c r="E317" s="117"/>
      <c r="F317" s="128">
        <v>0</v>
      </c>
      <c r="G317" s="129">
        <v>0</v>
      </c>
      <c r="H317" s="129">
        <f t="shared" si="60"/>
        <v>0</v>
      </c>
      <c r="I317" s="130"/>
      <c r="J317" s="129">
        <v>0</v>
      </c>
      <c r="K317" s="129">
        <f t="shared" si="61"/>
        <v>0</v>
      </c>
      <c r="L317" s="129"/>
      <c r="M317" s="129">
        <v>0</v>
      </c>
      <c r="N317" s="129">
        <f t="shared" si="62"/>
        <v>0</v>
      </c>
      <c r="O317" s="131"/>
      <c r="P317" s="132">
        <v>0</v>
      </c>
      <c r="Q317" s="129">
        <v>0</v>
      </c>
      <c r="R317" s="129">
        <v>0</v>
      </c>
      <c r="S317" s="129">
        <v>0</v>
      </c>
      <c r="T317" s="129">
        <v>0</v>
      </c>
      <c r="U317" s="129">
        <v>0</v>
      </c>
      <c r="V317" s="129">
        <v>0</v>
      </c>
      <c r="W317" s="129">
        <v>0</v>
      </c>
      <c r="X317" s="129">
        <v>0</v>
      </c>
      <c r="Y317" s="129">
        <v>0</v>
      </c>
      <c r="Z317" s="129">
        <v>0</v>
      </c>
      <c r="AA317" s="129">
        <v>0</v>
      </c>
      <c r="AB317" s="133">
        <v>0</v>
      </c>
      <c r="AC317" s="129">
        <v>0</v>
      </c>
      <c r="AD317" s="129">
        <v>0</v>
      </c>
      <c r="AE317" s="129">
        <v>0</v>
      </c>
      <c r="AF317" s="129">
        <v>0</v>
      </c>
      <c r="AG317" s="129">
        <v>0</v>
      </c>
      <c r="AH317" s="129">
        <v>0</v>
      </c>
      <c r="AI317" s="129">
        <v>0</v>
      </c>
      <c r="AJ317" s="129">
        <v>0</v>
      </c>
      <c r="AK317" s="129">
        <v>0</v>
      </c>
      <c r="AL317" s="129">
        <v>0</v>
      </c>
      <c r="AM317" s="129">
        <v>0</v>
      </c>
      <c r="AN317" s="133">
        <v>0</v>
      </c>
      <c r="AO317" s="134"/>
    </row>
    <row r="318" spans="1:41" s="114" customFormat="1" ht="15" hidden="1" customHeight="1" outlineLevel="1">
      <c r="A318" s="113" t="s">
        <v>1243</v>
      </c>
      <c r="B318" s="114" t="s">
        <v>2</v>
      </c>
      <c r="C318" s="135" t="s">
        <v>1244</v>
      </c>
      <c r="D318" s="147" t="s">
        <v>1230</v>
      </c>
      <c r="E318" s="117"/>
      <c r="F318" s="128">
        <v>0</v>
      </c>
      <c r="G318" s="129">
        <v>0</v>
      </c>
      <c r="H318" s="129">
        <f t="shared" si="60"/>
        <v>0</v>
      </c>
      <c r="I318" s="130"/>
      <c r="J318" s="129">
        <v>0</v>
      </c>
      <c r="K318" s="129">
        <f t="shared" si="61"/>
        <v>0</v>
      </c>
      <c r="L318" s="129"/>
      <c r="M318" s="129">
        <v>0</v>
      </c>
      <c r="N318" s="129">
        <f t="shared" si="62"/>
        <v>0</v>
      </c>
      <c r="O318" s="131"/>
      <c r="P318" s="132">
        <v>0</v>
      </c>
      <c r="Q318" s="129">
        <v>0</v>
      </c>
      <c r="R318" s="129">
        <v>0</v>
      </c>
      <c r="S318" s="129">
        <v>0</v>
      </c>
      <c r="T318" s="129">
        <v>0</v>
      </c>
      <c r="U318" s="129">
        <v>0</v>
      </c>
      <c r="V318" s="129">
        <v>0</v>
      </c>
      <c r="W318" s="129">
        <v>0</v>
      </c>
      <c r="X318" s="129">
        <v>0</v>
      </c>
      <c r="Y318" s="129">
        <v>0</v>
      </c>
      <c r="Z318" s="129">
        <v>0</v>
      </c>
      <c r="AA318" s="129">
        <v>0</v>
      </c>
      <c r="AB318" s="133">
        <v>0</v>
      </c>
      <c r="AC318" s="129">
        <v>0</v>
      </c>
      <c r="AD318" s="129">
        <v>0</v>
      </c>
      <c r="AE318" s="129">
        <v>0</v>
      </c>
      <c r="AF318" s="129">
        <v>0</v>
      </c>
      <c r="AG318" s="129">
        <v>0</v>
      </c>
      <c r="AH318" s="129">
        <v>0</v>
      </c>
      <c r="AI318" s="129">
        <v>0</v>
      </c>
      <c r="AJ318" s="129">
        <v>0</v>
      </c>
      <c r="AK318" s="129">
        <v>0</v>
      </c>
      <c r="AL318" s="129">
        <v>0</v>
      </c>
      <c r="AM318" s="129">
        <v>0</v>
      </c>
      <c r="AN318" s="133">
        <v>0</v>
      </c>
      <c r="AO318" s="134"/>
    </row>
    <row r="319" spans="1:41" s="114" customFormat="1" ht="15" hidden="1" customHeight="1" outlineLevel="1">
      <c r="A319" s="113" t="s">
        <v>1245</v>
      </c>
      <c r="B319" s="114" t="s">
        <v>2</v>
      </c>
      <c r="C319" s="135" t="s">
        <v>1246</v>
      </c>
      <c r="D319" s="147" t="s">
        <v>1230</v>
      </c>
      <c r="E319" s="117"/>
      <c r="F319" s="128">
        <v>0</v>
      </c>
      <c r="G319" s="129">
        <v>0</v>
      </c>
      <c r="H319" s="129">
        <f t="shared" si="60"/>
        <v>0</v>
      </c>
      <c r="I319" s="130"/>
      <c r="J319" s="129">
        <v>0</v>
      </c>
      <c r="K319" s="129">
        <f t="shared" si="61"/>
        <v>0</v>
      </c>
      <c r="L319" s="129"/>
      <c r="M319" s="129">
        <v>0</v>
      </c>
      <c r="N319" s="129">
        <f t="shared" si="62"/>
        <v>0</v>
      </c>
      <c r="O319" s="131"/>
      <c r="P319" s="132">
        <v>0</v>
      </c>
      <c r="Q319" s="129">
        <v>0</v>
      </c>
      <c r="R319" s="129">
        <v>0</v>
      </c>
      <c r="S319" s="129">
        <v>0</v>
      </c>
      <c r="T319" s="129">
        <v>0</v>
      </c>
      <c r="U319" s="129">
        <v>0</v>
      </c>
      <c r="V319" s="129">
        <v>0</v>
      </c>
      <c r="W319" s="129">
        <v>0</v>
      </c>
      <c r="X319" s="129">
        <v>0</v>
      </c>
      <c r="Y319" s="129">
        <v>0</v>
      </c>
      <c r="Z319" s="129">
        <v>0</v>
      </c>
      <c r="AA319" s="129">
        <v>0</v>
      </c>
      <c r="AB319" s="133">
        <v>0</v>
      </c>
      <c r="AC319" s="129">
        <v>0</v>
      </c>
      <c r="AD319" s="129">
        <v>0</v>
      </c>
      <c r="AE319" s="129">
        <v>0</v>
      </c>
      <c r="AF319" s="129">
        <v>0</v>
      </c>
      <c r="AG319" s="129">
        <v>0</v>
      </c>
      <c r="AH319" s="129">
        <v>0</v>
      </c>
      <c r="AI319" s="129">
        <v>0</v>
      </c>
      <c r="AJ319" s="129">
        <v>0</v>
      </c>
      <c r="AK319" s="129">
        <v>0</v>
      </c>
      <c r="AL319" s="129">
        <v>0</v>
      </c>
      <c r="AM319" s="129">
        <v>0</v>
      </c>
      <c r="AN319" s="133">
        <v>0</v>
      </c>
      <c r="AO319" s="134"/>
    </row>
    <row r="320" spans="1:41" s="62" customFormat="1" hidden="1" outlineLevel="2">
      <c r="A320" s="61" t="s">
        <v>249</v>
      </c>
      <c r="B320" s="61" t="s">
        <v>250</v>
      </c>
      <c r="C320" s="71" t="s">
        <v>251</v>
      </c>
      <c r="D320" s="72" t="s">
        <v>1230</v>
      </c>
      <c r="E320" s="73"/>
      <c r="F320" s="62">
        <v>0</v>
      </c>
      <c r="G320" s="62">
        <v>159120.39000000001</v>
      </c>
      <c r="H320" s="62">
        <f t="shared" si="60"/>
        <v>-159120.39000000001</v>
      </c>
      <c r="J320" s="62">
        <v>159120.39000000001</v>
      </c>
      <c r="K320" s="62">
        <f t="shared" si="61"/>
        <v>-159120.39000000001</v>
      </c>
      <c r="M320" s="62">
        <v>0</v>
      </c>
      <c r="N320" s="62">
        <f t="shared" si="62"/>
        <v>0</v>
      </c>
      <c r="P320" s="74">
        <v>943703.31</v>
      </c>
      <c r="Q320" s="61">
        <v>917651.89</v>
      </c>
      <c r="R320" s="61">
        <v>302505.89</v>
      </c>
      <c r="S320" s="61">
        <v>302505.89</v>
      </c>
      <c r="T320" s="62">
        <v>313958.7</v>
      </c>
      <c r="U320" s="61">
        <v>320471.61</v>
      </c>
      <c r="V320" s="61">
        <v>285221.97000000003</v>
      </c>
      <c r="W320" s="61">
        <v>198982.38</v>
      </c>
      <c r="X320" s="61">
        <v>192750.79</v>
      </c>
      <c r="Y320" s="61">
        <v>192750.79</v>
      </c>
      <c r="Z320" s="61">
        <v>192750.79</v>
      </c>
      <c r="AA320" s="61">
        <v>192750.79</v>
      </c>
      <c r="AB320" s="75">
        <v>159120.39000000001</v>
      </c>
      <c r="AC320" s="61">
        <v>159120.39000000001</v>
      </c>
      <c r="AD320" s="61">
        <v>164627.34</v>
      </c>
      <c r="AE320" s="61">
        <v>164627.34</v>
      </c>
      <c r="AF320" s="62">
        <v>167143.74</v>
      </c>
      <c r="AG320" s="61">
        <v>185759.66</v>
      </c>
      <c r="AH320" s="61">
        <v>185759.66</v>
      </c>
      <c r="AI320" s="61">
        <v>185759.66</v>
      </c>
      <c r="AJ320" s="61">
        <v>185759.66</v>
      </c>
      <c r="AK320" s="61">
        <v>185759.66</v>
      </c>
      <c r="AL320" s="61">
        <v>159120.39000000001</v>
      </c>
      <c r="AM320" s="61">
        <v>0</v>
      </c>
      <c r="AN320" s="75">
        <v>0</v>
      </c>
    </row>
    <row r="321" spans="1:41" s="62" customFormat="1" hidden="1" outlineLevel="2">
      <c r="A321" s="61" t="s">
        <v>428</v>
      </c>
      <c r="B321" s="61" t="s">
        <v>429</v>
      </c>
      <c r="C321" s="71" t="s">
        <v>430</v>
      </c>
      <c r="D321" s="72" t="s">
        <v>1230</v>
      </c>
      <c r="E321" s="73"/>
      <c r="F321" s="62">
        <v>145573.372</v>
      </c>
      <c r="G321" s="62">
        <v>110048.81200000001</v>
      </c>
      <c r="H321" s="62">
        <f t="shared" si="60"/>
        <v>35524.559999999998</v>
      </c>
      <c r="J321" s="62">
        <v>110048.81200000001</v>
      </c>
      <c r="K321" s="62">
        <f t="shared" si="61"/>
        <v>35524.559999999998</v>
      </c>
      <c r="M321" s="62">
        <v>0</v>
      </c>
      <c r="N321" s="62">
        <f t="shared" si="62"/>
        <v>145573.372</v>
      </c>
      <c r="P321" s="74">
        <v>0</v>
      </c>
      <c r="Q321" s="61">
        <v>0</v>
      </c>
      <c r="R321" s="61">
        <v>0</v>
      </c>
      <c r="S321" s="61">
        <v>0</v>
      </c>
      <c r="T321" s="62">
        <v>74988.17</v>
      </c>
      <c r="U321" s="61">
        <v>0</v>
      </c>
      <c r="V321" s="61">
        <v>259321.58000000002</v>
      </c>
      <c r="W321" s="61">
        <v>0</v>
      </c>
      <c r="X321" s="61">
        <v>0</v>
      </c>
      <c r="Y321" s="61">
        <v>138826.20000000001</v>
      </c>
      <c r="Z321" s="61">
        <v>0</v>
      </c>
      <c r="AA321" s="61">
        <v>0</v>
      </c>
      <c r="AB321" s="75">
        <v>110048.81200000001</v>
      </c>
      <c r="AC321" s="61">
        <v>47209.16</v>
      </c>
      <c r="AD321" s="61">
        <v>50546.64</v>
      </c>
      <c r="AE321" s="61">
        <v>74903.141999999993</v>
      </c>
      <c r="AF321" s="62">
        <v>977.49</v>
      </c>
      <c r="AG321" s="61">
        <v>51921.07</v>
      </c>
      <c r="AH321" s="61">
        <v>3856.0020000000004</v>
      </c>
      <c r="AI321" s="61">
        <v>0</v>
      </c>
      <c r="AJ321" s="61">
        <v>59988.06</v>
      </c>
      <c r="AK321" s="61">
        <v>56545.692000000003</v>
      </c>
      <c r="AL321" s="61">
        <v>0</v>
      </c>
      <c r="AM321" s="61">
        <v>0</v>
      </c>
      <c r="AN321" s="75">
        <v>145573.372</v>
      </c>
    </row>
    <row r="322" spans="1:41" s="62" customFormat="1" hidden="1" outlineLevel="2">
      <c r="A322" s="61" t="s">
        <v>1247</v>
      </c>
      <c r="B322" s="61" t="s">
        <v>1248</v>
      </c>
      <c r="C322" s="71" t="s">
        <v>1249</v>
      </c>
      <c r="D322" s="72" t="s">
        <v>1230</v>
      </c>
      <c r="E322" s="73"/>
      <c r="F322" s="62">
        <v>30</v>
      </c>
      <c r="G322" s="62">
        <v>0</v>
      </c>
      <c r="H322" s="62">
        <f t="shared" si="60"/>
        <v>30</v>
      </c>
      <c r="J322" s="62">
        <v>0</v>
      </c>
      <c r="K322" s="62">
        <f t="shared" si="61"/>
        <v>30</v>
      </c>
      <c r="M322" s="62">
        <v>0</v>
      </c>
      <c r="N322" s="62">
        <f t="shared" si="62"/>
        <v>30</v>
      </c>
      <c r="P322" s="74">
        <v>0</v>
      </c>
      <c r="Q322" s="61">
        <v>0</v>
      </c>
      <c r="R322" s="61">
        <v>0</v>
      </c>
      <c r="S322" s="61">
        <v>0</v>
      </c>
      <c r="T322" s="62">
        <v>0</v>
      </c>
      <c r="U322" s="61">
        <v>0</v>
      </c>
      <c r="V322" s="61">
        <v>0</v>
      </c>
      <c r="W322" s="61">
        <v>0</v>
      </c>
      <c r="X322" s="61">
        <v>0</v>
      </c>
      <c r="Y322" s="61">
        <v>0</v>
      </c>
      <c r="Z322" s="61">
        <v>0</v>
      </c>
      <c r="AA322" s="61">
        <v>0</v>
      </c>
      <c r="AB322" s="75">
        <v>0</v>
      </c>
      <c r="AC322" s="61">
        <v>0</v>
      </c>
      <c r="AD322" s="61">
        <v>0</v>
      </c>
      <c r="AE322" s="61">
        <v>0</v>
      </c>
      <c r="AF322" s="62">
        <v>0</v>
      </c>
      <c r="AG322" s="61">
        <v>0</v>
      </c>
      <c r="AH322" s="61">
        <v>0</v>
      </c>
      <c r="AI322" s="61">
        <v>0</v>
      </c>
      <c r="AJ322" s="61">
        <v>0</v>
      </c>
      <c r="AK322" s="61">
        <v>0</v>
      </c>
      <c r="AL322" s="61">
        <v>0</v>
      </c>
      <c r="AM322" s="61">
        <v>0</v>
      </c>
      <c r="AN322" s="75">
        <v>30</v>
      </c>
    </row>
    <row r="323" spans="1:41" s="62" customFormat="1" hidden="1" outlineLevel="2">
      <c r="A323" s="61" t="s">
        <v>252</v>
      </c>
      <c r="B323" s="61" t="s">
        <v>253</v>
      </c>
      <c r="C323" s="71" t="s">
        <v>254</v>
      </c>
      <c r="D323" s="72" t="s">
        <v>1230</v>
      </c>
      <c r="E323" s="73"/>
      <c r="F323" s="62">
        <v>40095.39</v>
      </c>
      <c r="G323" s="62">
        <v>38620.47</v>
      </c>
      <c r="H323" s="62">
        <f t="shared" si="60"/>
        <v>1474.9199999999983</v>
      </c>
      <c r="J323" s="62">
        <v>38620.47</v>
      </c>
      <c r="K323" s="62">
        <f t="shared" si="61"/>
        <v>1474.9199999999983</v>
      </c>
      <c r="M323" s="62">
        <v>37859.5</v>
      </c>
      <c r="N323" s="62">
        <f t="shared" si="62"/>
        <v>2235.8899999999994</v>
      </c>
      <c r="P323" s="74">
        <v>25944.799999999999</v>
      </c>
      <c r="Q323" s="61">
        <v>61284.020000000004</v>
      </c>
      <c r="R323" s="61">
        <v>53385.3</v>
      </c>
      <c r="S323" s="61">
        <v>59972.01</v>
      </c>
      <c r="T323" s="62">
        <v>39718.35</v>
      </c>
      <c r="U323" s="61">
        <v>50185.99</v>
      </c>
      <c r="V323" s="61">
        <v>35803.43</v>
      </c>
      <c r="W323" s="61">
        <v>47612.56</v>
      </c>
      <c r="X323" s="61">
        <v>47634.99</v>
      </c>
      <c r="Y323" s="61">
        <v>31438.63</v>
      </c>
      <c r="Z323" s="61">
        <v>57605.8</v>
      </c>
      <c r="AA323" s="61">
        <v>17902.98</v>
      </c>
      <c r="AB323" s="75">
        <v>38620.47</v>
      </c>
      <c r="AC323" s="61">
        <v>78718.710000000006</v>
      </c>
      <c r="AD323" s="61">
        <v>19390.93</v>
      </c>
      <c r="AE323" s="61">
        <v>26874.690000000002</v>
      </c>
      <c r="AF323" s="62">
        <v>37348.57</v>
      </c>
      <c r="AG323" s="61">
        <v>33035.35</v>
      </c>
      <c r="AH323" s="61">
        <v>76198.42</v>
      </c>
      <c r="AI323" s="61">
        <v>40635.93</v>
      </c>
      <c r="AJ323" s="61">
        <v>37204.14</v>
      </c>
      <c r="AK323" s="61">
        <v>54802.33</v>
      </c>
      <c r="AL323" s="61">
        <v>58361.49</v>
      </c>
      <c r="AM323" s="61">
        <v>37859.5</v>
      </c>
      <c r="AN323" s="75">
        <v>40095.39</v>
      </c>
    </row>
    <row r="324" spans="1:41" s="62" customFormat="1" hidden="1" outlineLevel="2">
      <c r="A324" s="61" t="s">
        <v>255</v>
      </c>
      <c r="B324" s="61" t="s">
        <v>256</v>
      </c>
      <c r="C324" s="71" t="s">
        <v>257</v>
      </c>
      <c r="D324" s="72" t="s">
        <v>1230</v>
      </c>
      <c r="E324" s="73"/>
      <c r="F324" s="62">
        <v>293702.49</v>
      </c>
      <c r="G324" s="62">
        <v>177851.86000000002</v>
      </c>
      <c r="H324" s="62">
        <f t="shared" si="60"/>
        <v>115850.62999999998</v>
      </c>
      <c r="J324" s="62">
        <v>177851.86000000002</v>
      </c>
      <c r="K324" s="62">
        <f t="shared" si="61"/>
        <v>115850.62999999998</v>
      </c>
      <c r="M324" s="62">
        <v>312230.55</v>
      </c>
      <c r="N324" s="62">
        <f t="shared" si="62"/>
        <v>-18528.059999999998</v>
      </c>
      <c r="P324" s="74">
        <v>291375.08</v>
      </c>
      <c r="Q324" s="61">
        <v>313556.63</v>
      </c>
      <c r="R324" s="61">
        <v>163911.94</v>
      </c>
      <c r="S324" s="61">
        <v>293314.41000000003</v>
      </c>
      <c r="T324" s="62">
        <v>102968.76000000001</v>
      </c>
      <c r="U324" s="61">
        <v>55463.520000000004</v>
      </c>
      <c r="V324" s="61">
        <v>63485.560000000005</v>
      </c>
      <c r="W324" s="61">
        <v>118947.98</v>
      </c>
      <c r="X324" s="61">
        <v>222258.93</v>
      </c>
      <c r="Y324" s="61">
        <v>102284.14</v>
      </c>
      <c r="Z324" s="61">
        <v>75160.66</v>
      </c>
      <c r="AA324" s="61">
        <v>148973.17000000001</v>
      </c>
      <c r="AB324" s="75">
        <v>177851.86000000002</v>
      </c>
      <c r="AC324" s="61">
        <v>48338.07</v>
      </c>
      <c r="AD324" s="61">
        <v>46688.74</v>
      </c>
      <c r="AE324" s="61">
        <v>89471.61</v>
      </c>
      <c r="AF324" s="62">
        <v>122702.07</v>
      </c>
      <c r="AG324" s="61">
        <v>62238.21</v>
      </c>
      <c r="AH324" s="61">
        <v>168736.94</v>
      </c>
      <c r="AI324" s="61">
        <v>301962.28999999998</v>
      </c>
      <c r="AJ324" s="61">
        <v>259871.67</v>
      </c>
      <c r="AK324" s="61">
        <v>294068.11</v>
      </c>
      <c r="AL324" s="61">
        <v>377858.06</v>
      </c>
      <c r="AM324" s="61">
        <v>312230.55</v>
      </c>
      <c r="AN324" s="75">
        <v>293702.49</v>
      </c>
    </row>
    <row r="325" spans="1:41" s="62" customFormat="1" hidden="1" outlineLevel="2">
      <c r="A325" s="61" t="s">
        <v>608</v>
      </c>
      <c r="B325" s="61" t="s">
        <v>609</v>
      </c>
      <c r="C325" s="71" t="s">
        <v>610</v>
      </c>
      <c r="D325" s="72" t="s">
        <v>1230</v>
      </c>
      <c r="E325" s="73"/>
      <c r="F325" s="62">
        <v>63244.99</v>
      </c>
      <c r="G325" s="62">
        <v>8610.4500000000007</v>
      </c>
      <c r="H325" s="62">
        <f t="shared" si="60"/>
        <v>54634.539999999994</v>
      </c>
      <c r="J325" s="62">
        <v>8610.4500000000007</v>
      </c>
      <c r="K325" s="62">
        <f t="shared" si="61"/>
        <v>54634.539999999994</v>
      </c>
      <c r="M325" s="62">
        <v>62935.64</v>
      </c>
      <c r="N325" s="62">
        <f t="shared" si="62"/>
        <v>309.34999999999854</v>
      </c>
      <c r="P325" s="74">
        <v>0</v>
      </c>
      <c r="Q325" s="61">
        <v>0</v>
      </c>
      <c r="R325" s="61">
        <v>0</v>
      </c>
      <c r="S325" s="61">
        <v>0</v>
      </c>
      <c r="T325" s="62">
        <v>0</v>
      </c>
      <c r="U325" s="61">
        <v>0</v>
      </c>
      <c r="V325" s="61">
        <v>0</v>
      </c>
      <c r="W325" s="61">
        <v>0</v>
      </c>
      <c r="X325" s="61">
        <v>0</v>
      </c>
      <c r="Y325" s="61">
        <v>0</v>
      </c>
      <c r="Z325" s="61">
        <v>0</v>
      </c>
      <c r="AA325" s="61">
        <v>390.76</v>
      </c>
      <c r="AB325" s="75">
        <v>8610.4500000000007</v>
      </c>
      <c r="AC325" s="61">
        <v>12223.04</v>
      </c>
      <c r="AD325" s="61">
        <v>23520.010000000002</v>
      </c>
      <c r="AE325" s="61">
        <v>34380.620000000003</v>
      </c>
      <c r="AF325" s="62">
        <v>39512.21</v>
      </c>
      <c r="AG325" s="61">
        <v>44522.15</v>
      </c>
      <c r="AH325" s="61">
        <v>47106.14</v>
      </c>
      <c r="AI325" s="61">
        <v>49195.24</v>
      </c>
      <c r="AJ325" s="61">
        <v>55654.46</v>
      </c>
      <c r="AK325" s="61">
        <v>57085.880000000005</v>
      </c>
      <c r="AL325" s="61">
        <v>61247.090000000004</v>
      </c>
      <c r="AM325" s="61">
        <v>62935.64</v>
      </c>
      <c r="AN325" s="75">
        <v>63244.99</v>
      </c>
    </row>
    <row r="326" spans="1:41" s="114" customFormat="1" ht="15" hidden="1" customHeight="1" outlineLevel="1">
      <c r="A326" s="113" t="s">
        <v>1250</v>
      </c>
      <c r="B326" s="114" t="s">
        <v>2</v>
      </c>
      <c r="C326" s="135" t="s">
        <v>1251</v>
      </c>
      <c r="D326" s="147" t="s">
        <v>1230</v>
      </c>
      <c r="E326" s="117"/>
      <c r="F326" s="128">
        <v>542646.24199999997</v>
      </c>
      <c r="G326" s="129">
        <v>494251.98200000002</v>
      </c>
      <c r="H326" s="129">
        <f t="shared" si="60"/>
        <v>48394.259999999951</v>
      </c>
      <c r="I326" s="130"/>
      <c r="J326" s="129">
        <v>494251.98200000002</v>
      </c>
      <c r="K326" s="129">
        <f t="shared" si="61"/>
        <v>48394.259999999951</v>
      </c>
      <c r="L326" s="129"/>
      <c r="M326" s="129">
        <v>413025.69</v>
      </c>
      <c r="N326" s="129">
        <f t="shared" si="62"/>
        <v>129620.55199999997</v>
      </c>
      <c r="O326" s="131"/>
      <c r="P326" s="132">
        <v>1261023.1900000002</v>
      </c>
      <c r="Q326" s="129">
        <v>1292492.54</v>
      </c>
      <c r="R326" s="129">
        <v>519803.13</v>
      </c>
      <c r="S326" s="129">
        <v>655792.31000000006</v>
      </c>
      <c r="T326" s="129">
        <v>531633.98</v>
      </c>
      <c r="U326" s="129">
        <v>426121.12</v>
      </c>
      <c r="V326" s="129">
        <v>643832.54000000015</v>
      </c>
      <c r="W326" s="129">
        <v>365542.92</v>
      </c>
      <c r="X326" s="129">
        <v>462644.70999999996</v>
      </c>
      <c r="Y326" s="129">
        <v>465299.76</v>
      </c>
      <c r="Z326" s="129">
        <v>325517.25</v>
      </c>
      <c r="AA326" s="129">
        <v>360017.70000000007</v>
      </c>
      <c r="AB326" s="133">
        <v>494251.98200000002</v>
      </c>
      <c r="AC326" s="129">
        <v>345609.37</v>
      </c>
      <c r="AD326" s="129">
        <v>304773.65999999997</v>
      </c>
      <c r="AE326" s="129">
        <v>390257.402</v>
      </c>
      <c r="AF326" s="129">
        <v>367684.08</v>
      </c>
      <c r="AG326" s="129">
        <v>377476.44000000006</v>
      </c>
      <c r="AH326" s="129">
        <v>481657.16200000001</v>
      </c>
      <c r="AI326" s="129">
        <v>577553.12</v>
      </c>
      <c r="AJ326" s="129">
        <v>598477.99</v>
      </c>
      <c r="AK326" s="129">
        <v>648261.67200000002</v>
      </c>
      <c r="AL326" s="129">
        <v>656587.02999999991</v>
      </c>
      <c r="AM326" s="129">
        <v>413025.69</v>
      </c>
      <c r="AN326" s="133">
        <v>542646.24199999997</v>
      </c>
      <c r="AO326" s="134"/>
    </row>
    <row r="327" spans="1:41" s="114" customFormat="1" ht="15" hidden="1" customHeight="1" outlineLevel="1">
      <c r="A327" s="113" t="s">
        <v>1252</v>
      </c>
      <c r="B327" s="114" t="s">
        <v>2</v>
      </c>
      <c r="C327" s="135" t="s">
        <v>1253</v>
      </c>
      <c r="D327" s="147" t="s">
        <v>1230</v>
      </c>
      <c r="E327" s="117"/>
      <c r="F327" s="128">
        <v>0</v>
      </c>
      <c r="G327" s="129">
        <v>0</v>
      </c>
      <c r="H327" s="129">
        <f t="shared" si="60"/>
        <v>0</v>
      </c>
      <c r="I327" s="130"/>
      <c r="J327" s="129">
        <v>0</v>
      </c>
      <c r="K327" s="129">
        <f t="shared" si="61"/>
        <v>0</v>
      </c>
      <c r="L327" s="129"/>
      <c r="M327" s="129">
        <v>0</v>
      </c>
      <c r="N327" s="129">
        <f t="shared" si="62"/>
        <v>0</v>
      </c>
      <c r="O327" s="131"/>
      <c r="P327" s="132">
        <v>0</v>
      </c>
      <c r="Q327" s="129">
        <v>0</v>
      </c>
      <c r="R327" s="129">
        <v>0</v>
      </c>
      <c r="S327" s="129">
        <v>0</v>
      </c>
      <c r="T327" s="129">
        <v>0</v>
      </c>
      <c r="U327" s="129">
        <v>0</v>
      </c>
      <c r="V327" s="129">
        <v>0</v>
      </c>
      <c r="W327" s="129">
        <v>0</v>
      </c>
      <c r="X327" s="129">
        <v>0</v>
      </c>
      <c r="Y327" s="129">
        <v>0</v>
      </c>
      <c r="Z327" s="129">
        <v>0</v>
      </c>
      <c r="AA327" s="129">
        <v>0</v>
      </c>
      <c r="AB327" s="133">
        <v>0</v>
      </c>
      <c r="AC327" s="129">
        <v>0</v>
      </c>
      <c r="AD327" s="129">
        <v>0</v>
      </c>
      <c r="AE327" s="129">
        <v>0</v>
      </c>
      <c r="AF327" s="129">
        <v>0</v>
      </c>
      <c r="AG327" s="129">
        <v>0</v>
      </c>
      <c r="AH327" s="129">
        <v>0</v>
      </c>
      <c r="AI327" s="129">
        <v>0</v>
      </c>
      <c r="AJ327" s="129">
        <v>0</v>
      </c>
      <c r="AK327" s="129">
        <v>0</v>
      </c>
      <c r="AL327" s="129">
        <v>0</v>
      </c>
      <c r="AM327" s="129">
        <v>0</v>
      </c>
      <c r="AN327" s="133">
        <v>0</v>
      </c>
      <c r="AO327" s="134"/>
    </row>
    <row r="328" spans="1:41" s="114" customFormat="1" ht="15" hidden="1" customHeight="1" outlineLevel="1">
      <c r="A328" s="113" t="s">
        <v>1254</v>
      </c>
      <c r="B328" s="114" t="s">
        <v>2</v>
      </c>
      <c r="C328" s="135" t="s">
        <v>1255</v>
      </c>
      <c r="D328" s="147" t="s">
        <v>1230</v>
      </c>
      <c r="E328" s="117"/>
      <c r="F328" s="128">
        <v>0</v>
      </c>
      <c r="G328" s="129">
        <v>0</v>
      </c>
      <c r="H328" s="129">
        <f t="shared" si="60"/>
        <v>0</v>
      </c>
      <c r="I328" s="130"/>
      <c r="J328" s="129">
        <v>0</v>
      </c>
      <c r="K328" s="129">
        <f t="shared" si="61"/>
        <v>0</v>
      </c>
      <c r="L328" s="129"/>
      <c r="M328" s="129">
        <v>0</v>
      </c>
      <c r="N328" s="129">
        <f t="shared" si="62"/>
        <v>0</v>
      </c>
      <c r="O328" s="131"/>
      <c r="P328" s="132">
        <v>0</v>
      </c>
      <c r="Q328" s="129">
        <v>0</v>
      </c>
      <c r="R328" s="129">
        <v>0</v>
      </c>
      <c r="S328" s="129">
        <v>0</v>
      </c>
      <c r="T328" s="129">
        <v>0</v>
      </c>
      <c r="U328" s="129">
        <v>0</v>
      </c>
      <c r="V328" s="129">
        <v>0</v>
      </c>
      <c r="W328" s="129">
        <v>0</v>
      </c>
      <c r="X328" s="129">
        <v>0</v>
      </c>
      <c r="Y328" s="129">
        <v>0</v>
      </c>
      <c r="Z328" s="129">
        <v>0</v>
      </c>
      <c r="AA328" s="129">
        <v>0</v>
      </c>
      <c r="AB328" s="133">
        <v>0</v>
      </c>
      <c r="AC328" s="129">
        <v>0</v>
      </c>
      <c r="AD328" s="129">
        <v>0</v>
      </c>
      <c r="AE328" s="129">
        <v>0</v>
      </c>
      <c r="AF328" s="129">
        <v>0</v>
      </c>
      <c r="AG328" s="129">
        <v>0</v>
      </c>
      <c r="AH328" s="129">
        <v>0</v>
      </c>
      <c r="AI328" s="129">
        <v>0</v>
      </c>
      <c r="AJ328" s="129">
        <v>0</v>
      </c>
      <c r="AK328" s="129">
        <v>0</v>
      </c>
      <c r="AL328" s="129">
        <v>0</v>
      </c>
      <c r="AM328" s="129">
        <v>0</v>
      </c>
      <c r="AN328" s="133">
        <v>0</v>
      </c>
      <c r="AO328" s="134"/>
    </row>
    <row r="329" spans="1:41" s="114" customFormat="1" ht="15" hidden="1" customHeight="1" outlineLevel="1">
      <c r="A329" s="113" t="s">
        <v>1256</v>
      </c>
      <c r="B329" s="114" t="s">
        <v>2</v>
      </c>
      <c r="C329" s="135" t="s">
        <v>1257</v>
      </c>
      <c r="D329" s="147" t="s">
        <v>1230</v>
      </c>
      <c r="E329" s="117"/>
      <c r="F329" s="128">
        <v>0</v>
      </c>
      <c r="G329" s="129">
        <v>0</v>
      </c>
      <c r="H329" s="129">
        <f t="shared" si="60"/>
        <v>0</v>
      </c>
      <c r="I329" s="130"/>
      <c r="J329" s="129">
        <v>0</v>
      </c>
      <c r="K329" s="129">
        <f t="shared" si="61"/>
        <v>0</v>
      </c>
      <c r="L329" s="129"/>
      <c r="M329" s="129">
        <v>0</v>
      </c>
      <c r="N329" s="129">
        <f t="shared" si="62"/>
        <v>0</v>
      </c>
      <c r="O329" s="131"/>
      <c r="P329" s="132">
        <v>0</v>
      </c>
      <c r="Q329" s="129">
        <v>0</v>
      </c>
      <c r="R329" s="129">
        <v>0</v>
      </c>
      <c r="S329" s="129">
        <v>0</v>
      </c>
      <c r="T329" s="129">
        <v>0</v>
      </c>
      <c r="U329" s="129">
        <v>0</v>
      </c>
      <c r="V329" s="129">
        <v>0</v>
      </c>
      <c r="W329" s="129">
        <v>0</v>
      </c>
      <c r="X329" s="129">
        <v>0</v>
      </c>
      <c r="Y329" s="129">
        <v>0</v>
      </c>
      <c r="Z329" s="129">
        <v>0</v>
      </c>
      <c r="AA329" s="129">
        <v>0</v>
      </c>
      <c r="AB329" s="133">
        <v>0</v>
      </c>
      <c r="AC329" s="129">
        <v>0</v>
      </c>
      <c r="AD329" s="129">
        <v>0</v>
      </c>
      <c r="AE329" s="129">
        <v>0</v>
      </c>
      <c r="AF329" s="129">
        <v>0</v>
      </c>
      <c r="AG329" s="129">
        <v>0</v>
      </c>
      <c r="AH329" s="129">
        <v>0</v>
      </c>
      <c r="AI329" s="129">
        <v>0</v>
      </c>
      <c r="AJ329" s="129">
        <v>0</v>
      </c>
      <c r="AK329" s="129">
        <v>0</v>
      </c>
      <c r="AL329" s="129">
        <v>0</v>
      </c>
      <c r="AM329" s="129">
        <v>0</v>
      </c>
      <c r="AN329" s="133">
        <v>0</v>
      </c>
      <c r="AO329" s="134"/>
    </row>
    <row r="330" spans="1:41" s="114" customFormat="1" ht="15" hidden="1" customHeight="1" outlineLevel="1">
      <c r="A330" s="113" t="s">
        <v>1258</v>
      </c>
      <c r="B330" s="114" t="s">
        <v>2</v>
      </c>
      <c r="C330" s="135" t="s">
        <v>1259</v>
      </c>
      <c r="D330" s="147" t="s">
        <v>1230</v>
      </c>
      <c r="E330" s="117"/>
      <c r="F330" s="128">
        <v>0</v>
      </c>
      <c r="G330" s="129">
        <v>0</v>
      </c>
      <c r="H330" s="129">
        <f t="shared" si="60"/>
        <v>0</v>
      </c>
      <c r="I330" s="130"/>
      <c r="J330" s="129">
        <v>0</v>
      </c>
      <c r="K330" s="129">
        <f t="shared" si="61"/>
        <v>0</v>
      </c>
      <c r="L330" s="129"/>
      <c r="M330" s="129">
        <v>0</v>
      </c>
      <c r="N330" s="129">
        <f t="shared" si="62"/>
        <v>0</v>
      </c>
      <c r="O330" s="131"/>
      <c r="P330" s="132">
        <v>0</v>
      </c>
      <c r="Q330" s="129">
        <v>0</v>
      </c>
      <c r="R330" s="129">
        <v>0</v>
      </c>
      <c r="S330" s="129">
        <v>0</v>
      </c>
      <c r="T330" s="129">
        <v>0</v>
      </c>
      <c r="U330" s="129">
        <v>0</v>
      </c>
      <c r="V330" s="129">
        <v>0</v>
      </c>
      <c r="W330" s="129">
        <v>0</v>
      </c>
      <c r="X330" s="129">
        <v>0</v>
      </c>
      <c r="Y330" s="129">
        <v>0</v>
      </c>
      <c r="Z330" s="129">
        <v>0</v>
      </c>
      <c r="AA330" s="129">
        <v>0</v>
      </c>
      <c r="AB330" s="133">
        <v>0</v>
      </c>
      <c r="AC330" s="129">
        <v>0</v>
      </c>
      <c r="AD330" s="129">
        <v>0</v>
      </c>
      <c r="AE330" s="129">
        <v>0</v>
      </c>
      <c r="AF330" s="129">
        <v>0</v>
      </c>
      <c r="AG330" s="129">
        <v>0</v>
      </c>
      <c r="AH330" s="129">
        <v>0</v>
      </c>
      <c r="AI330" s="129">
        <v>0</v>
      </c>
      <c r="AJ330" s="129">
        <v>0</v>
      </c>
      <c r="AK330" s="129">
        <v>0</v>
      </c>
      <c r="AL330" s="129">
        <v>0</v>
      </c>
      <c r="AM330" s="129">
        <v>0</v>
      </c>
      <c r="AN330" s="133">
        <v>0</v>
      </c>
      <c r="AO330" s="134"/>
    </row>
    <row r="331" spans="1:41" s="62" customFormat="1" hidden="1" outlineLevel="2">
      <c r="A331" s="61" t="s">
        <v>246</v>
      </c>
      <c r="B331" s="61" t="s">
        <v>247</v>
      </c>
      <c r="C331" s="71" t="s">
        <v>248</v>
      </c>
      <c r="D331" s="72" t="s">
        <v>1230</v>
      </c>
      <c r="E331" s="73"/>
      <c r="F331" s="62">
        <v>3158850.66</v>
      </c>
      <c r="G331" s="62">
        <v>4960397.1500000004</v>
      </c>
      <c r="H331" s="62">
        <f t="shared" si="60"/>
        <v>-1801546.4900000002</v>
      </c>
      <c r="J331" s="62">
        <v>4960397.1500000004</v>
      </c>
      <c r="K331" s="62">
        <f t="shared" si="61"/>
        <v>-1801546.4900000002</v>
      </c>
      <c r="M331" s="62">
        <v>4342356.4800000004</v>
      </c>
      <c r="N331" s="62">
        <f t="shared" si="62"/>
        <v>-1183505.8200000003</v>
      </c>
      <c r="P331" s="74">
        <v>3300110.6</v>
      </c>
      <c r="Q331" s="61">
        <v>1948928.01</v>
      </c>
      <c r="R331" s="61">
        <v>3107375.84</v>
      </c>
      <c r="S331" s="61">
        <v>3798187.29</v>
      </c>
      <c r="T331" s="62">
        <v>3679005.81</v>
      </c>
      <c r="U331" s="61">
        <v>3535024.84</v>
      </c>
      <c r="V331" s="61">
        <v>5184105.5599999996</v>
      </c>
      <c r="W331" s="61">
        <v>10472418.26</v>
      </c>
      <c r="X331" s="61">
        <v>10571256.41</v>
      </c>
      <c r="Y331" s="61">
        <v>7178374.7199999997</v>
      </c>
      <c r="Z331" s="61">
        <v>8263973.0499999998</v>
      </c>
      <c r="AA331" s="61">
        <v>7599973.79</v>
      </c>
      <c r="AB331" s="75">
        <v>4960397.1500000004</v>
      </c>
      <c r="AC331" s="61">
        <v>6434221.9100000001</v>
      </c>
      <c r="AD331" s="61">
        <v>4683229.75</v>
      </c>
      <c r="AE331" s="61">
        <v>4962150.01</v>
      </c>
      <c r="AF331" s="62">
        <v>4854645.49</v>
      </c>
      <c r="AG331" s="61">
        <v>4017416.38</v>
      </c>
      <c r="AH331" s="61">
        <v>5324728.71</v>
      </c>
      <c r="AI331" s="61">
        <v>5209640.0599999996</v>
      </c>
      <c r="AJ331" s="61">
        <v>2946364.38</v>
      </c>
      <c r="AK331" s="61">
        <v>3197121.78</v>
      </c>
      <c r="AL331" s="61">
        <v>3801569.33</v>
      </c>
      <c r="AM331" s="61">
        <v>4342356.4800000004</v>
      </c>
      <c r="AN331" s="75">
        <v>3158850.66</v>
      </c>
    </row>
    <row r="332" spans="1:41" s="114" customFormat="1" ht="15" hidden="1" customHeight="1" outlineLevel="1">
      <c r="A332" s="113" t="s">
        <v>1260</v>
      </c>
      <c r="B332" s="114" t="s">
        <v>2</v>
      </c>
      <c r="C332" s="135" t="s">
        <v>1261</v>
      </c>
      <c r="D332" s="147" t="s">
        <v>1230</v>
      </c>
      <c r="E332" s="117"/>
      <c r="F332" s="128">
        <v>3158850.66</v>
      </c>
      <c r="G332" s="129">
        <v>4960397.1500000004</v>
      </c>
      <c r="H332" s="129">
        <f t="shared" si="60"/>
        <v>-1801546.4900000002</v>
      </c>
      <c r="I332" s="130"/>
      <c r="J332" s="129">
        <v>4960397.1500000004</v>
      </c>
      <c r="K332" s="129">
        <f t="shared" si="61"/>
        <v>-1801546.4900000002</v>
      </c>
      <c r="L332" s="129"/>
      <c r="M332" s="129">
        <v>4342356.4800000004</v>
      </c>
      <c r="N332" s="129">
        <f t="shared" si="62"/>
        <v>-1183505.8200000003</v>
      </c>
      <c r="O332" s="131"/>
      <c r="P332" s="132">
        <v>3300110.6</v>
      </c>
      <c r="Q332" s="129">
        <v>1948928.01</v>
      </c>
      <c r="R332" s="129">
        <v>3107375.84</v>
      </c>
      <c r="S332" s="129">
        <v>3798187.29</v>
      </c>
      <c r="T332" s="129">
        <v>3679005.81</v>
      </c>
      <c r="U332" s="129">
        <v>3535024.84</v>
      </c>
      <c r="V332" s="129">
        <v>5184105.5599999996</v>
      </c>
      <c r="W332" s="129">
        <v>10472418.26</v>
      </c>
      <c r="X332" s="129">
        <v>10571256.41</v>
      </c>
      <c r="Y332" s="129">
        <v>7178374.7199999997</v>
      </c>
      <c r="Z332" s="129">
        <v>8263973.0499999998</v>
      </c>
      <c r="AA332" s="129">
        <v>7599973.79</v>
      </c>
      <c r="AB332" s="133">
        <v>4960397.1500000004</v>
      </c>
      <c r="AC332" s="129">
        <v>6434221.9100000001</v>
      </c>
      <c r="AD332" s="129">
        <v>4683229.75</v>
      </c>
      <c r="AE332" s="129">
        <v>4962150.01</v>
      </c>
      <c r="AF332" s="129">
        <v>4854645.49</v>
      </c>
      <c r="AG332" s="129">
        <v>4017416.38</v>
      </c>
      <c r="AH332" s="129">
        <v>5324728.71</v>
      </c>
      <c r="AI332" s="129">
        <v>5209640.0599999996</v>
      </c>
      <c r="AJ332" s="129">
        <v>2946364.38</v>
      </c>
      <c r="AK332" s="129">
        <v>3197121.78</v>
      </c>
      <c r="AL332" s="129">
        <v>3801569.33</v>
      </c>
      <c r="AM332" s="129">
        <v>4342356.4800000004</v>
      </c>
      <c r="AN332" s="133">
        <v>3158850.66</v>
      </c>
      <c r="AO332" s="134"/>
    </row>
    <row r="333" spans="1:41" s="114" customFormat="1" ht="15" hidden="1" customHeight="1" outlineLevel="1">
      <c r="A333" s="113"/>
      <c r="B333" s="114" t="s">
        <v>2</v>
      </c>
      <c r="C333" s="126" t="s">
        <v>1262</v>
      </c>
      <c r="D333" s="146"/>
      <c r="E333" s="117"/>
      <c r="F333" s="128">
        <f>+F332+F330+F329+F328+F327+F326+F319+F318+F317+F316+F315+F314+F313+F312</f>
        <v>8213716.4340000004</v>
      </c>
      <c r="G333" s="129">
        <f>+G332+G330+G329+G328+G327+G326+G319+G318+G317+G316+G315+G314+G313+G312</f>
        <v>8735612.1940000001</v>
      </c>
      <c r="H333" s="129">
        <f t="shared" si="60"/>
        <v>-521895.75999999978</v>
      </c>
      <c r="I333" s="130"/>
      <c r="J333" s="129">
        <f>+J332+J330+J329+J328+J327+J326+J319+J318+J317+J316+J315+J314+J313+J312</f>
        <v>8735612.1940000001</v>
      </c>
      <c r="K333" s="129">
        <f t="shared" si="61"/>
        <v>-521895.75999999978</v>
      </c>
      <c r="L333" s="129"/>
      <c r="M333" s="129">
        <f>+M332+M330+M329+M328+M327+M326+M319+M318+M317+M316+M315+M314+M313+M312</f>
        <v>7923719.472000001</v>
      </c>
      <c r="N333" s="129">
        <f t="shared" si="62"/>
        <v>289996.96199999936</v>
      </c>
      <c r="O333" s="131"/>
      <c r="P333" s="132">
        <f t="shared" ref="P333:AN333" si="63">+P332+P330+P329+P328+P327+P326+P319+P318+P317+P316+P315+P314+P313+P312</f>
        <v>7459601.4020000007</v>
      </c>
      <c r="Q333" s="129">
        <f t="shared" si="63"/>
        <v>7249185.9220000003</v>
      </c>
      <c r="R333" s="129">
        <f t="shared" si="63"/>
        <v>6107208.5719999997</v>
      </c>
      <c r="S333" s="129">
        <f t="shared" si="63"/>
        <v>6951503.561999999</v>
      </c>
      <c r="T333" s="129">
        <f t="shared" si="63"/>
        <v>7431188.7719999999</v>
      </c>
      <c r="U333" s="129">
        <f t="shared" si="63"/>
        <v>6398225.7620000001</v>
      </c>
      <c r="V333" s="129">
        <f t="shared" si="63"/>
        <v>8582017.102</v>
      </c>
      <c r="W333" s="129">
        <f t="shared" si="63"/>
        <v>14937413.541999999</v>
      </c>
      <c r="X333" s="129">
        <f t="shared" si="63"/>
        <v>15394010.472000001</v>
      </c>
      <c r="Y333" s="129">
        <f t="shared" si="63"/>
        <v>10740103.151999999</v>
      </c>
      <c r="Z333" s="129">
        <f t="shared" si="63"/>
        <v>9606275.0720000006</v>
      </c>
      <c r="AA333" s="129">
        <f t="shared" si="63"/>
        <v>9554369.9519999996</v>
      </c>
      <c r="AB333" s="133">
        <f t="shared" si="63"/>
        <v>8735612.1940000001</v>
      </c>
      <c r="AC333" s="129">
        <f t="shared" si="63"/>
        <v>9229732.7620000001</v>
      </c>
      <c r="AD333" s="129">
        <f t="shared" si="63"/>
        <v>7286181.9620000003</v>
      </c>
      <c r="AE333" s="129">
        <f t="shared" si="63"/>
        <v>8123632.5539999995</v>
      </c>
      <c r="AF333" s="129">
        <f t="shared" si="63"/>
        <v>6753453.9820000008</v>
      </c>
      <c r="AG333" s="129">
        <f t="shared" si="63"/>
        <v>7256502.5219999999</v>
      </c>
      <c r="AH333" s="129">
        <f t="shared" si="63"/>
        <v>8998723.3239999991</v>
      </c>
      <c r="AI333" s="129">
        <f t="shared" si="63"/>
        <v>9361962.5020000003</v>
      </c>
      <c r="AJ333" s="129">
        <f t="shared" si="63"/>
        <v>7653465.9720000001</v>
      </c>
      <c r="AK333" s="129">
        <f t="shared" si="63"/>
        <v>7125040.8939999994</v>
      </c>
      <c r="AL333" s="129">
        <f t="shared" si="63"/>
        <v>7319811.0020000003</v>
      </c>
      <c r="AM333" s="129">
        <f t="shared" si="63"/>
        <v>7923719.472000001</v>
      </c>
      <c r="AN333" s="133">
        <f t="shared" si="63"/>
        <v>8213716.4340000004</v>
      </c>
      <c r="AO333" s="134"/>
    </row>
    <row r="334" spans="1:41" s="114" customFormat="1" ht="15" hidden="1" customHeight="1" outlineLevel="1">
      <c r="A334" s="113" t="s">
        <v>1263</v>
      </c>
      <c r="B334" s="114" t="s">
        <v>2</v>
      </c>
      <c r="C334" s="135" t="s">
        <v>1264</v>
      </c>
      <c r="D334" s="147" t="s">
        <v>1265</v>
      </c>
      <c r="E334" s="117"/>
      <c r="F334" s="128">
        <v>0</v>
      </c>
      <c r="G334" s="129">
        <v>0</v>
      </c>
      <c r="H334" s="129">
        <f t="shared" si="60"/>
        <v>0</v>
      </c>
      <c r="I334" s="130"/>
      <c r="J334" s="129">
        <v>0</v>
      </c>
      <c r="K334" s="129">
        <f t="shared" si="61"/>
        <v>0</v>
      </c>
      <c r="L334" s="129"/>
      <c r="M334" s="129">
        <v>0</v>
      </c>
      <c r="N334" s="129">
        <f t="shared" si="62"/>
        <v>0</v>
      </c>
      <c r="O334" s="131"/>
      <c r="P334" s="132">
        <v>0</v>
      </c>
      <c r="Q334" s="129">
        <v>0</v>
      </c>
      <c r="R334" s="129">
        <v>0</v>
      </c>
      <c r="S334" s="129">
        <v>0</v>
      </c>
      <c r="T334" s="129">
        <v>0</v>
      </c>
      <c r="U334" s="129">
        <v>0</v>
      </c>
      <c r="V334" s="129">
        <v>0</v>
      </c>
      <c r="W334" s="129">
        <v>0</v>
      </c>
      <c r="X334" s="129">
        <v>0</v>
      </c>
      <c r="Y334" s="129">
        <v>0</v>
      </c>
      <c r="Z334" s="129">
        <v>0</v>
      </c>
      <c r="AA334" s="129">
        <v>0</v>
      </c>
      <c r="AB334" s="133">
        <v>0</v>
      </c>
      <c r="AC334" s="129">
        <v>0</v>
      </c>
      <c r="AD334" s="129">
        <v>0</v>
      </c>
      <c r="AE334" s="129">
        <v>0</v>
      </c>
      <c r="AF334" s="129">
        <v>0</v>
      </c>
      <c r="AG334" s="129">
        <v>0</v>
      </c>
      <c r="AH334" s="129">
        <v>0</v>
      </c>
      <c r="AI334" s="129">
        <v>0</v>
      </c>
      <c r="AJ334" s="129">
        <v>0</v>
      </c>
      <c r="AK334" s="129">
        <v>0</v>
      </c>
      <c r="AL334" s="129">
        <v>0</v>
      </c>
      <c r="AM334" s="129">
        <v>0</v>
      </c>
      <c r="AN334" s="133">
        <v>0</v>
      </c>
      <c r="AO334" s="134"/>
    </row>
    <row r="335" spans="1:41" s="62" customFormat="1" hidden="1" outlineLevel="2">
      <c r="A335" s="61" t="s">
        <v>258</v>
      </c>
      <c r="B335" s="61" t="s">
        <v>259</v>
      </c>
      <c r="C335" s="71" t="s">
        <v>260</v>
      </c>
      <c r="D335" s="72" t="s">
        <v>1265</v>
      </c>
      <c r="E335" s="73"/>
      <c r="F335" s="62">
        <v>66289020.5</v>
      </c>
      <c r="G335" s="62">
        <v>49833243.140000001</v>
      </c>
      <c r="H335" s="62">
        <f t="shared" si="60"/>
        <v>16455777.359999999</v>
      </c>
      <c r="J335" s="62">
        <v>49833243.140000001</v>
      </c>
      <c r="K335" s="62">
        <f t="shared" si="61"/>
        <v>16455777.359999999</v>
      </c>
      <c r="M335" s="62">
        <v>48664354.887999997</v>
      </c>
      <c r="N335" s="62">
        <f t="shared" si="62"/>
        <v>17624665.612000003</v>
      </c>
      <c r="P335" s="74">
        <v>269004327.36199999</v>
      </c>
      <c r="Q335" s="61">
        <v>53583234.945</v>
      </c>
      <c r="R335" s="61">
        <v>60196646.420000002</v>
      </c>
      <c r="S335" s="61">
        <v>70529377.670000002</v>
      </c>
      <c r="T335" s="62">
        <v>39454796.259999998</v>
      </c>
      <c r="U335" s="61">
        <v>38622460.380000003</v>
      </c>
      <c r="V335" s="61">
        <v>40985657.149999999</v>
      </c>
      <c r="W335" s="61">
        <v>50489515.43</v>
      </c>
      <c r="X335" s="61">
        <v>53455530.359999999</v>
      </c>
      <c r="Y335" s="61">
        <v>48376279.75</v>
      </c>
      <c r="Z335" s="61">
        <v>61354261.159999996</v>
      </c>
      <c r="AA335" s="61">
        <v>47212659.094999999</v>
      </c>
      <c r="AB335" s="75">
        <v>49833243.140000001</v>
      </c>
      <c r="AC335" s="61">
        <v>58858196.57</v>
      </c>
      <c r="AD335" s="61">
        <v>57757274.759999998</v>
      </c>
      <c r="AE335" s="61">
        <v>48132278.090000004</v>
      </c>
      <c r="AF335" s="62">
        <v>42014279.670000002</v>
      </c>
      <c r="AG335" s="61">
        <v>48185028.880000003</v>
      </c>
      <c r="AH335" s="61">
        <v>52659620.770000003</v>
      </c>
      <c r="AI335" s="61">
        <v>56119115.258000001</v>
      </c>
      <c r="AJ335" s="61">
        <v>59436611.049999997</v>
      </c>
      <c r="AK335" s="61">
        <v>46658565.460000001</v>
      </c>
      <c r="AL335" s="61">
        <v>42708402.079999998</v>
      </c>
      <c r="AM335" s="61">
        <v>48664354.887999997</v>
      </c>
      <c r="AN335" s="75">
        <v>66289020.5</v>
      </c>
    </row>
    <row r="336" spans="1:41" s="62" customFormat="1" hidden="1" outlineLevel="2">
      <c r="A336" s="61" t="s">
        <v>261</v>
      </c>
      <c r="B336" s="61" t="s">
        <v>262</v>
      </c>
      <c r="C336" s="71" t="s">
        <v>263</v>
      </c>
      <c r="D336" s="72" t="s">
        <v>1265</v>
      </c>
      <c r="E336" s="73"/>
      <c r="F336" s="62">
        <v>205417.06</v>
      </c>
      <c r="G336" s="62">
        <v>161102.76</v>
      </c>
      <c r="H336" s="62">
        <f t="shared" si="60"/>
        <v>44314.299999999988</v>
      </c>
      <c r="J336" s="62">
        <v>161102.76</v>
      </c>
      <c r="K336" s="62">
        <f t="shared" si="61"/>
        <v>44314.299999999988</v>
      </c>
      <c r="M336" s="62">
        <v>167472</v>
      </c>
      <c r="N336" s="62">
        <f t="shared" si="62"/>
        <v>37945.06</v>
      </c>
      <c r="P336" s="74">
        <v>314386.8</v>
      </c>
      <c r="Q336" s="61">
        <v>94372.25</v>
      </c>
      <c r="R336" s="61">
        <v>102932.44</v>
      </c>
      <c r="S336" s="61">
        <v>676530.54</v>
      </c>
      <c r="T336" s="62">
        <v>216028.43</v>
      </c>
      <c r="U336" s="61">
        <v>279990.99</v>
      </c>
      <c r="V336" s="61">
        <v>369891.55</v>
      </c>
      <c r="W336" s="61">
        <v>449725.36</v>
      </c>
      <c r="X336" s="61">
        <v>259789.53</v>
      </c>
      <c r="Y336" s="61">
        <v>235603.94</v>
      </c>
      <c r="Z336" s="61">
        <v>140837</v>
      </c>
      <c r="AA336" s="61">
        <v>447919.59</v>
      </c>
      <c r="AB336" s="75">
        <v>161102.76</v>
      </c>
      <c r="AC336" s="61">
        <v>139340.09</v>
      </c>
      <c r="AD336" s="61">
        <v>289676.89</v>
      </c>
      <c r="AE336" s="61">
        <v>111070.43000000001</v>
      </c>
      <c r="AF336" s="62">
        <v>205410.87</v>
      </c>
      <c r="AG336" s="61">
        <v>73298.3</v>
      </c>
      <c r="AH336" s="61">
        <v>120996.95</v>
      </c>
      <c r="AI336" s="61">
        <v>97951.03</v>
      </c>
      <c r="AJ336" s="61">
        <v>528002.85</v>
      </c>
      <c r="AK336" s="61">
        <v>-286138.74</v>
      </c>
      <c r="AL336" s="61">
        <v>141453.24</v>
      </c>
      <c r="AM336" s="61">
        <v>167472</v>
      </c>
      <c r="AN336" s="75">
        <v>205417.06</v>
      </c>
    </row>
    <row r="337" spans="1:41" s="62" customFormat="1" hidden="1" outlineLevel="2">
      <c r="A337" s="61" t="s">
        <v>264</v>
      </c>
      <c r="B337" s="61" t="s">
        <v>265</v>
      </c>
      <c r="C337" s="71" t="s">
        <v>266</v>
      </c>
      <c r="D337" s="72" t="s">
        <v>1265</v>
      </c>
      <c r="E337" s="73"/>
      <c r="F337" s="62">
        <v>2440761.09</v>
      </c>
      <c r="G337" s="62">
        <v>1903389.98</v>
      </c>
      <c r="H337" s="62">
        <f t="shared" si="60"/>
        <v>537371.10999999987</v>
      </c>
      <c r="J337" s="62">
        <v>1903389.98</v>
      </c>
      <c r="K337" s="62">
        <f t="shared" si="61"/>
        <v>537371.10999999987</v>
      </c>
      <c r="M337" s="62">
        <v>1425850.75</v>
      </c>
      <c r="N337" s="62">
        <f t="shared" si="62"/>
        <v>1014910.3399999999</v>
      </c>
      <c r="P337" s="74">
        <v>2070879</v>
      </c>
      <c r="Q337" s="61">
        <v>943958.19000000006</v>
      </c>
      <c r="R337" s="61">
        <v>1076512.3899999999</v>
      </c>
      <c r="S337" s="61">
        <v>1147220.51</v>
      </c>
      <c r="T337" s="62">
        <v>1010001.61</v>
      </c>
      <c r="U337" s="61">
        <v>1147851.1299999999</v>
      </c>
      <c r="V337" s="61">
        <v>1137083.45</v>
      </c>
      <c r="W337" s="61">
        <v>1337244.6299999999</v>
      </c>
      <c r="X337" s="61">
        <v>1400599.3599999999</v>
      </c>
      <c r="Y337" s="61">
        <v>1481541.97</v>
      </c>
      <c r="Z337" s="61">
        <v>1016278.86</v>
      </c>
      <c r="AA337" s="61">
        <v>1063442.3400000001</v>
      </c>
      <c r="AB337" s="75">
        <v>1903389.98</v>
      </c>
      <c r="AC337" s="61">
        <v>1190239.69</v>
      </c>
      <c r="AD337" s="61">
        <v>1216200.8799999999</v>
      </c>
      <c r="AE337" s="61">
        <v>997710.53</v>
      </c>
      <c r="AF337" s="62">
        <v>890979.08000000007</v>
      </c>
      <c r="AG337" s="61">
        <v>986945.43</v>
      </c>
      <c r="AH337" s="61">
        <v>1071331.48</v>
      </c>
      <c r="AI337" s="61">
        <v>1027178.09</v>
      </c>
      <c r="AJ337" s="61">
        <v>1025309.34</v>
      </c>
      <c r="AK337" s="61">
        <v>1048501.56</v>
      </c>
      <c r="AL337" s="61">
        <v>1139500.8</v>
      </c>
      <c r="AM337" s="61">
        <v>1425850.75</v>
      </c>
      <c r="AN337" s="75">
        <v>2440761.09</v>
      </c>
    </row>
    <row r="338" spans="1:41" s="62" customFormat="1" hidden="1" outlineLevel="2">
      <c r="A338" s="61" t="s">
        <v>267</v>
      </c>
      <c r="B338" s="61" t="s">
        <v>268</v>
      </c>
      <c r="C338" s="71" t="s">
        <v>269</v>
      </c>
      <c r="D338" s="72" t="s">
        <v>1265</v>
      </c>
      <c r="E338" s="73"/>
      <c r="F338" s="62">
        <v>16278.67</v>
      </c>
      <c r="G338" s="62">
        <v>40076.559999999998</v>
      </c>
      <c r="H338" s="62">
        <f t="shared" si="60"/>
        <v>-23797.89</v>
      </c>
      <c r="J338" s="62">
        <v>40076.559999999998</v>
      </c>
      <c r="K338" s="62">
        <f t="shared" si="61"/>
        <v>-23797.89</v>
      </c>
      <c r="M338" s="62">
        <v>6982.89</v>
      </c>
      <c r="N338" s="62">
        <f t="shared" si="62"/>
        <v>9295.7799999999988</v>
      </c>
      <c r="P338" s="74">
        <v>20247.18</v>
      </c>
      <c r="Q338" s="61">
        <v>7961.9800000000005</v>
      </c>
      <c r="R338" s="61">
        <v>21504.97</v>
      </c>
      <c r="S338" s="61">
        <v>4691.5600000000004</v>
      </c>
      <c r="T338" s="62">
        <v>140164.53</v>
      </c>
      <c r="U338" s="61">
        <v>5633.29</v>
      </c>
      <c r="V338" s="61">
        <v>2861.83</v>
      </c>
      <c r="W338" s="61">
        <v>48.27</v>
      </c>
      <c r="X338" s="61">
        <v>7198.9000000000005</v>
      </c>
      <c r="Y338" s="61">
        <v>143931.37</v>
      </c>
      <c r="Z338" s="61">
        <v>2187.46</v>
      </c>
      <c r="AA338" s="61">
        <v>27041.91</v>
      </c>
      <c r="AB338" s="75">
        <v>40076.559999999998</v>
      </c>
      <c r="AC338" s="61">
        <v>2849.86</v>
      </c>
      <c r="AD338" s="61">
        <v>21941.99</v>
      </c>
      <c r="AE338" s="61">
        <v>2186.4900000000002</v>
      </c>
      <c r="AF338" s="62">
        <v>56455.340000000004</v>
      </c>
      <c r="AG338" s="61">
        <v>94827.89</v>
      </c>
      <c r="AH338" s="61">
        <v>2825.35</v>
      </c>
      <c r="AI338" s="61">
        <v>580.43000000000006</v>
      </c>
      <c r="AJ338" s="61">
        <v>40115.72</v>
      </c>
      <c r="AK338" s="61">
        <v>20104.46</v>
      </c>
      <c r="AL338" s="61">
        <v>6030.24</v>
      </c>
      <c r="AM338" s="61">
        <v>6982.89</v>
      </c>
      <c r="AN338" s="75">
        <v>16278.67</v>
      </c>
    </row>
    <row r="339" spans="1:41" s="62" customFormat="1" hidden="1" outlineLevel="2">
      <c r="A339" s="61" t="s">
        <v>611</v>
      </c>
      <c r="B339" s="61" t="s">
        <v>612</v>
      </c>
      <c r="C339" s="71" t="s">
        <v>613</v>
      </c>
      <c r="D339" s="72" t="s">
        <v>1265</v>
      </c>
      <c r="E339" s="73"/>
      <c r="F339" s="62">
        <v>119.52</v>
      </c>
      <c r="G339" s="62">
        <v>370.05</v>
      </c>
      <c r="H339" s="62">
        <f t="shared" si="60"/>
        <v>-250.53000000000003</v>
      </c>
      <c r="J339" s="62">
        <v>370.05</v>
      </c>
      <c r="K339" s="62">
        <f t="shared" si="61"/>
        <v>-250.53000000000003</v>
      </c>
      <c r="M339" s="62">
        <v>0</v>
      </c>
      <c r="N339" s="62">
        <f t="shared" si="62"/>
        <v>119.52</v>
      </c>
      <c r="P339" s="74">
        <v>479.76</v>
      </c>
      <c r="Q339" s="61">
        <v>860.59</v>
      </c>
      <c r="R339" s="61">
        <v>141</v>
      </c>
      <c r="S339" s="61">
        <v>480.40000000000003</v>
      </c>
      <c r="T339" s="62">
        <v>407</v>
      </c>
      <c r="U339" s="61">
        <v>486.55</v>
      </c>
      <c r="V339" s="61">
        <v>391.53000000000003</v>
      </c>
      <c r="W339" s="61">
        <v>494.99</v>
      </c>
      <c r="X339" s="61">
        <v>332.22</v>
      </c>
      <c r="Y339" s="61">
        <v>739.21</v>
      </c>
      <c r="Z339" s="61">
        <v>2265.9299999999998</v>
      </c>
      <c r="AA339" s="61">
        <v>67.430000000000007</v>
      </c>
      <c r="AB339" s="75">
        <v>370.05</v>
      </c>
      <c r="AC339" s="61">
        <v>190</v>
      </c>
      <c r="AD339" s="61">
        <v>535.13</v>
      </c>
      <c r="AE339" s="61">
        <v>8618.130000000001</v>
      </c>
      <c r="AF339" s="62">
        <v>299.85000000000002</v>
      </c>
      <c r="AG339" s="61">
        <v>249.87</v>
      </c>
      <c r="AH339" s="61">
        <v>0</v>
      </c>
      <c r="AI339" s="61">
        <v>1539.72</v>
      </c>
      <c r="AJ339" s="61">
        <v>396.21000000000004</v>
      </c>
      <c r="AK339" s="61">
        <v>0</v>
      </c>
      <c r="AL339" s="61">
        <v>0</v>
      </c>
      <c r="AM339" s="61">
        <v>0</v>
      </c>
      <c r="AN339" s="75">
        <v>119.52</v>
      </c>
    </row>
    <row r="340" spans="1:41" s="62" customFormat="1" hidden="1" outlineLevel="2">
      <c r="A340" s="61" t="s">
        <v>270</v>
      </c>
      <c r="B340" s="61" t="s">
        <v>271</v>
      </c>
      <c r="C340" s="71" t="s">
        <v>272</v>
      </c>
      <c r="D340" s="72" t="s">
        <v>1265</v>
      </c>
      <c r="E340" s="73"/>
      <c r="F340" s="62">
        <v>16078.34</v>
      </c>
      <c r="G340" s="62">
        <v>24135.72</v>
      </c>
      <c r="H340" s="62">
        <f t="shared" si="60"/>
        <v>-8057.380000000001</v>
      </c>
      <c r="J340" s="62">
        <v>24135.72</v>
      </c>
      <c r="K340" s="62">
        <f t="shared" si="61"/>
        <v>-8057.380000000001</v>
      </c>
      <c r="M340" s="62">
        <v>12417.220000000001</v>
      </c>
      <c r="N340" s="62">
        <f t="shared" si="62"/>
        <v>3661.119999999999</v>
      </c>
      <c r="P340" s="74">
        <v>17104.060000000001</v>
      </c>
      <c r="Q340" s="61">
        <v>16198.59</v>
      </c>
      <c r="R340" s="61">
        <v>24330.18</v>
      </c>
      <c r="S340" s="61">
        <v>26536.06</v>
      </c>
      <c r="T340" s="62">
        <v>18231.93</v>
      </c>
      <c r="U340" s="61">
        <v>16373.470000000001</v>
      </c>
      <c r="V340" s="61">
        <v>24775.14</v>
      </c>
      <c r="W340" s="61">
        <v>28836.12</v>
      </c>
      <c r="X340" s="61">
        <v>6155.25</v>
      </c>
      <c r="Y340" s="61">
        <v>8103.81</v>
      </c>
      <c r="Z340" s="61">
        <v>18344.27</v>
      </c>
      <c r="AA340" s="61">
        <v>10044.15</v>
      </c>
      <c r="AB340" s="75">
        <v>24135.72</v>
      </c>
      <c r="AC340" s="61">
        <v>12890.24</v>
      </c>
      <c r="AD340" s="61">
        <v>7062.6500000000005</v>
      </c>
      <c r="AE340" s="61">
        <v>8554.68</v>
      </c>
      <c r="AF340" s="62">
        <v>9485.39</v>
      </c>
      <c r="AG340" s="61">
        <v>8691.2900000000009</v>
      </c>
      <c r="AH340" s="61">
        <v>5610.4400000000005</v>
      </c>
      <c r="AI340" s="61">
        <v>12778.14</v>
      </c>
      <c r="AJ340" s="61">
        <v>10715.01</v>
      </c>
      <c r="AK340" s="61">
        <v>8769.27</v>
      </c>
      <c r="AL340" s="61">
        <v>8677.35</v>
      </c>
      <c r="AM340" s="61">
        <v>12417.220000000001</v>
      </c>
      <c r="AN340" s="75">
        <v>16078.34</v>
      </c>
    </row>
    <row r="341" spans="1:41" s="114" customFormat="1" ht="15" hidden="1" customHeight="1" outlineLevel="1">
      <c r="A341" s="113" t="s">
        <v>1266</v>
      </c>
      <c r="B341" s="114" t="s">
        <v>2</v>
      </c>
      <c r="C341" s="135" t="s">
        <v>1267</v>
      </c>
      <c r="D341" s="147" t="s">
        <v>1265</v>
      </c>
      <c r="E341" s="117"/>
      <c r="F341" s="128">
        <v>68967675.180000007</v>
      </c>
      <c r="G341" s="129">
        <v>51962318.209999993</v>
      </c>
      <c r="H341" s="129">
        <f t="shared" si="60"/>
        <v>17005356.970000014</v>
      </c>
      <c r="I341" s="130"/>
      <c r="J341" s="129">
        <v>51962318.209999993</v>
      </c>
      <c r="K341" s="129">
        <f t="shared" si="61"/>
        <v>17005356.970000014</v>
      </c>
      <c r="L341" s="129"/>
      <c r="M341" s="129">
        <v>50277077.747999996</v>
      </c>
      <c r="N341" s="129">
        <f t="shared" si="62"/>
        <v>18690597.432000011</v>
      </c>
      <c r="O341" s="131"/>
      <c r="P341" s="132">
        <v>271427424.162</v>
      </c>
      <c r="Q341" s="129">
        <v>54646586.545000002</v>
      </c>
      <c r="R341" s="129">
        <v>61422067.399999999</v>
      </c>
      <c r="S341" s="129">
        <v>72384836.740000024</v>
      </c>
      <c r="T341" s="129">
        <v>40839629.759999998</v>
      </c>
      <c r="U341" s="129">
        <v>40072795.810000002</v>
      </c>
      <c r="V341" s="129">
        <v>42520660.649999999</v>
      </c>
      <c r="W341" s="129">
        <v>52305864.800000004</v>
      </c>
      <c r="X341" s="129">
        <v>55129605.619999997</v>
      </c>
      <c r="Y341" s="129">
        <v>50246200.049999997</v>
      </c>
      <c r="Z341" s="129">
        <v>62534174.68</v>
      </c>
      <c r="AA341" s="129">
        <v>48761174.515000001</v>
      </c>
      <c r="AB341" s="133">
        <v>51962318.209999993</v>
      </c>
      <c r="AC341" s="129">
        <v>60203706.450000003</v>
      </c>
      <c r="AD341" s="129">
        <v>59292692.300000004</v>
      </c>
      <c r="AE341" s="129">
        <v>49260418.350000009</v>
      </c>
      <c r="AF341" s="129">
        <v>43176910.200000003</v>
      </c>
      <c r="AG341" s="129">
        <v>49349041.659999996</v>
      </c>
      <c r="AH341" s="129">
        <v>53860384.990000002</v>
      </c>
      <c r="AI341" s="129">
        <v>57259142.668000005</v>
      </c>
      <c r="AJ341" s="129">
        <v>61041150.18</v>
      </c>
      <c r="AK341" s="129">
        <v>47449802.010000005</v>
      </c>
      <c r="AL341" s="129">
        <v>44004063.710000001</v>
      </c>
      <c r="AM341" s="129">
        <v>50277077.747999996</v>
      </c>
      <c r="AN341" s="133">
        <v>68967675.180000007</v>
      </c>
      <c r="AO341" s="134"/>
    </row>
    <row r="342" spans="1:41" s="114" customFormat="1" ht="15" hidden="1" customHeight="1" outlineLevel="1">
      <c r="A342" s="113"/>
      <c r="B342" s="114" t="s">
        <v>2</v>
      </c>
      <c r="C342" s="126" t="s">
        <v>1268</v>
      </c>
      <c r="D342" s="146"/>
      <c r="E342" s="117"/>
      <c r="F342" s="128">
        <f>+F341+F334</f>
        <v>68967675.180000007</v>
      </c>
      <c r="G342" s="129">
        <f>+G341+G334</f>
        <v>51962318.209999993</v>
      </c>
      <c r="H342" s="129">
        <f t="shared" si="60"/>
        <v>17005356.970000014</v>
      </c>
      <c r="I342" s="130"/>
      <c r="J342" s="129">
        <f>+J341+J334</f>
        <v>51962318.209999993</v>
      </c>
      <c r="K342" s="129">
        <f t="shared" si="61"/>
        <v>17005356.970000014</v>
      </c>
      <c r="L342" s="129"/>
      <c r="M342" s="129">
        <f>+M341+M334</f>
        <v>50277077.747999996</v>
      </c>
      <c r="N342" s="129">
        <f t="shared" si="62"/>
        <v>18690597.432000011</v>
      </c>
      <c r="O342" s="131"/>
      <c r="P342" s="132">
        <f t="shared" ref="P342:AN342" si="64">+P341+P334</f>
        <v>271427424.162</v>
      </c>
      <c r="Q342" s="129">
        <f t="shared" si="64"/>
        <v>54646586.545000002</v>
      </c>
      <c r="R342" s="129">
        <f t="shared" si="64"/>
        <v>61422067.399999999</v>
      </c>
      <c r="S342" s="129">
        <f t="shared" si="64"/>
        <v>72384836.740000024</v>
      </c>
      <c r="T342" s="129">
        <f t="shared" si="64"/>
        <v>40839629.759999998</v>
      </c>
      <c r="U342" s="129">
        <f t="shared" si="64"/>
        <v>40072795.810000002</v>
      </c>
      <c r="V342" s="129">
        <f t="shared" si="64"/>
        <v>42520660.649999999</v>
      </c>
      <c r="W342" s="129">
        <f t="shared" si="64"/>
        <v>52305864.800000004</v>
      </c>
      <c r="X342" s="129">
        <f t="shared" si="64"/>
        <v>55129605.619999997</v>
      </c>
      <c r="Y342" s="129">
        <f t="shared" si="64"/>
        <v>50246200.049999997</v>
      </c>
      <c r="Z342" s="129">
        <f t="shared" si="64"/>
        <v>62534174.68</v>
      </c>
      <c r="AA342" s="129">
        <f t="shared" si="64"/>
        <v>48761174.515000001</v>
      </c>
      <c r="AB342" s="133">
        <f t="shared" si="64"/>
        <v>51962318.209999993</v>
      </c>
      <c r="AC342" s="129">
        <f t="shared" si="64"/>
        <v>60203706.450000003</v>
      </c>
      <c r="AD342" s="129">
        <f t="shared" si="64"/>
        <v>59292692.300000004</v>
      </c>
      <c r="AE342" s="129">
        <f t="shared" si="64"/>
        <v>49260418.350000009</v>
      </c>
      <c r="AF342" s="129">
        <f t="shared" si="64"/>
        <v>43176910.200000003</v>
      </c>
      <c r="AG342" s="129">
        <f t="shared" si="64"/>
        <v>49349041.659999996</v>
      </c>
      <c r="AH342" s="129">
        <f t="shared" si="64"/>
        <v>53860384.990000002</v>
      </c>
      <c r="AI342" s="129">
        <f t="shared" si="64"/>
        <v>57259142.668000005</v>
      </c>
      <c r="AJ342" s="129">
        <f t="shared" si="64"/>
        <v>61041150.18</v>
      </c>
      <c r="AK342" s="129">
        <f t="shared" si="64"/>
        <v>47449802.010000005</v>
      </c>
      <c r="AL342" s="129">
        <f t="shared" si="64"/>
        <v>44004063.710000001</v>
      </c>
      <c r="AM342" s="129">
        <f t="shared" si="64"/>
        <v>50277077.747999996</v>
      </c>
      <c r="AN342" s="133">
        <f t="shared" si="64"/>
        <v>68967675.180000007</v>
      </c>
      <c r="AO342" s="134"/>
    </row>
    <row r="343" spans="1:41" s="137" customFormat="1" ht="15" customHeight="1" collapsed="1">
      <c r="A343" s="136"/>
      <c r="B343" s="137" t="s">
        <v>2</v>
      </c>
      <c r="C343" s="138" t="s">
        <v>1269</v>
      </c>
      <c r="D343" s="146"/>
      <c r="E343" s="117"/>
      <c r="F343" s="139">
        <f>+F333+F342</f>
        <v>77181391.614000008</v>
      </c>
      <c r="G343" s="140">
        <f>+G333+G342</f>
        <v>60697930.403999992</v>
      </c>
      <c r="H343" s="140">
        <f t="shared" si="60"/>
        <v>16483461.210000016</v>
      </c>
      <c r="I343" s="141"/>
      <c r="J343" s="140">
        <f>+J333+J342</f>
        <v>60697930.403999992</v>
      </c>
      <c r="K343" s="140">
        <f t="shared" si="61"/>
        <v>16483461.210000016</v>
      </c>
      <c r="L343" s="140"/>
      <c r="M343" s="140">
        <f>+M333+M342</f>
        <v>58200797.219999999</v>
      </c>
      <c r="N343" s="140">
        <f t="shared" si="62"/>
        <v>18980594.394000009</v>
      </c>
      <c r="O343" s="131"/>
      <c r="P343" s="142">
        <f t="shared" ref="P343:AN343" si="65">+P333+P342</f>
        <v>278887025.56400001</v>
      </c>
      <c r="Q343" s="140">
        <f t="shared" si="65"/>
        <v>61895772.467</v>
      </c>
      <c r="R343" s="140">
        <f t="shared" si="65"/>
        <v>67529275.972000003</v>
      </c>
      <c r="S343" s="140">
        <f t="shared" si="65"/>
        <v>79336340.302000016</v>
      </c>
      <c r="T343" s="140">
        <f t="shared" si="65"/>
        <v>48270818.531999998</v>
      </c>
      <c r="U343" s="140">
        <f t="shared" si="65"/>
        <v>46471021.572000004</v>
      </c>
      <c r="V343" s="140">
        <f t="shared" si="65"/>
        <v>51102677.751999997</v>
      </c>
      <c r="W343" s="140">
        <f t="shared" si="65"/>
        <v>67243278.342000008</v>
      </c>
      <c r="X343" s="140">
        <f t="shared" si="65"/>
        <v>70523616.091999993</v>
      </c>
      <c r="Y343" s="140">
        <f t="shared" si="65"/>
        <v>60986303.201999992</v>
      </c>
      <c r="Z343" s="140">
        <f t="shared" si="65"/>
        <v>72140449.752000004</v>
      </c>
      <c r="AA343" s="140">
        <f t="shared" si="65"/>
        <v>58315544.467</v>
      </c>
      <c r="AB343" s="143">
        <f t="shared" si="65"/>
        <v>60697930.403999992</v>
      </c>
      <c r="AC343" s="140">
        <f t="shared" si="65"/>
        <v>69433439.211999997</v>
      </c>
      <c r="AD343" s="140">
        <f t="shared" si="65"/>
        <v>66578874.262000002</v>
      </c>
      <c r="AE343" s="140">
        <f t="shared" si="65"/>
        <v>57384050.904000007</v>
      </c>
      <c r="AF343" s="140">
        <f t="shared" si="65"/>
        <v>49930364.182000004</v>
      </c>
      <c r="AG343" s="140">
        <f t="shared" si="65"/>
        <v>56605544.181999996</v>
      </c>
      <c r="AH343" s="140">
        <f t="shared" si="65"/>
        <v>62859108.314000003</v>
      </c>
      <c r="AI343" s="140">
        <f t="shared" si="65"/>
        <v>66621105.170000002</v>
      </c>
      <c r="AJ343" s="140">
        <f t="shared" si="65"/>
        <v>68694616.151999995</v>
      </c>
      <c r="AK343" s="140">
        <f t="shared" si="65"/>
        <v>54574842.904000007</v>
      </c>
      <c r="AL343" s="140">
        <f t="shared" si="65"/>
        <v>51323874.711999997</v>
      </c>
      <c r="AM343" s="140">
        <f t="shared" si="65"/>
        <v>58200797.219999999</v>
      </c>
      <c r="AN343" s="143">
        <f t="shared" si="65"/>
        <v>77181391.614000008</v>
      </c>
      <c r="AO343" s="144"/>
    </row>
    <row r="344" spans="1:41" s="137" customFormat="1" ht="3.75" hidden="1" customHeight="1" outlineLevel="1">
      <c r="A344" s="136"/>
      <c r="C344" s="138"/>
      <c r="D344" s="146"/>
      <c r="E344" s="117"/>
      <c r="F344" s="139"/>
      <c r="G344" s="140"/>
      <c r="H344" s="140"/>
      <c r="I344" s="141"/>
      <c r="J344" s="140"/>
      <c r="K344" s="140"/>
      <c r="L344" s="140"/>
      <c r="M344" s="140"/>
      <c r="N344" s="140"/>
      <c r="O344" s="131"/>
      <c r="P344" s="142"/>
      <c r="Q344" s="140"/>
      <c r="R344" s="140"/>
      <c r="S344" s="140"/>
      <c r="T344" s="140"/>
      <c r="U344" s="140"/>
      <c r="V344" s="140"/>
      <c r="W344" s="140"/>
      <c r="X344" s="140"/>
      <c r="Y344" s="140"/>
      <c r="Z344" s="140"/>
      <c r="AA344" s="140"/>
      <c r="AB344" s="143"/>
      <c r="AC344" s="140"/>
      <c r="AD344" s="140"/>
      <c r="AE344" s="140"/>
      <c r="AF344" s="140"/>
      <c r="AG344" s="140"/>
      <c r="AH344" s="140"/>
      <c r="AI344" s="140"/>
      <c r="AJ344" s="140"/>
      <c r="AK344" s="140"/>
      <c r="AL344" s="140"/>
      <c r="AM344" s="140"/>
      <c r="AN344" s="143"/>
      <c r="AO344" s="144"/>
    </row>
    <row r="345" spans="1:41" s="62" customFormat="1" hidden="1" outlineLevel="2">
      <c r="A345" s="61" t="s">
        <v>240</v>
      </c>
      <c r="B345" s="61" t="s">
        <v>241</v>
      </c>
      <c r="C345" s="71" t="s">
        <v>242</v>
      </c>
      <c r="D345" s="72" t="s">
        <v>1270</v>
      </c>
      <c r="E345" s="73"/>
      <c r="F345" s="62">
        <v>11872867.25</v>
      </c>
      <c r="G345" s="62">
        <v>19129372.539999999</v>
      </c>
      <c r="H345" s="62">
        <f>+F345-G345</f>
        <v>-7256505.2899999991</v>
      </c>
      <c r="J345" s="62">
        <v>19129372.539999999</v>
      </c>
      <c r="K345" s="62">
        <f>+F345-J345</f>
        <v>-7256505.2899999991</v>
      </c>
      <c r="M345" s="62">
        <v>19779647.73</v>
      </c>
      <c r="N345" s="62">
        <f>+F345-M345</f>
        <v>-7906780.4800000004</v>
      </c>
      <c r="P345" s="74">
        <v>-40086135.960000001</v>
      </c>
      <c r="Q345" s="61">
        <v>-13466496.689999999</v>
      </c>
      <c r="R345" s="61">
        <v>-14698175.23</v>
      </c>
      <c r="S345" s="61">
        <v>-32010012.920000002</v>
      </c>
      <c r="T345" s="62">
        <v>-2819095.4</v>
      </c>
      <c r="U345" s="61">
        <v>12014337.970000001</v>
      </c>
      <c r="V345" s="61">
        <v>11735347.65</v>
      </c>
      <c r="W345" s="61">
        <v>-4205297.1500000004</v>
      </c>
      <c r="X345" s="61">
        <v>-2988975.01</v>
      </c>
      <c r="Y345" s="61">
        <v>16979165.760000002</v>
      </c>
      <c r="Z345" s="61">
        <v>0</v>
      </c>
      <c r="AA345" s="61">
        <v>14146219.59</v>
      </c>
      <c r="AB345" s="75">
        <v>19129372.539999999</v>
      </c>
      <c r="AC345" s="61">
        <v>17481526.390000001</v>
      </c>
      <c r="AD345" s="61">
        <v>17305862.199999999</v>
      </c>
      <c r="AE345" s="61">
        <v>26082353.93</v>
      </c>
      <c r="AF345" s="62">
        <v>23625740.23</v>
      </c>
      <c r="AG345" s="61">
        <v>22456857.129999999</v>
      </c>
      <c r="AH345" s="61">
        <v>17799237.039999999</v>
      </c>
      <c r="AI345" s="61">
        <v>10806658.630000001</v>
      </c>
      <c r="AJ345" s="61">
        <v>5697874.0600000005</v>
      </c>
      <c r="AK345" s="61">
        <v>21185027.5</v>
      </c>
      <c r="AL345" s="61">
        <v>19292559.780000001</v>
      </c>
      <c r="AM345" s="61">
        <v>19779647.73</v>
      </c>
      <c r="AN345" s="75">
        <v>11872867.25</v>
      </c>
    </row>
    <row r="346" spans="1:41" s="137" customFormat="1" ht="15" customHeight="1" collapsed="1">
      <c r="A346" s="136" t="s">
        <v>1271</v>
      </c>
      <c r="B346" s="137" t="s">
        <v>2</v>
      </c>
      <c r="C346" s="138" t="s">
        <v>1272</v>
      </c>
      <c r="D346" s="146" t="s">
        <v>1270</v>
      </c>
      <c r="E346" s="117"/>
      <c r="F346" s="139">
        <v>11872867.25</v>
      </c>
      <c r="G346" s="140">
        <v>19129372.539999999</v>
      </c>
      <c r="H346" s="140">
        <f>+F346-G346</f>
        <v>-7256505.2899999991</v>
      </c>
      <c r="I346" s="141"/>
      <c r="J346" s="140">
        <v>19129372.539999999</v>
      </c>
      <c r="K346" s="140">
        <f>+F346-J346</f>
        <v>-7256505.2899999991</v>
      </c>
      <c r="L346" s="140"/>
      <c r="M346" s="140">
        <v>19779647.73</v>
      </c>
      <c r="N346" s="140">
        <f>+F346-M346</f>
        <v>-7906780.4800000004</v>
      </c>
      <c r="O346" s="131"/>
      <c r="P346" s="142">
        <v>-40086135.960000001</v>
      </c>
      <c r="Q346" s="140">
        <v>-13466496.689999999</v>
      </c>
      <c r="R346" s="140">
        <v>-14698175.23</v>
      </c>
      <c r="S346" s="140">
        <v>-32010012.920000002</v>
      </c>
      <c r="T346" s="140">
        <v>-2819095.4</v>
      </c>
      <c r="U346" s="140">
        <v>12014337.970000001</v>
      </c>
      <c r="V346" s="140">
        <v>11735347.65</v>
      </c>
      <c r="W346" s="140">
        <v>-4205297.1500000004</v>
      </c>
      <c r="X346" s="140">
        <v>-2988975.01</v>
      </c>
      <c r="Y346" s="140">
        <v>16979165.760000002</v>
      </c>
      <c r="Z346" s="140">
        <v>0</v>
      </c>
      <c r="AA346" s="140">
        <v>14146219.59</v>
      </c>
      <c r="AB346" s="143">
        <v>19129372.539999999</v>
      </c>
      <c r="AC346" s="140">
        <v>17481526.390000001</v>
      </c>
      <c r="AD346" s="140">
        <v>17305862.199999999</v>
      </c>
      <c r="AE346" s="140">
        <v>26082353.93</v>
      </c>
      <c r="AF346" s="140">
        <v>23625740.23</v>
      </c>
      <c r="AG346" s="140">
        <v>22456857.129999999</v>
      </c>
      <c r="AH346" s="140">
        <v>17799237.039999999</v>
      </c>
      <c r="AI346" s="140">
        <v>10806658.630000001</v>
      </c>
      <c r="AJ346" s="140">
        <v>5697874.0600000005</v>
      </c>
      <c r="AK346" s="140">
        <v>21185027.5</v>
      </c>
      <c r="AL346" s="140">
        <v>19292559.780000001</v>
      </c>
      <c r="AM346" s="140">
        <v>19779647.73</v>
      </c>
      <c r="AN346" s="143">
        <v>11872867.25</v>
      </c>
      <c r="AO346" s="144"/>
    </row>
    <row r="347" spans="1:41" s="137" customFormat="1" ht="3.75" hidden="1" customHeight="1" outlineLevel="1">
      <c r="A347" s="136"/>
      <c r="C347" s="138"/>
      <c r="D347" s="146"/>
      <c r="E347" s="117"/>
      <c r="F347" s="139"/>
      <c r="G347" s="140"/>
      <c r="H347" s="140"/>
      <c r="I347" s="141"/>
      <c r="J347" s="140"/>
      <c r="K347" s="140"/>
      <c r="L347" s="140"/>
      <c r="M347" s="140"/>
      <c r="N347" s="140"/>
      <c r="O347" s="131"/>
      <c r="P347" s="142"/>
      <c r="Q347" s="140"/>
      <c r="R347" s="140"/>
      <c r="S347" s="140"/>
      <c r="T347" s="140"/>
      <c r="U347" s="140"/>
      <c r="V347" s="140"/>
      <c r="W347" s="140"/>
      <c r="X347" s="140"/>
      <c r="Y347" s="140"/>
      <c r="Z347" s="140"/>
      <c r="AA347" s="140"/>
      <c r="AB347" s="143"/>
      <c r="AC347" s="140"/>
      <c r="AD347" s="140"/>
      <c r="AE347" s="140"/>
      <c r="AF347" s="140"/>
      <c r="AG347" s="140"/>
      <c r="AH347" s="140"/>
      <c r="AI347" s="140"/>
      <c r="AJ347" s="140"/>
      <c r="AK347" s="140"/>
      <c r="AL347" s="140"/>
      <c r="AM347" s="140"/>
      <c r="AN347" s="143"/>
      <c r="AO347" s="144"/>
    </row>
    <row r="348" spans="1:41" s="137" customFormat="1" ht="15" hidden="1" customHeight="1" outlineLevel="1">
      <c r="A348" s="113" t="s">
        <v>1273</v>
      </c>
      <c r="B348" s="114" t="s">
        <v>2</v>
      </c>
      <c r="C348" s="135" t="s">
        <v>1274</v>
      </c>
      <c r="D348" s="146"/>
      <c r="E348" s="117"/>
      <c r="F348" s="128">
        <v>0</v>
      </c>
      <c r="G348" s="129">
        <v>0</v>
      </c>
      <c r="H348" s="140">
        <f>+F348-G348</f>
        <v>0</v>
      </c>
      <c r="I348" s="141"/>
      <c r="J348" s="140">
        <v>0</v>
      </c>
      <c r="K348" s="140">
        <f>+F348-J348</f>
        <v>0</v>
      </c>
      <c r="L348" s="140"/>
      <c r="M348" s="140">
        <v>0</v>
      </c>
      <c r="N348" s="140">
        <f>+F348-M348</f>
        <v>0</v>
      </c>
      <c r="O348" s="131"/>
      <c r="P348" s="132">
        <v>0</v>
      </c>
      <c r="Q348" s="129">
        <v>0</v>
      </c>
      <c r="R348" s="140">
        <v>0</v>
      </c>
      <c r="S348" s="140">
        <v>0</v>
      </c>
      <c r="T348" s="140">
        <v>0</v>
      </c>
      <c r="U348" s="140">
        <v>0</v>
      </c>
      <c r="V348" s="129">
        <v>0</v>
      </c>
      <c r="W348" s="140">
        <v>0</v>
      </c>
      <c r="X348" s="140">
        <v>0</v>
      </c>
      <c r="Y348" s="140">
        <v>0</v>
      </c>
      <c r="Z348" s="140">
        <v>0</v>
      </c>
      <c r="AA348" s="129">
        <v>0</v>
      </c>
      <c r="AB348" s="143">
        <v>0</v>
      </c>
      <c r="AC348" s="140">
        <v>0</v>
      </c>
      <c r="AD348" s="140">
        <v>0</v>
      </c>
      <c r="AE348" s="140">
        <v>0</v>
      </c>
      <c r="AF348" s="140">
        <v>0</v>
      </c>
      <c r="AG348" s="129">
        <v>0</v>
      </c>
      <c r="AH348" s="140">
        <v>0</v>
      </c>
      <c r="AI348" s="140">
        <v>0</v>
      </c>
      <c r="AJ348" s="140">
        <v>0</v>
      </c>
      <c r="AK348" s="140">
        <v>0</v>
      </c>
      <c r="AL348" s="129">
        <v>0</v>
      </c>
      <c r="AM348" s="140">
        <v>0</v>
      </c>
      <c r="AN348" s="143">
        <v>0</v>
      </c>
      <c r="AO348" s="144"/>
    </row>
    <row r="349" spans="1:41" s="137" customFormat="1" ht="15" hidden="1" customHeight="1" outlineLevel="1">
      <c r="A349" s="113" t="s">
        <v>1275</v>
      </c>
      <c r="B349" s="114" t="s">
        <v>2</v>
      </c>
      <c r="C349" s="135" t="s">
        <v>1276</v>
      </c>
      <c r="D349" s="146"/>
      <c r="E349" s="117"/>
      <c r="F349" s="128">
        <v>0</v>
      </c>
      <c r="G349" s="129">
        <v>0</v>
      </c>
      <c r="H349" s="140">
        <f>+F349-G349</f>
        <v>0</v>
      </c>
      <c r="I349" s="141"/>
      <c r="J349" s="140">
        <v>0</v>
      </c>
      <c r="K349" s="140">
        <f>+F349-J349</f>
        <v>0</v>
      </c>
      <c r="L349" s="140"/>
      <c r="M349" s="140">
        <v>0</v>
      </c>
      <c r="N349" s="140">
        <f>+F349-M349</f>
        <v>0</v>
      </c>
      <c r="O349" s="131"/>
      <c r="P349" s="132">
        <v>0</v>
      </c>
      <c r="Q349" s="129">
        <v>0</v>
      </c>
      <c r="R349" s="140">
        <v>0</v>
      </c>
      <c r="S349" s="140">
        <v>0</v>
      </c>
      <c r="T349" s="140">
        <v>0</v>
      </c>
      <c r="U349" s="140">
        <v>0</v>
      </c>
      <c r="V349" s="129">
        <v>0</v>
      </c>
      <c r="W349" s="140">
        <v>0</v>
      </c>
      <c r="X349" s="140">
        <v>0</v>
      </c>
      <c r="Y349" s="140">
        <v>0</v>
      </c>
      <c r="Z349" s="140">
        <v>0</v>
      </c>
      <c r="AA349" s="129">
        <v>0</v>
      </c>
      <c r="AB349" s="143">
        <v>0</v>
      </c>
      <c r="AC349" s="140">
        <v>0</v>
      </c>
      <c r="AD349" s="140">
        <v>0</v>
      </c>
      <c r="AE349" s="140">
        <v>0</v>
      </c>
      <c r="AF349" s="140">
        <v>0</v>
      </c>
      <c r="AG349" s="129">
        <v>0</v>
      </c>
      <c r="AH349" s="140">
        <v>0</v>
      </c>
      <c r="AI349" s="140">
        <v>0</v>
      </c>
      <c r="AJ349" s="140">
        <v>0</v>
      </c>
      <c r="AK349" s="140">
        <v>0</v>
      </c>
      <c r="AL349" s="129">
        <v>0</v>
      </c>
      <c r="AM349" s="140">
        <v>0</v>
      </c>
      <c r="AN349" s="143">
        <v>0</v>
      </c>
      <c r="AO349" s="144"/>
    </row>
    <row r="350" spans="1:41" s="137" customFormat="1" ht="15" customHeight="1" collapsed="1">
      <c r="A350" s="136"/>
      <c r="B350" s="137" t="s">
        <v>2</v>
      </c>
      <c r="C350" s="138" t="s">
        <v>1277</v>
      </c>
      <c r="D350" s="146"/>
      <c r="E350" s="117"/>
      <c r="F350" s="139">
        <f>+F349+F348</f>
        <v>0</v>
      </c>
      <c r="G350" s="140">
        <f>+G349+G348</f>
        <v>0</v>
      </c>
      <c r="H350" s="140">
        <f>+F350-G350</f>
        <v>0</v>
      </c>
      <c r="I350" s="141"/>
      <c r="J350" s="140">
        <f>+J349+J348</f>
        <v>0</v>
      </c>
      <c r="K350" s="140">
        <f>+F350-J350</f>
        <v>0</v>
      </c>
      <c r="L350" s="140"/>
      <c r="M350" s="140">
        <f>+M349+M348</f>
        <v>0</v>
      </c>
      <c r="N350" s="140">
        <f>+F350-M350</f>
        <v>0</v>
      </c>
      <c r="O350" s="131"/>
      <c r="P350" s="142">
        <f t="shared" ref="P350:AN350" si="66">+P349+P348</f>
        <v>0</v>
      </c>
      <c r="Q350" s="140">
        <f t="shared" si="66"/>
        <v>0</v>
      </c>
      <c r="R350" s="140">
        <f t="shared" si="66"/>
        <v>0</v>
      </c>
      <c r="S350" s="140">
        <f t="shared" si="66"/>
        <v>0</v>
      </c>
      <c r="T350" s="140">
        <f t="shared" si="66"/>
        <v>0</v>
      </c>
      <c r="U350" s="140">
        <f t="shared" si="66"/>
        <v>0</v>
      </c>
      <c r="V350" s="140">
        <f t="shared" si="66"/>
        <v>0</v>
      </c>
      <c r="W350" s="140">
        <f t="shared" si="66"/>
        <v>0</v>
      </c>
      <c r="X350" s="140">
        <f t="shared" si="66"/>
        <v>0</v>
      </c>
      <c r="Y350" s="140">
        <f t="shared" si="66"/>
        <v>0</v>
      </c>
      <c r="Z350" s="140">
        <f t="shared" si="66"/>
        <v>0</v>
      </c>
      <c r="AA350" s="140">
        <f t="shared" si="66"/>
        <v>0</v>
      </c>
      <c r="AB350" s="143">
        <f t="shared" si="66"/>
        <v>0</v>
      </c>
      <c r="AC350" s="140">
        <f t="shared" si="66"/>
        <v>0</v>
      </c>
      <c r="AD350" s="140">
        <f t="shared" si="66"/>
        <v>0</v>
      </c>
      <c r="AE350" s="140">
        <f t="shared" si="66"/>
        <v>0</v>
      </c>
      <c r="AF350" s="140">
        <f t="shared" si="66"/>
        <v>0</v>
      </c>
      <c r="AG350" s="140">
        <f t="shared" si="66"/>
        <v>0</v>
      </c>
      <c r="AH350" s="140">
        <f t="shared" si="66"/>
        <v>0</v>
      </c>
      <c r="AI350" s="140">
        <f t="shared" si="66"/>
        <v>0</v>
      </c>
      <c r="AJ350" s="140">
        <f t="shared" si="66"/>
        <v>0</v>
      </c>
      <c r="AK350" s="140">
        <f t="shared" si="66"/>
        <v>0</v>
      </c>
      <c r="AL350" s="140">
        <f t="shared" si="66"/>
        <v>0</v>
      </c>
      <c r="AM350" s="140">
        <f t="shared" si="66"/>
        <v>0</v>
      </c>
      <c r="AN350" s="143">
        <f t="shared" si="66"/>
        <v>0</v>
      </c>
      <c r="AO350" s="144"/>
    </row>
    <row r="351" spans="1:41" s="137" customFormat="1" ht="15" customHeight="1">
      <c r="A351" s="136" t="s">
        <v>1278</v>
      </c>
      <c r="B351" s="137" t="s">
        <v>2</v>
      </c>
      <c r="C351" s="138" t="s">
        <v>1279</v>
      </c>
      <c r="D351" s="146"/>
      <c r="E351" s="117"/>
      <c r="F351" s="139">
        <v>0</v>
      </c>
      <c r="G351" s="140">
        <v>0</v>
      </c>
      <c r="H351" s="140">
        <f>+F351-G351</f>
        <v>0</v>
      </c>
      <c r="I351" s="141"/>
      <c r="J351" s="140">
        <v>0</v>
      </c>
      <c r="K351" s="140">
        <f>+F351-J351</f>
        <v>0</v>
      </c>
      <c r="L351" s="140"/>
      <c r="M351" s="140">
        <v>0</v>
      </c>
      <c r="N351" s="140">
        <f>+F351-M351</f>
        <v>0</v>
      </c>
      <c r="O351" s="131"/>
      <c r="P351" s="142">
        <v>0</v>
      </c>
      <c r="Q351" s="140">
        <v>0</v>
      </c>
      <c r="R351" s="140">
        <v>0</v>
      </c>
      <c r="S351" s="140">
        <v>0</v>
      </c>
      <c r="T351" s="140">
        <v>0</v>
      </c>
      <c r="U351" s="140">
        <v>0</v>
      </c>
      <c r="V351" s="140">
        <v>0</v>
      </c>
      <c r="W351" s="140">
        <v>0</v>
      </c>
      <c r="X351" s="140">
        <v>0</v>
      </c>
      <c r="Y351" s="140">
        <v>0</v>
      </c>
      <c r="Z351" s="140">
        <v>0</v>
      </c>
      <c r="AA351" s="140">
        <v>0</v>
      </c>
      <c r="AB351" s="143">
        <v>0</v>
      </c>
      <c r="AC351" s="140">
        <v>0</v>
      </c>
      <c r="AD351" s="140">
        <v>0</v>
      </c>
      <c r="AE351" s="140">
        <v>0</v>
      </c>
      <c r="AF351" s="140">
        <v>0</v>
      </c>
      <c r="AG351" s="140">
        <v>0</v>
      </c>
      <c r="AH351" s="140">
        <v>0</v>
      </c>
      <c r="AI351" s="140">
        <v>0</v>
      </c>
      <c r="AJ351" s="140">
        <v>0</v>
      </c>
      <c r="AK351" s="140">
        <v>0</v>
      </c>
      <c r="AL351" s="140">
        <v>0</v>
      </c>
      <c r="AM351" s="140">
        <v>0</v>
      </c>
      <c r="AN351" s="143">
        <v>0</v>
      </c>
      <c r="AO351" s="144"/>
    </row>
    <row r="352" spans="1:41" s="137" customFormat="1" ht="3.75" hidden="1" customHeight="1" outlineLevel="1">
      <c r="A352" s="136"/>
      <c r="B352" s="137" t="s">
        <v>2</v>
      </c>
      <c r="C352" s="138"/>
      <c r="D352" s="146"/>
      <c r="E352" s="117"/>
      <c r="F352" s="139"/>
      <c r="G352" s="140"/>
      <c r="H352" s="140"/>
      <c r="I352" s="141"/>
      <c r="J352" s="140"/>
      <c r="K352" s="140"/>
      <c r="L352" s="140"/>
      <c r="M352" s="140"/>
      <c r="N352" s="140"/>
      <c r="O352" s="131"/>
      <c r="P352" s="142"/>
      <c r="Q352" s="140"/>
      <c r="R352" s="140"/>
      <c r="S352" s="140"/>
      <c r="T352" s="140"/>
      <c r="U352" s="140"/>
      <c r="V352" s="140"/>
      <c r="W352" s="140"/>
      <c r="X352" s="140"/>
      <c r="Y352" s="140"/>
      <c r="Z352" s="140"/>
      <c r="AA352" s="140"/>
      <c r="AB352" s="143"/>
      <c r="AC352" s="140"/>
      <c r="AD352" s="140"/>
      <c r="AE352" s="140"/>
      <c r="AF352" s="140"/>
      <c r="AG352" s="140"/>
      <c r="AH352" s="140"/>
      <c r="AI352" s="140"/>
      <c r="AJ352" s="140"/>
      <c r="AK352" s="140"/>
      <c r="AL352" s="140"/>
      <c r="AM352" s="140"/>
      <c r="AN352" s="143"/>
      <c r="AO352" s="144"/>
    </row>
    <row r="353" spans="1:41" s="62" customFormat="1" hidden="1" outlineLevel="2">
      <c r="A353" s="61" t="s">
        <v>877</v>
      </c>
      <c r="B353" s="61" t="s">
        <v>878</v>
      </c>
      <c r="C353" s="71" t="s">
        <v>879</v>
      </c>
      <c r="D353" s="72" t="s">
        <v>1280</v>
      </c>
      <c r="E353" s="73"/>
      <c r="F353" s="62">
        <v>96908500</v>
      </c>
      <c r="G353" s="62">
        <v>0</v>
      </c>
      <c r="H353" s="62">
        <f>+F353-G353</f>
        <v>96908500</v>
      </c>
      <c r="J353" s="62">
        <v>0</v>
      </c>
      <c r="K353" s="62">
        <f>+F353-J353</f>
        <v>96908500</v>
      </c>
      <c r="M353" s="62">
        <v>96908500</v>
      </c>
      <c r="N353" s="62">
        <f>+F353-M353</f>
        <v>0</v>
      </c>
      <c r="P353" s="74">
        <v>0</v>
      </c>
      <c r="Q353" s="61">
        <v>0</v>
      </c>
      <c r="R353" s="61">
        <v>0</v>
      </c>
      <c r="S353" s="61">
        <v>0</v>
      </c>
      <c r="T353" s="62">
        <v>0</v>
      </c>
      <c r="U353" s="61">
        <v>0</v>
      </c>
      <c r="V353" s="61">
        <v>0</v>
      </c>
      <c r="W353" s="61">
        <v>0</v>
      </c>
      <c r="X353" s="61">
        <v>0</v>
      </c>
      <c r="Y353" s="61">
        <v>0</v>
      </c>
      <c r="Z353" s="61">
        <v>0</v>
      </c>
      <c r="AA353" s="61">
        <v>0</v>
      </c>
      <c r="AB353" s="75">
        <v>0</v>
      </c>
      <c r="AC353" s="61">
        <v>0</v>
      </c>
      <c r="AD353" s="61">
        <v>0</v>
      </c>
      <c r="AE353" s="61">
        <v>0</v>
      </c>
      <c r="AF353" s="62">
        <v>0</v>
      </c>
      <c r="AG353" s="61">
        <v>0</v>
      </c>
      <c r="AH353" s="61">
        <v>0</v>
      </c>
      <c r="AI353" s="61">
        <v>0</v>
      </c>
      <c r="AJ353" s="61">
        <v>0</v>
      </c>
      <c r="AK353" s="61">
        <v>96908500</v>
      </c>
      <c r="AL353" s="61">
        <v>96908500</v>
      </c>
      <c r="AM353" s="61">
        <v>96908500</v>
      </c>
      <c r="AN353" s="75">
        <v>96908500</v>
      </c>
    </row>
    <row r="354" spans="1:41" s="137" customFormat="1" ht="15" customHeight="1" collapsed="1">
      <c r="A354" s="136" t="s">
        <v>1281</v>
      </c>
      <c r="B354" s="137" t="s">
        <v>2</v>
      </c>
      <c r="C354" s="138" t="s">
        <v>1282</v>
      </c>
      <c r="D354" s="147" t="s">
        <v>1280</v>
      </c>
      <c r="E354" s="117"/>
      <c r="F354" s="139">
        <v>96908500</v>
      </c>
      <c r="G354" s="140">
        <v>0</v>
      </c>
      <c r="H354" s="140">
        <f>+F354-G354</f>
        <v>96908500</v>
      </c>
      <c r="I354" s="141"/>
      <c r="J354" s="140">
        <v>0</v>
      </c>
      <c r="K354" s="140">
        <f>+F354-J354</f>
        <v>96908500</v>
      </c>
      <c r="L354" s="140"/>
      <c r="M354" s="140">
        <v>96908500</v>
      </c>
      <c r="N354" s="140">
        <f>+F354-M354</f>
        <v>0</v>
      </c>
      <c r="O354" s="131"/>
      <c r="P354" s="142">
        <v>0</v>
      </c>
      <c r="Q354" s="140">
        <v>0</v>
      </c>
      <c r="R354" s="140">
        <v>0</v>
      </c>
      <c r="S354" s="140">
        <v>0</v>
      </c>
      <c r="T354" s="140">
        <v>0</v>
      </c>
      <c r="U354" s="140">
        <v>0</v>
      </c>
      <c r="V354" s="140">
        <v>0</v>
      </c>
      <c r="W354" s="140">
        <v>0</v>
      </c>
      <c r="X354" s="140">
        <v>0</v>
      </c>
      <c r="Y354" s="140">
        <v>0</v>
      </c>
      <c r="Z354" s="140">
        <v>0</v>
      </c>
      <c r="AA354" s="140">
        <v>0</v>
      </c>
      <c r="AB354" s="143">
        <v>0</v>
      </c>
      <c r="AC354" s="140">
        <v>0</v>
      </c>
      <c r="AD354" s="140">
        <v>0</v>
      </c>
      <c r="AE354" s="140">
        <v>0</v>
      </c>
      <c r="AF354" s="140">
        <v>0</v>
      </c>
      <c r="AG354" s="140">
        <v>0</v>
      </c>
      <c r="AH354" s="140">
        <v>0</v>
      </c>
      <c r="AI354" s="140">
        <v>0</v>
      </c>
      <c r="AJ354" s="140">
        <v>0</v>
      </c>
      <c r="AK354" s="140">
        <v>96908500</v>
      </c>
      <c r="AL354" s="140">
        <v>96908500</v>
      </c>
      <c r="AM354" s="140">
        <v>96908500</v>
      </c>
      <c r="AN354" s="143">
        <v>96908500</v>
      </c>
      <c r="AO354" s="144"/>
    </row>
    <row r="355" spans="1:41" s="137" customFormat="1" ht="3.75" hidden="1" customHeight="1" outlineLevel="1">
      <c r="A355" s="136"/>
      <c r="B355" s="137" t="s">
        <v>2</v>
      </c>
      <c r="C355" s="138"/>
      <c r="D355" s="146"/>
      <c r="E355" s="117"/>
      <c r="F355" s="139"/>
      <c r="G355" s="140"/>
      <c r="H355" s="140"/>
      <c r="I355" s="141"/>
      <c r="J355" s="140"/>
      <c r="K355" s="140"/>
      <c r="L355" s="140"/>
      <c r="M355" s="140"/>
      <c r="N355" s="140"/>
      <c r="O355" s="131"/>
      <c r="P355" s="142"/>
      <c r="Q355" s="140"/>
      <c r="R355" s="140"/>
      <c r="S355" s="140"/>
      <c r="T355" s="140"/>
      <c r="U355" s="140"/>
      <c r="V355" s="140"/>
      <c r="W355" s="140"/>
      <c r="X355" s="140"/>
      <c r="Y355" s="140"/>
      <c r="Z355" s="140"/>
      <c r="AA355" s="140"/>
      <c r="AB355" s="143"/>
      <c r="AC355" s="140"/>
      <c r="AD355" s="140"/>
      <c r="AE355" s="140"/>
      <c r="AF355" s="140"/>
      <c r="AG355" s="140"/>
      <c r="AH355" s="140"/>
      <c r="AI355" s="140"/>
      <c r="AJ355" s="140"/>
      <c r="AK355" s="140"/>
      <c r="AL355" s="140"/>
      <c r="AM355" s="140"/>
      <c r="AN355" s="143"/>
      <c r="AO355" s="144"/>
    </row>
    <row r="356" spans="1:41" s="62" customFormat="1" hidden="1" outlineLevel="2">
      <c r="A356" s="61" t="s">
        <v>1283</v>
      </c>
      <c r="B356" s="61" t="s">
        <v>1284</v>
      </c>
      <c r="C356" s="71" t="s">
        <v>1285</v>
      </c>
      <c r="D356" s="72" t="s">
        <v>1286</v>
      </c>
      <c r="E356" s="73"/>
      <c r="F356" s="62">
        <v>0</v>
      </c>
      <c r="G356" s="62">
        <v>0</v>
      </c>
      <c r="H356" s="62">
        <f>+F356-G356</f>
        <v>0</v>
      </c>
      <c r="J356" s="62">
        <v>0</v>
      </c>
      <c r="K356" s="62">
        <f>+F356-J356</f>
        <v>0</v>
      </c>
      <c r="M356" s="62">
        <v>0</v>
      </c>
      <c r="N356" s="62">
        <f>+F356-M356</f>
        <v>0</v>
      </c>
      <c r="P356" s="74">
        <v>0</v>
      </c>
      <c r="Q356" s="61">
        <v>0</v>
      </c>
      <c r="R356" s="61">
        <v>0</v>
      </c>
      <c r="S356" s="61">
        <v>0</v>
      </c>
      <c r="T356" s="62">
        <v>0</v>
      </c>
      <c r="U356" s="61">
        <v>0</v>
      </c>
      <c r="V356" s="61">
        <v>0</v>
      </c>
      <c r="W356" s="61">
        <v>0</v>
      </c>
      <c r="X356" s="61">
        <v>0</v>
      </c>
      <c r="Y356" s="61">
        <v>0</v>
      </c>
      <c r="Z356" s="61">
        <v>0</v>
      </c>
      <c r="AA356" s="61">
        <v>0</v>
      </c>
      <c r="AB356" s="75">
        <v>0</v>
      </c>
      <c r="AC356" s="61">
        <v>0</v>
      </c>
      <c r="AD356" s="61">
        <v>0</v>
      </c>
      <c r="AE356" s="61">
        <v>0</v>
      </c>
      <c r="AF356" s="62">
        <v>0</v>
      </c>
      <c r="AG356" s="61">
        <v>0</v>
      </c>
      <c r="AH356" s="61">
        <v>0</v>
      </c>
      <c r="AI356" s="61">
        <v>0</v>
      </c>
      <c r="AJ356" s="61">
        <v>0</v>
      </c>
      <c r="AK356" s="61">
        <v>0</v>
      </c>
      <c r="AL356" s="61">
        <v>0</v>
      </c>
      <c r="AM356" s="61">
        <v>0</v>
      </c>
      <c r="AN356" s="75">
        <v>0</v>
      </c>
    </row>
    <row r="357" spans="1:41" s="137" customFormat="1" ht="15" customHeight="1" collapsed="1">
      <c r="A357" s="136" t="s">
        <v>1287</v>
      </c>
      <c r="B357" s="137" t="s">
        <v>2</v>
      </c>
      <c r="C357" s="138" t="s">
        <v>1288</v>
      </c>
      <c r="D357" s="146" t="s">
        <v>1286</v>
      </c>
      <c r="E357" s="117"/>
      <c r="F357" s="139">
        <v>0</v>
      </c>
      <c r="G357" s="140">
        <v>0</v>
      </c>
      <c r="H357" s="140">
        <f>+F357-G357</f>
        <v>0</v>
      </c>
      <c r="I357" s="141"/>
      <c r="J357" s="140">
        <v>0</v>
      </c>
      <c r="K357" s="140">
        <f>+F357-J357</f>
        <v>0</v>
      </c>
      <c r="L357" s="140"/>
      <c r="M357" s="140">
        <v>0</v>
      </c>
      <c r="N357" s="140">
        <f>+F357-M357</f>
        <v>0</v>
      </c>
      <c r="O357" s="131"/>
      <c r="P357" s="142">
        <v>0</v>
      </c>
      <c r="Q357" s="140">
        <v>0</v>
      </c>
      <c r="R357" s="140">
        <v>0</v>
      </c>
      <c r="S357" s="140">
        <v>0</v>
      </c>
      <c r="T357" s="140">
        <v>0</v>
      </c>
      <c r="U357" s="140">
        <v>0</v>
      </c>
      <c r="V357" s="140">
        <v>0</v>
      </c>
      <c r="W357" s="140">
        <v>0</v>
      </c>
      <c r="X357" s="140">
        <v>0</v>
      </c>
      <c r="Y357" s="140">
        <v>0</v>
      </c>
      <c r="Z357" s="140">
        <v>0</v>
      </c>
      <c r="AA357" s="140">
        <v>0</v>
      </c>
      <c r="AB357" s="143">
        <v>0</v>
      </c>
      <c r="AC357" s="140">
        <v>0</v>
      </c>
      <c r="AD357" s="140">
        <v>0</v>
      </c>
      <c r="AE357" s="140">
        <v>0</v>
      </c>
      <c r="AF357" s="140">
        <v>0</v>
      </c>
      <c r="AG357" s="140">
        <v>0</v>
      </c>
      <c r="AH357" s="140">
        <v>0</v>
      </c>
      <c r="AI357" s="140">
        <v>0</v>
      </c>
      <c r="AJ357" s="140">
        <v>0</v>
      </c>
      <c r="AK357" s="140">
        <v>0</v>
      </c>
      <c r="AL357" s="140">
        <v>0</v>
      </c>
      <c r="AM357" s="140">
        <v>0</v>
      </c>
      <c r="AN357" s="143">
        <v>0</v>
      </c>
      <c r="AO357" s="144"/>
    </row>
    <row r="358" spans="1:41" s="114" customFormat="1" ht="3.75" hidden="1" customHeight="1" outlineLevel="1">
      <c r="A358" s="113"/>
      <c r="C358" s="150"/>
      <c r="D358" s="146"/>
      <c r="E358" s="117"/>
      <c r="F358" s="128"/>
      <c r="G358" s="129"/>
      <c r="H358" s="129"/>
      <c r="I358" s="130"/>
      <c r="J358" s="129"/>
      <c r="K358" s="129"/>
      <c r="L358" s="129"/>
      <c r="M358" s="129"/>
      <c r="N358" s="129"/>
      <c r="O358" s="131"/>
      <c r="P358" s="132"/>
      <c r="Q358" s="129"/>
      <c r="R358" s="129"/>
      <c r="S358" s="129"/>
      <c r="T358" s="129"/>
      <c r="U358" s="129"/>
      <c r="V358" s="129"/>
      <c r="W358" s="129"/>
      <c r="X358" s="129"/>
      <c r="Y358" s="129"/>
      <c r="Z358" s="129"/>
      <c r="AA358" s="129"/>
      <c r="AB358" s="133"/>
      <c r="AC358" s="129"/>
      <c r="AD358" s="129"/>
      <c r="AE358" s="129"/>
      <c r="AF358" s="129"/>
      <c r="AG358" s="129"/>
      <c r="AH358" s="129"/>
      <c r="AI358" s="129"/>
      <c r="AJ358" s="129"/>
      <c r="AK358" s="129"/>
      <c r="AL358" s="129"/>
      <c r="AM358" s="129"/>
      <c r="AN358" s="133"/>
      <c r="AO358" s="134"/>
    </row>
    <row r="359" spans="1:41" s="114" customFormat="1" ht="15" hidden="1" customHeight="1" outlineLevel="1">
      <c r="A359" s="113" t="s">
        <v>1289</v>
      </c>
      <c r="B359" s="114" t="s">
        <v>2</v>
      </c>
      <c r="C359" s="148" t="s">
        <v>1290</v>
      </c>
      <c r="D359" s="147" t="s">
        <v>1291</v>
      </c>
      <c r="E359" s="117"/>
      <c r="F359" s="128">
        <v>0</v>
      </c>
      <c r="G359" s="129">
        <v>0</v>
      </c>
      <c r="H359" s="129">
        <f>+F359-G359</f>
        <v>0</v>
      </c>
      <c r="I359" s="130"/>
      <c r="J359" s="129">
        <v>0</v>
      </c>
      <c r="K359" s="129">
        <f>+F359-J359</f>
        <v>0</v>
      </c>
      <c r="L359" s="129"/>
      <c r="M359" s="129">
        <v>0</v>
      </c>
      <c r="N359" s="129">
        <f>+F359-M359</f>
        <v>0</v>
      </c>
      <c r="O359" s="131"/>
      <c r="P359" s="132">
        <v>0</v>
      </c>
      <c r="Q359" s="129">
        <v>0</v>
      </c>
      <c r="R359" s="129">
        <v>0</v>
      </c>
      <c r="S359" s="129">
        <v>0</v>
      </c>
      <c r="T359" s="129">
        <v>0</v>
      </c>
      <c r="U359" s="129">
        <v>0</v>
      </c>
      <c r="V359" s="129">
        <v>0</v>
      </c>
      <c r="W359" s="129">
        <v>0</v>
      </c>
      <c r="X359" s="129">
        <v>0</v>
      </c>
      <c r="Y359" s="129">
        <v>0</v>
      </c>
      <c r="Z359" s="129">
        <v>0</v>
      </c>
      <c r="AA359" s="129">
        <v>0</v>
      </c>
      <c r="AB359" s="133">
        <v>0</v>
      </c>
      <c r="AC359" s="129">
        <v>0</v>
      </c>
      <c r="AD359" s="129">
        <v>0</v>
      </c>
      <c r="AE359" s="129">
        <v>0</v>
      </c>
      <c r="AF359" s="129">
        <v>0</v>
      </c>
      <c r="AG359" s="129">
        <v>0</v>
      </c>
      <c r="AH359" s="129">
        <v>0</v>
      </c>
      <c r="AI359" s="129">
        <v>0</v>
      </c>
      <c r="AJ359" s="129">
        <v>0</v>
      </c>
      <c r="AK359" s="129">
        <v>0</v>
      </c>
      <c r="AL359" s="129">
        <v>0</v>
      </c>
      <c r="AM359" s="129">
        <v>0</v>
      </c>
      <c r="AN359" s="133">
        <v>0</v>
      </c>
      <c r="AO359" s="134"/>
    </row>
    <row r="360" spans="1:41" s="62" customFormat="1" hidden="1" outlineLevel="2">
      <c r="A360" s="61" t="s">
        <v>327</v>
      </c>
      <c r="B360" s="61" t="s">
        <v>328</v>
      </c>
      <c r="C360" s="71" t="s">
        <v>329</v>
      </c>
      <c r="D360" s="72" t="s">
        <v>1291</v>
      </c>
      <c r="E360" s="73"/>
      <c r="F360" s="62">
        <v>0</v>
      </c>
      <c r="G360" s="62">
        <v>163705</v>
      </c>
      <c r="H360" s="62">
        <f>+F360-G360</f>
        <v>-163705</v>
      </c>
      <c r="J360" s="62">
        <v>163705</v>
      </c>
      <c r="K360" s="62">
        <f>+F360-J360</f>
        <v>-163705</v>
      </c>
      <c r="M360" s="62">
        <v>0</v>
      </c>
      <c r="N360" s="62">
        <f>+F360-M360</f>
        <v>0</v>
      </c>
      <c r="P360" s="74">
        <v>253238</v>
      </c>
      <c r="Q360" s="61">
        <v>246125</v>
      </c>
      <c r="R360" s="61">
        <v>171664</v>
      </c>
      <c r="S360" s="61">
        <v>191072</v>
      </c>
      <c r="T360" s="62">
        <v>108152</v>
      </c>
      <c r="U360" s="61">
        <v>93158</v>
      </c>
      <c r="V360" s="61">
        <v>82205</v>
      </c>
      <c r="W360" s="61">
        <v>143182</v>
      </c>
      <c r="X360" s="61">
        <v>106597</v>
      </c>
      <c r="Y360" s="61">
        <v>133967</v>
      </c>
      <c r="Z360" s="61">
        <v>106234</v>
      </c>
      <c r="AA360" s="61">
        <v>128913</v>
      </c>
      <c r="AB360" s="75">
        <v>163705</v>
      </c>
      <c r="AC360" s="61">
        <v>178804</v>
      </c>
      <c r="AD360" s="61">
        <v>157868</v>
      </c>
      <c r="AE360" s="61">
        <v>121626</v>
      </c>
      <c r="AF360" s="62">
        <v>64364</v>
      </c>
      <c r="AG360" s="61">
        <v>35864</v>
      </c>
      <c r="AH360" s="61">
        <v>31058</v>
      </c>
      <c r="AI360" s="61">
        <v>69282</v>
      </c>
      <c r="AJ360" s="61">
        <v>31552</v>
      </c>
      <c r="AK360" s="61">
        <v>0</v>
      </c>
      <c r="AL360" s="61">
        <v>0</v>
      </c>
      <c r="AM360" s="61">
        <v>0</v>
      </c>
      <c r="AN360" s="75">
        <v>0</v>
      </c>
    </row>
    <row r="361" spans="1:41" s="62" customFormat="1" hidden="1" outlineLevel="2">
      <c r="A361" s="61" t="s">
        <v>330</v>
      </c>
      <c r="B361" s="61" t="s">
        <v>331</v>
      </c>
      <c r="C361" s="71" t="s">
        <v>332</v>
      </c>
      <c r="D361" s="72" t="s">
        <v>1291</v>
      </c>
      <c r="E361" s="73"/>
      <c r="F361" s="62">
        <v>0</v>
      </c>
      <c r="G361" s="62">
        <v>-92113</v>
      </c>
      <c r="H361" s="62">
        <f>+F361-G361</f>
        <v>92113</v>
      </c>
      <c r="J361" s="62">
        <v>-92113</v>
      </c>
      <c r="K361" s="62">
        <f>+F361-J361</f>
        <v>92113</v>
      </c>
      <c r="M361" s="62">
        <v>0</v>
      </c>
      <c r="N361" s="62">
        <f>+F361-M361</f>
        <v>0</v>
      </c>
      <c r="P361" s="74">
        <v>-23052</v>
      </c>
      <c r="Q361" s="61">
        <v>0</v>
      </c>
      <c r="R361" s="61">
        <v>-154286</v>
      </c>
      <c r="S361" s="61">
        <v>-183816</v>
      </c>
      <c r="T361" s="62">
        <v>-65472</v>
      </c>
      <c r="U361" s="61">
        <v>-38213</v>
      </c>
      <c r="V361" s="61">
        <v>-28060</v>
      </c>
      <c r="W361" s="61">
        <v>-85429</v>
      </c>
      <c r="X361" s="61">
        <v>-47328</v>
      </c>
      <c r="Y361" s="61">
        <v>-104749</v>
      </c>
      <c r="Z361" s="61">
        <v>-40160</v>
      </c>
      <c r="AA361" s="61">
        <v>-38345</v>
      </c>
      <c r="AB361" s="75">
        <v>-92113</v>
      </c>
      <c r="AC361" s="61">
        <v>-63083</v>
      </c>
      <c r="AD361" s="61">
        <v>0</v>
      </c>
      <c r="AE361" s="61">
        <v>-49250</v>
      </c>
      <c r="AF361" s="62">
        <v>-57704</v>
      </c>
      <c r="AG361" s="61">
        <v>-13860</v>
      </c>
      <c r="AH361" s="61">
        <v>-21740</v>
      </c>
      <c r="AI361" s="61">
        <v>-21740</v>
      </c>
      <c r="AJ361" s="61">
        <v>-4760</v>
      </c>
      <c r="AK361" s="61">
        <v>0</v>
      </c>
      <c r="AL361" s="61">
        <v>0</v>
      </c>
      <c r="AM361" s="61">
        <v>0</v>
      </c>
      <c r="AN361" s="75">
        <v>0</v>
      </c>
    </row>
    <row r="362" spans="1:41" s="114" customFormat="1" ht="15" hidden="1" customHeight="1" outlineLevel="1">
      <c r="A362" s="113" t="s">
        <v>1292</v>
      </c>
      <c r="B362" s="114" t="s">
        <v>2</v>
      </c>
      <c r="C362" s="148" t="s">
        <v>1293</v>
      </c>
      <c r="D362" s="147" t="s">
        <v>1291</v>
      </c>
      <c r="E362" s="117"/>
      <c r="F362" s="128">
        <v>0</v>
      </c>
      <c r="G362" s="129">
        <v>71592</v>
      </c>
      <c r="H362" s="129">
        <f>+F362-G362</f>
        <v>-71592</v>
      </c>
      <c r="I362" s="130"/>
      <c r="J362" s="129">
        <v>71592</v>
      </c>
      <c r="K362" s="129">
        <f>+F362-J362</f>
        <v>-71592</v>
      </c>
      <c r="L362" s="129"/>
      <c r="M362" s="129">
        <v>0</v>
      </c>
      <c r="N362" s="129">
        <f>+F362-M362</f>
        <v>0</v>
      </c>
      <c r="O362" s="131"/>
      <c r="P362" s="132">
        <v>230186</v>
      </c>
      <c r="Q362" s="129">
        <v>246125</v>
      </c>
      <c r="R362" s="129">
        <v>17378</v>
      </c>
      <c r="S362" s="129">
        <v>7256</v>
      </c>
      <c r="T362" s="129">
        <v>42680</v>
      </c>
      <c r="U362" s="129">
        <v>54945</v>
      </c>
      <c r="V362" s="129">
        <v>54145</v>
      </c>
      <c r="W362" s="129">
        <v>57753</v>
      </c>
      <c r="X362" s="129">
        <v>59269</v>
      </c>
      <c r="Y362" s="129">
        <v>29218</v>
      </c>
      <c r="Z362" s="129">
        <v>66074</v>
      </c>
      <c r="AA362" s="129">
        <v>90568</v>
      </c>
      <c r="AB362" s="133">
        <v>71592</v>
      </c>
      <c r="AC362" s="129">
        <v>115721</v>
      </c>
      <c r="AD362" s="129">
        <v>157868</v>
      </c>
      <c r="AE362" s="129">
        <v>72376</v>
      </c>
      <c r="AF362" s="129">
        <v>6660</v>
      </c>
      <c r="AG362" s="129">
        <v>22004</v>
      </c>
      <c r="AH362" s="129">
        <v>9318</v>
      </c>
      <c r="AI362" s="129">
        <v>47542</v>
      </c>
      <c r="AJ362" s="129">
        <v>26792</v>
      </c>
      <c r="AK362" s="129">
        <v>0</v>
      </c>
      <c r="AL362" s="129">
        <v>0</v>
      </c>
      <c r="AM362" s="129">
        <v>0</v>
      </c>
      <c r="AN362" s="133">
        <v>0</v>
      </c>
      <c r="AO362" s="134"/>
    </row>
    <row r="363" spans="1:41" s="137" customFormat="1" ht="15" customHeight="1" collapsed="1">
      <c r="A363" s="136"/>
      <c r="B363" s="137" t="s">
        <v>2</v>
      </c>
      <c r="C363" s="138" t="s">
        <v>1294</v>
      </c>
      <c r="D363" s="146"/>
      <c r="E363" s="117"/>
      <c r="F363" s="139">
        <f>+F362+F359</f>
        <v>0</v>
      </c>
      <c r="G363" s="140">
        <f>+G362+G359</f>
        <v>71592</v>
      </c>
      <c r="H363" s="140">
        <f>+F363-G363</f>
        <v>-71592</v>
      </c>
      <c r="I363" s="141"/>
      <c r="J363" s="140">
        <f>+J362+J359</f>
        <v>71592</v>
      </c>
      <c r="K363" s="140">
        <f>+F363-J363</f>
        <v>-71592</v>
      </c>
      <c r="L363" s="140"/>
      <c r="M363" s="140">
        <f>+M362+M359</f>
        <v>0</v>
      </c>
      <c r="N363" s="140">
        <f>+F363-M363</f>
        <v>0</v>
      </c>
      <c r="O363" s="131"/>
      <c r="P363" s="142">
        <f t="shared" ref="P363:AN363" si="67">+P362+P359</f>
        <v>230186</v>
      </c>
      <c r="Q363" s="140">
        <f t="shared" si="67"/>
        <v>246125</v>
      </c>
      <c r="R363" s="140">
        <f t="shared" si="67"/>
        <v>17378</v>
      </c>
      <c r="S363" s="140">
        <f t="shared" si="67"/>
        <v>7256</v>
      </c>
      <c r="T363" s="140">
        <f t="shared" si="67"/>
        <v>42680</v>
      </c>
      <c r="U363" s="140">
        <f t="shared" si="67"/>
        <v>54945</v>
      </c>
      <c r="V363" s="140">
        <f t="shared" si="67"/>
        <v>54145</v>
      </c>
      <c r="W363" s="140">
        <f t="shared" si="67"/>
        <v>57753</v>
      </c>
      <c r="X363" s="140">
        <f t="shared" si="67"/>
        <v>59269</v>
      </c>
      <c r="Y363" s="140">
        <f t="shared" si="67"/>
        <v>29218</v>
      </c>
      <c r="Z363" s="140">
        <f t="shared" si="67"/>
        <v>66074</v>
      </c>
      <c r="AA363" s="140">
        <f t="shared" si="67"/>
        <v>90568</v>
      </c>
      <c r="AB363" s="143">
        <f t="shared" si="67"/>
        <v>71592</v>
      </c>
      <c r="AC363" s="140">
        <f t="shared" si="67"/>
        <v>115721</v>
      </c>
      <c r="AD363" s="140">
        <f t="shared" si="67"/>
        <v>157868</v>
      </c>
      <c r="AE363" s="140">
        <f t="shared" si="67"/>
        <v>72376</v>
      </c>
      <c r="AF363" s="140">
        <f t="shared" si="67"/>
        <v>6660</v>
      </c>
      <c r="AG363" s="140">
        <f t="shared" si="67"/>
        <v>22004</v>
      </c>
      <c r="AH363" s="140">
        <f t="shared" si="67"/>
        <v>9318</v>
      </c>
      <c r="AI363" s="140">
        <f t="shared" si="67"/>
        <v>47542</v>
      </c>
      <c r="AJ363" s="140">
        <f t="shared" si="67"/>
        <v>26792</v>
      </c>
      <c r="AK363" s="140">
        <f t="shared" si="67"/>
        <v>0</v>
      </c>
      <c r="AL363" s="140">
        <f t="shared" si="67"/>
        <v>0</v>
      </c>
      <c r="AM363" s="140">
        <f t="shared" si="67"/>
        <v>0</v>
      </c>
      <c r="AN363" s="143">
        <f t="shared" si="67"/>
        <v>0</v>
      </c>
      <c r="AO363" s="144"/>
    </row>
    <row r="364" spans="1:41" s="137" customFormat="1" ht="3.75" hidden="1" customHeight="1" outlineLevel="1">
      <c r="A364" s="136"/>
      <c r="C364" s="138"/>
      <c r="D364" s="146"/>
      <c r="E364" s="117"/>
      <c r="F364" s="139"/>
      <c r="G364" s="140"/>
      <c r="H364" s="140"/>
      <c r="I364" s="141"/>
      <c r="J364" s="140"/>
      <c r="K364" s="140"/>
      <c r="L364" s="140"/>
      <c r="M364" s="140"/>
      <c r="N364" s="140"/>
      <c r="O364" s="131"/>
      <c r="P364" s="142"/>
      <c r="Q364" s="140"/>
      <c r="R364" s="140"/>
      <c r="S364" s="140"/>
      <c r="T364" s="140"/>
      <c r="U364" s="140"/>
      <c r="V364" s="140"/>
      <c r="W364" s="140"/>
      <c r="X364" s="140"/>
      <c r="Y364" s="140"/>
      <c r="Z364" s="140"/>
      <c r="AA364" s="140"/>
      <c r="AB364" s="143"/>
      <c r="AC364" s="140"/>
      <c r="AD364" s="140"/>
      <c r="AE364" s="140"/>
      <c r="AF364" s="140"/>
      <c r="AG364" s="140"/>
      <c r="AH364" s="140"/>
      <c r="AI364" s="140"/>
      <c r="AJ364" s="140"/>
      <c r="AK364" s="140"/>
      <c r="AL364" s="140"/>
      <c r="AM364" s="140"/>
      <c r="AN364" s="143"/>
      <c r="AO364" s="144"/>
    </row>
    <row r="365" spans="1:41" s="62" customFormat="1" hidden="1" outlineLevel="2">
      <c r="A365" s="61" t="s">
        <v>276</v>
      </c>
      <c r="B365" s="61" t="s">
        <v>277</v>
      </c>
      <c r="C365" s="71" t="s">
        <v>278</v>
      </c>
      <c r="D365" s="72" t="s">
        <v>1295</v>
      </c>
      <c r="E365" s="73"/>
      <c r="F365" s="62">
        <v>1261903.83</v>
      </c>
      <c r="G365" s="62">
        <v>-7261961.1600000001</v>
      </c>
      <c r="H365" s="62">
        <f t="shared" ref="H365:H425" si="68">+F365-G365</f>
        <v>8523864.9900000002</v>
      </c>
      <c r="J365" s="62">
        <v>-7261961.1600000001</v>
      </c>
      <c r="K365" s="62">
        <f t="shared" ref="K365:K425" si="69">+F365-J365</f>
        <v>8523864.9900000002</v>
      </c>
      <c r="M365" s="62">
        <v>-817858.15</v>
      </c>
      <c r="N365" s="62">
        <f t="shared" ref="N365:N425" si="70">+F365-M365</f>
        <v>2079761.98</v>
      </c>
      <c r="P365" s="74">
        <v>48966.42</v>
      </c>
      <c r="Q365" s="61">
        <v>10179204.07</v>
      </c>
      <c r="R365" s="61">
        <v>9048708.5899999999</v>
      </c>
      <c r="S365" s="61">
        <v>6736458.0800000001</v>
      </c>
      <c r="T365" s="62">
        <v>3457237.68</v>
      </c>
      <c r="U365" s="61">
        <v>1555595.97</v>
      </c>
      <c r="V365" s="61">
        <v>423193.58</v>
      </c>
      <c r="W365" s="61">
        <v>-3172802.52</v>
      </c>
      <c r="X365" s="61">
        <v>-4822312.04</v>
      </c>
      <c r="Y365" s="61">
        <v>-4981448.84</v>
      </c>
      <c r="Z365" s="61">
        <v>-7388097.8300000001</v>
      </c>
      <c r="AA365" s="61">
        <v>-11613956.51</v>
      </c>
      <c r="AB365" s="75">
        <v>-7261961.1600000001</v>
      </c>
      <c r="AC365" s="61">
        <v>-6104616.4400000004</v>
      </c>
      <c r="AD365" s="61">
        <v>-5552421.04</v>
      </c>
      <c r="AE365" s="61">
        <v>-589249.6</v>
      </c>
      <c r="AF365" s="62">
        <v>-889939.08000000007</v>
      </c>
      <c r="AG365" s="61">
        <v>-1336258.54</v>
      </c>
      <c r="AH365" s="61">
        <v>-4714147.26</v>
      </c>
      <c r="AI365" s="61">
        <v>-4649539.2</v>
      </c>
      <c r="AJ365" s="61">
        <v>-4188979.66</v>
      </c>
      <c r="AK365" s="61">
        <v>-3338279.5300000003</v>
      </c>
      <c r="AL365" s="61">
        <v>-3572416.1</v>
      </c>
      <c r="AM365" s="61">
        <v>-817858.15</v>
      </c>
      <c r="AN365" s="75">
        <v>1261903.83</v>
      </c>
    </row>
    <row r="366" spans="1:41" s="62" customFormat="1" hidden="1" outlineLevel="2">
      <c r="A366" s="61" t="s">
        <v>279</v>
      </c>
      <c r="B366" s="61" t="s">
        <v>280</v>
      </c>
      <c r="C366" s="71" t="s">
        <v>281</v>
      </c>
      <c r="D366" s="72" t="s">
        <v>1295</v>
      </c>
      <c r="E366" s="73"/>
      <c r="F366" s="62">
        <v>0</v>
      </c>
      <c r="G366" s="62">
        <v>-25020</v>
      </c>
      <c r="H366" s="62">
        <f t="shared" si="68"/>
        <v>25020</v>
      </c>
      <c r="J366" s="62">
        <v>-25020</v>
      </c>
      <c r="K366" s="62">
        <f t="shared" si="69"/>
        <v>25020</v>
      </c>
      <c r="M366" s="62">
        <v>-25020</v>
      </c>
      <c r="N366" s="62">
        <f t="shared" si="70"/>
        <v>25020</v>
      </c>
      <c r="P366" s="74">
        <v>-25020</v>
      </c>
      <c r="Q366" s="61">
        <v>-25020</v>
      </c>
      <c r="R366" s="61">
        <v>-25020</v>
      </c>
      <c r="S366" s="61">
        <v>-25020</v>
      </c>
      <c r="T366" s="62">
        <v>-25020</v>
      </c>
      <c r="U366" s="61">
        <v>-25020</v>
      </c>
      <c r="V366" s="61">
        <v>-25020</v>
      </c>
      <c r="W366" s="61">
        <v>-25020</v>
      </c>
      <c r="X366" s="61">
        <v>-25020</v>
      </c>
      <c r="Y366" s="61">
        <v>-25020</v>
      </c>
      <c r="Z366" s="61">
        <v>-25020</v>
      </c>
      <c r="AA366" s="61">
        <v>-25020</v>
      </c>
      <c r="AB366" s="75">
        <v>-25020</v>
      </c>
      <c r="AC366" s="61">
        <v>-25020</v>
      </c>
      <c r="AD366" s="61">
        <v>-25020</v>
      </c>
      <c r="AE366" s="61">
        <v>-25020</v>
      </c>
      <c r="AF366" s="62">
        <v>-25020</v>
      </c>
      <c r="AG366" s="61">
        <v>-25020</v>
      </c>
      <c r="AH366" s="61">
        <v>-25020</v>
      </c>
      <c r="AI366" s="61">
        <v>-25020</v>
      </c>
      <c r="AJ366" s="61">
        <v>-25020</v>
      </c>
      <c r="AK366" s="61">
        <v>-25020</v>
      </c>
      <c r="AL366" s="61">
        <v>-25020</v>
      </c>
      <c r="AM366" s="61">
        <v>-25020</v>
      </c>
      <c r="AN366" s="75">
        <v>0</v>
      </c>
    </row>
    <row r="367" spans="1:41" s="62" customFormat="1" hidden="1" outlineLevel="2">
      <c r="A367" s="61" t="s">
        <v>1296</v>
      </c>
      <c r="B367" s="61" t="s">
        <v>1297</v>
      </c>
      <c r="C367" s="71" t="s">
        <v>281</v>
      </c>
      <c r="D367" s="72" t="s">
        <v>1295</v>
      </c>
      <c r="E367" s="73"/>
      <c r="F367" s="62">
        <v>0</v>
      </c>
      <c r="G367" s="62">
        <v>0</v>
      </c>
      <c r="H367" s="62">
        <f t="shared" si="68"/>
        <v>0</v>
      </c>
      <c r="J367" s="62">
        <v>0</v>
      </c>
      <c r="K367" s="62">
        <f t="shared" si="69"/>
        <v>0</v>
      </c>
      <c r="M367" s="62">
        <v>0</v>
      </c>
      <c r="N367" s="62">
        <f t="shared" si="70"/>
        <v>0</v>
      </c>
      <c r="P367" s="74">
        <v>0</v>
      </c>
      <c r="Q367" s="61">
        <v>0</v>
      </c>
      <c r="R367" s="61">
        <v>0</v>
      </c>
      <c r="S367" s="61">
        <v>0</v>
      </c>
      <c r="T367" s="62">
        <v>0</v>
      </c>
      <c r="U367" s="61">
        <v>0</v>
      </c>
      <c r="V367" s="61">
        <v>0</v>
      </c>
      <c r="W367" s="61">
        <v>0</v>
      </c>
      <c r="X367" s="61">
        <v>0</v>
      </c>
      <c r="Y367" s="61">
        <v>0</v>
      </c>
      <c r="Z367" s="61">
        <v>0</v>
      </c>
      <c r="AA367" s="61">
        <v>0</v>
      </c>
      <c r="AB367" s="75">
        <v>0</v>
      </c>
      <c r="AC367" s="61">
        <v>0</v>
      </c>
      <c r="AD367" s="61">
        <v>0</v>
      </c>
      <c r="AE367" s="61">
        <v>0</v>
      </c>
      <c r="AF367" s="62">
        <v>0</v>
      </c>
      <c r="AG367" s="61">
        <v>0</v>
      </c>
      <c r="AH367" s="61">
        <v>0</v>
      </c>
      <c r="AI367" s="61">
        <v>0</v>
      </c>
      <c r="AJ367" s="61">
        <v>0</v>
      </c>
      <c r="AK367" s="61">
        <v>0</v>
      </c>
      <c r="AL367" s="61">
        <v>0</v>
      </c>
      <c r="AM367" s="61">
        <v>0</v>
      </c>
      <c r="AN367" s="75">
        <v>0</v>
      </c>
    </row>
    <row r="368" spans="1:41" s="62" customFormat="1" hidden="1" outlineLevel="2">
      <c r="A368" s="61" t="s">
        <v>818</v>
      </c>
      <c r="B368" s="61" t="s">
        <v>819</v>
      </c>
      <c r="C368" s="71" t="s">
        <v>281</v>
      </c>
      <c r="D368" s="72" t="s">
        <v>1295</v>
      </c>
      <c r="E368" s="73"/>
      <c r="F368" s="62">
        <v>0</v>
      </c>
      <c r="G368" s="62">
        <v>0</v>
      </c>
      <c r="H368" s="62">
        <f t="shared" si="68"/>
        <v>0</v>
      </c>
      <c r="J368" s="62">
        <v>0</v>
      </c>
      <c r="K368" s="62">
        <f t="shared" si="69"/>
        <v>0</v>
      </c>
      <c r="M368" s="62">
        <v>0</v>
      </c>
      <c r="N368" s="62">
        <f t="shared" si="70"/>
        <v>0</v>
      </c>
      <c r="P368" s="74">
        <v>0</v>
      </c>
      <c r="Q368" s="61">
        <v>0</v>
      </c>
      <c r="R368" s="61">
        <v>0</v>
      </c>
      <c r="S368" s="61">
        <v>0</v>
      </c>
      <c r="T368" s="62">
        <v>0</v>
      </c>
      <c r="U368" s="61">
        <v>0</v>
      </c>
      <c r="V368" s="61">
        <v>0</v>
      </c>
      <c r="W368" s="61">
        <v>0</v>
      </c>
      <c r="X368" s="61">
        <v>0</v>
      </c>
      <c r="Y368" s="61">
        <v>0</v>
      </c>
      <c r="Z368" s="61">
        <v>0</v>
      </c>
      <c r="AA368" s="61">
        <v>0</v>
      </c>
      <c r="AB368" s="75">
        <v>0</v>
      </c>
      <c r="AC368" s="61">
        <v>0</v>
      </c>
      <c r="AD368" s="61">
        <v>0</v>
      </c>
      <c r="AE368" s="61">
        <v>0</v>
      </c>
      <c r="AF368" s="62">
        <v>0</v>
      </c>
      <c r="AG368" s="61">
        <v>0</v>
      </c>
      <c r="AH368" s="61">
        <v>0</v>
      </c>
      <c r="AI368" s="61">
        <v>0</v>
      </c>
      <c r="AJ368" s="61">
        <v>0</v>
      </c>
      <c r="AK368" s="61">
        <v>0</v>
      </c>
      <c r="AL368" s="61">
        <v>0</v>
      </c>
      <c r="AM368" s="61">
        <v>0</v>
      </c>
      <c r="AN368" s="75">
        <v>0</v>
      </c>
    </row>
    <row r="369" spans="1:40" s="62" customFormat="1" hidden="1" outlineLevel="2">
      <c r="A369" s="61" t="s">
        <v>282</v>
      </c>
      <c r="B369" s="61" t="s">
        <v>283</v>
      </c>
      <c r="C369" s="71" t="s">
        <v>281</v>
      </c>
      <c r="D369" s="72" t="s">
        <v>1295</v>
      </c>
      <c r="E369" s="73"/>
      <c r="F369" s="62">
        <v>0</v>
      </c>
      <c r="G369" s="62">
        <v>0</v>
      </c>
      <c r="H369" s="62">
        <f t="shared" si="68"/>
        <v>0</v>
      </c>
      <c r="J369" s="62">
        <v>0</v>
      </c>
      <c r="K369" s="62">
        <f t="shared" si="69"/>
        <v>0</v>
      </c>
      <c r="M369" s="62">
        <v>0</v>
      </c>
      <c r="N369" s="62">
        <f t="shared" si="70"/>
        <v>0</v>
      </c>
      <c r="P369" s="74">
        <v>41530.129999999997</v>
      </c>
      <c r="Q369" s="61">
        <v>41530.129999999997</v>
      </c>
      <c r="R369" s="61">
        <v>41530.129999999997</v>
      </c>
      <c r="S369" s="61">
        <v>41530.129999999997</v>
      </c>
      <c r="T369" s="62">
        <v>41530.129999999997</v>
      </c>
      <c r="U369" s="61">
        <v>41530.129999999997</v>
      </c>
      <c r="V369" s="61">
        <v>41530.129999999997</v>
      </c>
      <c r="W369" s="61">
        <v>41530.129999999997</v>
      </c>
      <c r="X369" s="61">
        <v>41530.129999999997</v>
      </c>
      <c r="Y369" s="61">
        <v>41530.129999999997</v>
      </c>
      <c r="Z369" s="61">
        <v>217877.13</v>
      </c>
      <c r="AA369" s="61">
        <v>17864.98</v>
      </c>
      <c r="AB369" s="75">
        <v>0</v>
      </c>
      <c r="AC369" s="61">
        <v>0</v>
      </c>
      <c r="AD369" s="61">
        <v>0</v>
      </c>
      <c r="AE369" s="61">
        <v>0</v>
      </c>
      <c r="AF369" s="62">
        <v>0</v>
      </c>
      <c r="AG369" s="61">
        <v>0</v>
      </c>
      <c r="AH369" s="61">
        <v>0</v>
      </c>
      <c r="AI369" s="61">
        <v>0</v>
      </c>
      <c r="AJ369" s="61">
        <v>0</v>
      </c>
      <c r="AK369" s="61">
        <v>0</v>
      </c>
      <c r="AL369" s="61">
        <v>0</v>
      </c>
      <c r="AM369" s="61">
        <v>0</v>
      </c>
      <c r="AN369" s="75">
        <v>0</v>
      </c>
    </row>
    <row r="370" spans="1:40" s="62" customFormat="1" hidden="1" outlineLevel="2">
      <c r="A370" s="61" t="s">
        <v>284</v>
      </c>
      <c r="B370" s="61" t="s">
        <v>285</v>
      </c>
      <c r="C370" s="71" t="s">
        <v>281</v>
      </c>
      <c r="D370" s="72" t="s">
        <v>1295</v>
      </c>
      <c r="E370" s="73"/>
      <c r="F370" s="62">
        <v>0</v>
      </c>
      <c r="G370" s="62">
        <v>4417271.24</v>
      </c>
      <c r="H370" s="62">
        <f t="shared" si="68"/>
        <v>-4417271.24</v>
      </c>
      <c r="J370" s="62">
        <v>4417271.24</v>
      </c>
      <c r="K370" s="62">
        <f t="shared" si="69"/>
        <v>-4417271.24</v>
      </c>
      <c r="M370" s="62">
        <v>4677061.2</v>
      </c>
      <c r="N370" s="62">
        <f t="shared" si="70"/>
        <v>-4677061.2</v>
      </c>
      <c r="P370" s="74">
        <v>0</v>
      </c>
      <c r="Q370" s="61">
        <v>1888114.6</v>
      </c>
      <c r="R370" s="61">
        <v>1605499.87</v>
      </c>
      <c r="S370" s="61">
        <v>1127186.8999999999</v>
      </c>
      <c r="T370" s="62">
        <v>539687.75</v>
      </c>
      <c r="U370" s="61">
        <v>112001.74</v>
      </c>
      <c r="V370" s="61">
        <v>-175731.66</v>
      </c>
      <c r="W370" s="61">
        <v>-939377.66</v>
      </c>
      <c r="X370" s="61">
        <v>-1325717.78</v>
      </c>
      <c r="Y370" s="61">
        <v>-1591971.35</v>
      </c>
      <c r="Z370" s="61">
        <v>-2114522.12</v>
      </c>
      <c r="AA370" s="61">
        <v>-2510696.58</v>
      </c>
      <c r="AB370" s="75">
        <v>4417271.24</v>
      </c>
      <c r="AC370" s="61">
        <v>4417371.24</v>
      </c>
      <c r="AD370" s="61">
        <v>4417371.24</v>
      </c>
      <c r="AE370" s="61">
        <v>4340371.24</v>
      </c>
      <c r="AF370" s="62">
        <v>4338171.24</v>
      </c>
      <c r="AG370" s="61">
        <v>4338171.24</v>
      </c>
      <c r="AH370" s="61">
        <v>4338171.24</v>
      </c>
      <c r="AI370" s="61">
        <v>4338171.24</v>
      </c>
      <c r="AJ370" s="61">
        <v>4338171.24</v>
      </c>
      <c r="AK370" s="61">
        <v>4338171.24</v>
      </c>
      <c r="AL370" s="61">
        <v>4338320.24</v>
      </c>
      <c r="AM370" s="61">
        <v>4677061.2</v>
      </c>
      <c r="AN370" s="75">
        <v>0</v>
      </c>
    </row>
    <row r="371" spans="1:40" s="62" customFormat="1" hidden="1" outlineLevel="2">
      <c r="A371" s="61" t="s">
        <v>442</v>
      </c>
      <c r="B371" s="61" t="s">
        <v>443</v>
      </c>
      <c r="C371" s="71" t="s">
        <v>281</v>
      </c>
      <c r="D371" s="72" t="s">
        <v>1295</v>
      </c>
      <c r="E371" s="73"/>
      <c r="F371" s="62">
        <v>491276.85000000003</v>
      </c>
      <c r="G371" s="62">
        <v>0</v>
      </c>
      <c r="H371" s="62">
        <f t="shared" si="68"/>
        <v>491276.85000000003</v>
      </c>
      <c r="J371" s="62">
        <v>0</v>
      </c>
      <c r="K371" s="62">
        <f t="shared" si="69"/>
        <v>491276.85000000003</v>
      </c>
      <c r="M371" s="62">
        <v>202213.02000000002</v>
      </c>
      <c r="N371" s="62">
        <f t="shared" si="70"/>
        <v>289063.83</v>
      </c>
      <c r="P371" s="74">
        <v>0</v>
      </c>
      <c r="Q371" s="61">
        <v>0</v>
      </c>
      <c r="R371" s="61">
        <v>0</v>
      </c>
      <c r="S371" s="61">
        <v>0</v>
      </c>
      <c r="T371" s="62">
        <v>0</v>
      </c>
      <c r="U371" s="61">
        <v>0</v>
      </c>
      <c r="V371" s="61">
        <v>0</v>
      </c>
      <c r="W371" s="61">
        <v>0</v>
      </c>
      <c r="X371" s="61">
        <v>0</v>
      </c>
      <c r="Y371" s="61">
        <v>0</v>
      </c>
      <c r="Z371" s="61">
        <v>0</v>
      </c>
      <c r="AA371" s="61">
        <v>0</v>
      </c>
      <c r="AB371" s="75">
        <v>0</v>
      </c>
      <c r="AC371" s="61">
        <v>263230.49</v>
      </c>
      <c r="AD371" s="61">
        <v>367028.77</v>
      </c>
      <c r="AE371" s="61">
        <v>109366.3</v>
      </c>
      <c r="AF371" s="62">
        <v>47041.090000000004</v>
      </c>
      <c r="AG371" s="61">
        <v>-19079.04</v>
      </c>
      <c r="AH371" s="61">
        <v>-169758.56</v>
      </c>
      <c r="AI371" s="61">
        <v>-133506.9</v>
      </c>
      <c r="AJ371" s="61">
        <v>-17767.310000000001</v>
      </c>
      <c r="AK371" s="61">
        <v>83747.59</v>
      </c>
      <c r="AL371" s="61">
        <v>58908.200000000004</v>
      </c>
      <c r="AM371" s="61">
        <v>202213.02000000002</v>
      </c>
      <c r="AN371" s="75">
        <v>491276.85000000003</v>
      </c>
    </row>
    <row r="372" spans="1:40" s="62" customFormat="1" hidden="1" outlineLevel="2">
      <c r="A372" s="61" t="s">
        <v>286</v>
      </c>
      <c r="B372" s="61" t="s">
        <v>287</v>
      </c>
      <c r="C372" s="71" t="s">
        <v>288</v>
      </c>
      <c r="D372" s="72" t="s">
        <v>1295</v>
      </c>
      <c r="E372" s="73"/>
      <c r="F372" s="62">
        <v>64071.71</v>
      </c>
      <c r="G372" s="62">
        <v>51532.61</v>
      </c>
      <c r="H372" s="62">
        <f t="shared" si="68"/>
        <v>12539.099999999999</v>
      </c>
      <c r="J372" s="62">
        <v>51532.61</v>
      </c>
      <c r="K372" s="62">
        <f t="shared" si="69"/>
        <v>12539.099999999999</v>
      </c>
      <c r="M372" s="62">
        <v>41380.11</v>
      </c>
      <c r="N372" s="62">
        <f t="shared" si="70"/>
        <v>22691.599999999999</v>
      </c>
      <c r="P372" s="74">
        <v>45434.48</v>
      </c>
      <c r="Q372" s="61">
        <v>53225.35</v>
      </c>
      <c r="R372" s="61">
        <v>62599.15</v>
      </c>
      <c r="S372" s="61">
        <v>63945.74</v>
      </c>
      <c r="T372" s="62">
        <v>82096.570000000007</v>
      </c>
      <c r="U372" s="61">
        <v>89233.930000000008</v>
      </c>
      <c r="V372" s="61">
        <v>42048.91</v>
      </c>
      <c r="W372" s="61">
        <v>65549.320000000007</v>
      </c>
      <c r="X372" s="61">
        <v>59391.5</v>
      </c>
      <c r="Y372" s="61">
        <v>68995.38</v>
      </c>
      <c r="Z372" s="61">
        <v>83393.22</v>
      </c>
      <c r="AA372" s="61">
        <v>31258.3</v>
      </c>
      <c r="AB372" s="75">
        <v>51532.61</v>
      </c>
      <c r="AC372" s="61">
        <v>57919.08</v>
      </c>
      <c r="AD372" s="61">
        <v>64586.99</v>
      </c>
      <c r="AE372" s="61">
        <v>75992.61</v>
      </c>
      <c r="AF372" s="62">
        <v>87535.84</v>
      </c>
      <c r="AG372" s="61">
        <v>41166.11</v>
      </c>
      <c r="AH372" s="61">
        <v>53632.270000000004</v>
      </c>
      <c r="AI372" s="61">
        <v>58975.16</v>
      </c>
      <c r="AJ372" s="61">
        <v>78422.14</v>
      </c>
      <c r="AK372" s="61">
        <v>85409.61</v>
      </c>
      <c r="AL372" s="61">
        <v>41293.020000000004</v>
      </c>
      <c r="AM372" s="61">
        <v>41380.11</v>
      </c>
      <c r="AN372" s="75">
        <v>64071.71</v>
      </c>
    </row>
    <row r="373" spans="1:40" s="62" customFormat="1" hidden="1" outlineLevel="2">
      <c r="A373" s="61" t="s">
        <v>289</v>
      </c>
      <c r="B373" s="61" t="s">
        <v>290</v>
      </c>
      <c r="C373" s="71" t="s">
        <v>291</v>
      </c>
      <c r="D373" s="72" t="s">
        <v>1295</v>
      </c>
      <c r="E373" s="73"/>
      <c r="F373" s="62">
        <v>5151.72</v>
      </c>
      <c r="G373" s="62">
        <v>4087.58</v>
      </c>
      <c r="H373" s="62">
        <f t="shared" si="68"/>
        <v>1064.1400000000003</v>
      </c>
      <c r="J373" s="62">
        <v>4087.58</v>
      </c>
      <c r="K373" s="62">
        <f t="shared" si="69"/>
        <v>1064.1400000000003</v>
      </c>
      <c r="M373" s="62">
        <v>188.88</v>
      </c>
      <c r="N373" s="62">
        <f t="shared" si="70"/>
        <v>4962.84</v>
      </c>
      <c r="P373" s="74">
        <v>26185.62</v>
      </c>
      <c r="Q373" s="61">
        <v>9785.09</v>
      </c>
      <c r="R373" s="61">
        <v>10346.68</v>
      </c>
      <c r="S373" s="61">
        <v>10512.93</v>
      </c>
      <c r="T373" s="62">
        <v>135.43</v>
      </c>
      <c r="U373" s="61">
        <v>125.35000000000001</v>
      </c>
      <c r="V373" s="61">
        <v>149.33000000000001</v>
      </c>
      <c r="W373" s="61">
        <v>69.89</v>
      </c>
      <c r="X373" s="61">
        <v>119.95</v>
      </c>
      <c r="Y373" s="61">
        <v>147.41</v>
      </c>
      <c r="Z373" s="61">
        <v>193.04</v>
      </c>
      <c r="AA373" s="61">
        <v>76.86</v>
      </c>
      <c r="AB373" s="75">
        <v>4087.58</v>
      </c>
      <c r="AC373" s="61">
        <v>10055.14</v>
      </c>
      <c r="AD373" s="61">
        <v>10402.5</v>
      </c>
      <c r="AE373" s="61">
        <v>10491.35</v>
      </c>
      <c r="AF373" s="62">
        <v>105.02</v>
      </c>
      <c r="AG373" s="61">
        <v>189.76</v>
      </c>
      <c r="AH373" s="61">
        <v>232.67000000000002</v>
      </c>
      <c r="AI373" s="61">
        <v>281.42</v>
      </c>
      <c r="AJ373" s="61">
        <v>161.06</v>
      </c>
      <c r="AK373" s="61">
        <v>266.3</v>
      </c>
      <c r="AL373" s="61">
        <v>69.7</v>
      </c>
      <c r="AM373" s="61">
        <v>188.88</v>
      </c>
      <c r="AN373" s="75">
        <v>5151.72</v>
      </c>
    </row>
    <row r="374" spans="1:40" s="62" customFormat="1" hidden="1" outlineLevel="2">
      <c r="A374" s="61" t="s">
        <v>292</v>
      </c>
      <c r="B374" s="61" t="s">
        <v>293</v>
      </c>
      <c r="C374" s="71" t="s">
        <v>294</v>
      </c>
      <c r="D374" s="72" t="s">
        <v>1295</v>
      </c>
      <c r="E374" s="73"/>
      <c r="F374" s="62">
        <v>5952.93</v>
      </c>
      <c r="G374" s="62">
        <v>8799.14</v>
      </c>
      <c r="H374" s="62">
        <f t="shared" si="68"/>
        <v>-2846.2099999999991</v>
      </c>
      <c r="J374" s="62">
        <v>8799.14</v>
      </c>
      <c r="K374" s="62">
        <f t="shared" si="69"/>
        <v>-2846.2099999999991</v>
      </c>
      <c r="M374" s="62">
        <v>453.99</v>
      </c>
      <c r="N374" s="62">
        <f t="shared" si="70"/>
        <v>5498.9400000000005</v>
      </c>
      <c r="P374" s="74">
        <v>3860.71</v>
      </c>
      <c r="Q374" s="61">
        <v>22871.95</v>
      </c>
      <c r="R374" s="61">
        <v>29775.07</v>
      </c>
      <c r="S374" s="61">
        <v>25198.04</v>
      </c>
      <c r="T374" s="62">
        <v>0</v>
      </c>
      <c r="U374" s="61">
        <v>0</v>
      </c>
      <c r="V374" s="61">
        <v>0</v>
      </c>
      <c r="W374" s="61">
        <v>133.87</v>
      </c>
      <c r="X374" s="61">
        <v>305.89</v>
      </c>
      <c r="Y374" s="61">
        <v>361.26</v>
      </c>
      <c r="Z374" s="61">
        <v>39.86</v>
      </c>
      <c r="AA374" s="61">
        <v>159.83000000000001</v>
      </c>
      <c r="AB374" s="75">
        <v>8799.14</v>
      </c>
      <c r="AC374" s="61">
        <v>26384.71</v>
      </c>
      <c r="AD374" s="61">
        <v>30623.25</v>
      </c>
      <c r="AE374" s="61">
        <v>31048.91</v>
      </c>
      <c r="AF374" s="62">
        <v>244.16</v>
      </c>
      <c r="AG374" s="61">
        <v>429.1</v>
      </c>
      <c r="AH374" s="61">
        <v>635.88</v>
      </c>
      <c r="AI374" s="61">
        <v>239.41</v>
      </c>
      <c r="AJ374" s="61">
        <v>473.01</v>
      </c>
      <c r="AK374" s="61">
        <v>592</v>
      </c>
      <c r="AL374" s="61">
        <v>267.49</v>
      </c>
      <c r="AM374" s="61">
        <v>453.99</v>
      </c>
      <c r="AN374" s="75">
        <v>5952.93</v>
      </c>
    </row>
    <row r="375" spans="1:40" s="62" customFormat="1" hidden="1" outlineLevel="2">
      <c r="A375" s="61" t="s">
        <v>1298</v>
      </c>
      <c r="B375" s="61" t="s">
        <v>1299</v>
      </c>
      <c r="C375" s="71" t="s">
        <v>295</v>
      </c>
      <c r="D375" s="72" t="s">
        <v>1295</v>
      </c>
      <c r="E375" s="73"/>
      <c r="F375" s="62">
        <v>0</v>
      </c>
      <c r="G375" s="62">
        <v>0</v>
      </c>
      <c r="H375" s="62">
        <f t="shared" si="68"/>
        <v>0</v>
      </c>
      <c r="J375" s="62">
        <v>0</v>
      </c>
      <c r="K375" s="62">
        <f t="shared" si="69"/>
        <v>0</v>
      </c>
      <c r="M375" s="62">
        <v>0</v>
      </c>
      <c r="N375" s="62">
        <f t="shared" si="70"/>
        <v>0</v>
      </c>
      <c r="P375" s="74">
        <v>0</v>
      </c>
      <c r="Q375" s="61">
        <v>0</v>
      </c>
      <c r="R375" s="61">
        <v>0</v>
      </c>
      <c r="S375" s="61">
        <v>0</v>
      </c>
      <c r="T375" s="62">
        <v>0</v>
      </c>
      <c r="U375" s="61">
        <v>0</v>
      </c>
      <c r="V375" s="61">
        <v>0</v>
      </c>
      <c r="W375" s="61">
        <v>0</v>
      </c>
      <c r="X375" s="61">
        <v>0</v>
      </c>
      <c r="Y375" s="61">
        <v>0</v>
      </c>
      <c r="Z375" s="61">
        <v>0</v>
      </c>
      <c r="AA375" s="61">
        <v>0</v>
      </c>
      <c r="AB375" s="75">
        <v>0</v>
      </c>
      <c r="AC375" s="61">
        <v>0</v>
      </c>
      <c r="AD375" s="61">
        <v>0</v>
      </c>
      <c r="AE375" s="61">
        <v>0</v>
      </c>
      <c r="AF375" s="62">
        <v>0</v>
      </c>
      <c r="AG375" s="61">
        <v>0</v>
      </c>
      <c r="AH375" s="61">
        <v>0</v>
      </c>
      <c r="AI375" s="61">
        <v>0</v>
      </c>
      <c r="AJ375" s="61">
        <v>0</v>
      </c>
      <c r="AK375" s="61">
        <v>0</v>
      </c>
      <c r="AL375" s="61">
        <v>0</v>
      </c>
      <c r="AM375" s="61">
        <v>0</v>
      </c>
      <c r="AN375" s="75">
        <v>0</v>
      </c>
    </row>
    <row r="376" spans="1:40" s="62" customFormat="1" hidden="1" outlineLevel="2">
      <c r="A376" s="61" t="s">
        <v>1300</v>
      </c>
      <c r="B376" s="61" t="s">
        <v>1301</v>
      </c>
      <c r="C376" s="71" t="s">
        <v>295</v>
      </c>
      <c r="D376" s="72" t="s">
        <v>1295</v>
      </c>
      <c r="E376" s="73"/>
      <c r="F376" s="62">
        <v>0</v>
      </c>
      <c r="G376" s="62">
        <v>0</v>
      </c>
      <c r="H376" s="62">
        <f t="shared" si="68"/>
        <v>0</v>
      </c>
      <c r="J376" s="62">
        <v>0</v>
      </c>
      <c r="K376" s="62">
        <f t="shared" si="69"/>
        <v>0</v>
      </c>
      <c r="M376" s="62">
        <v>0</v>
      </c>
      <c r="N376" s="62">
        <f t="shared" si="70"/>
        <v>0</v>
      </c>
      <c r="P376" s="74">
        <v>0</v>
      </c>
      <c r="Q376" s="61">
        <v>0</v>
      </c>
      <c r="R376" s="61">
        <v>0</v>
      </c>
      <c r="S376" s="61">
        <v>0</v>
      </c>
      <c r="T376" s="62">
        <v>0</v>
      </c>
      <c r="U376" s="61">
        <v>0</v>
      </c>
      <c r="V376" s="61">
        <v>0</v>
      </c>
      <c r="W376" s="61">
        <v>0</v>
      </c>
      <c r="X376" s="61">
        <v>0</v>
      </c>
      <c r="Y376" s="61">
        <v>0</v>
      </c>
      <c r="Z376" s="61">
        <v>0</v>
      </c>
      <c r="AA376" s="61">
        <v>0</v>
      </c>
      <c r="AB376" s="75">
        <v>0</v>
      </c>
      <c r="AC376" s="61">
        <v>0</v>
      </c>
      <c r="AD376" s="61">
        <v>0</v>
      </c>
      <c r="AE376" s="61">
        <v>0</v>
      </c>
      <c r="AF376" s="62">
        <v>0</v>
      </c>
      <c r="AG376" s="61">
        <v>0</v>
      </c>
      <c r="AH376" s="61">
        <v>0</v>
      </c>
      <c r="AI376" s="61">
        <v>0</v>
      </c>
      <c r="AJ376" s="61">
        <v>0</v>
      </c>
      <c r="AK376" s="61">
        <v>0</v>
      </c>
      <c r="AL376" s="61">
        <v>0</v>
      </c>
      <c r="AM376" s="61">
        <v>0</v>
      </c>
      <c r="AN376" s="75">
        <v>0</v>
      </c>
    </row>
    <row r="377" spans="1:40" s="62" customFormat="1" hidden="1" outlineLevel="2">
      <c r="A377" s="61" t="s">
        <v>1302</v>
      </c>
      <c r="B377" s="61" t="s">
        <v>1303</v>
      </c>
      <c r="C377" s="71" t="s">
        <v>295</v>
      </c>
      <c r="D377" s="72" t="s">
        <v>1295</v>
      </c>
      <c r="E377" s="73"/>
      <c r="F377" s="62">
        <v>0</v>
      </c>
      <c r="G377" s="62">
        <v>0</v>
      </c>
      <c r="H377" s="62">
        <f t="shared" si="68"/>
        <v>0</v>
      </c>
      <c r="J377" s="62">
        <v>0</v>
      </c>
      <c r="K377" s="62">
        <f t="shared" si="69"/>
        <v>0</v>
      </c>
      <c r="M377" s="62">
        <v>0</v>
      </c>
      <c r="N377" s="62">
        <f t="shared" si="70"/>
        <v>0</v>
      </c>
      <c r="P377" s="74">
        <v>0</v>
      </c>
      <c r="Q377" s="61">
        <v>0</v>
      </c>
      <c r="R377" s="61">
        <v>0</v>
      </c>
      <c r="S377" s="61">
        <v>0</v>
      </c>
      <c r="T377" s="62">
        <v>0</v>
      </c>
      <c r="U377" s="61">
        <v>0</v>
      </c>
      <c r="V377" s="61">
        <v>0</v>
      </c>
      <c r="W377" s="61">
        <v>0</v>
      </c>
      <c r="X377" s="61">
        <v>0</v>
      </c>
      <c r="Y377" s="61">
        <v>0</v>
      </c>
      <c r="Z377" s="61">
        <v>0</v>
      </c>
      <c r="AA377" s="61">
        <v>0</v>
      </c>
      <c r="AB377" s="75">
        <v>0</v>
      </c>
      <c r="AC377" s="61">
        <v>0</v>
      </c>
      <c r="AD377" s="61">
        <v>0</v>
      </c>
      <c r="AE377" s="61">
        <v>0</v>
      </c>
      <c r="AF377" s="62">
        <v>0</v>
      </c>
      <c r="AG377" s="61">
        <v>0</v>
      </c>
      <c r="AH377" s="61">
        <v>0</v>
      </c>
      <c r="AI377" s="61">
        <v>0</v>
      </c>
      <c r="AJ377" s="61">
        <v>0</v>
      </c>
      <c r="AK377" s="61">
        <v>0</v>
      </c>
      <c r="AL377" s="61">
        <v>0</v>
      </c>
      <c r="AM377" s="61">
        <v>0</v>
      </c>
      <c r="AN377" s="75">
        <v>0</v>
      </c>
    </row>
    <row r="378" spans="1:40" s="62" customFormat="1" hidden="1" outlineLevel="2">
      <c r="A378" s="61" t="s">
        <v>820</v>
      </c>
      <c r="B378" s="61" t="s">
        <v>821</v>
      </c>
      <c r="C378" s="71" t="s">
        <v>295</v>
      </c>
      <c r="D378" s="72" t="s">
        <v>1295</v>
      </c>
      <c r="E378" s="73"/>
      <c r="F378" s="62">
        <v>0</v>
      </c>
      <c r="G378" s="62">
        <v>0</v>
      </c>
      <c r="H378" s="62">
        <f t="shared" si="68"/>
        <v>0</v>
      </c>
      <c r="J378" s="62">
        <v>0</v>
      </c>
      <c r="K378" s="62">
        <f t="shared" si="69"/>
        <v>0</v>
      </c>
      <c r="M378" s="62">
        <v>0</v>
      </c>
      <c r="N378" s="62">
        <f t="shared" si="70"/>
        <v>0</v>
      </c>
      <c r="P378" s="74">
        <v>37259.39</v>
      </c>
      <c r="Q378" s="61">
        <v>0</v>
      </c>
      <c r="R378" s="61">
        <v>0</v>
      </c>
      <c r="S378" s="61">
        <v>0</v>
      </c>
      <c r="T378" s="62">
        <v>0</v>
      </c>
      <c r="U378" s="61">
        <v>0</v>
      </c>
      <c r="V378" s="61">
        <v>0</v>
      </c>
      <c r="W378" s="61">
        <v>0</v>
      </c>
      <c r="X378" s="61">
        <v>0</v>
      </c>
      <c r="Y378" s="61">
        <v>0</v>
      </c>
      <c r="Z378" s="61">
        <v>0</v>
      </c>
      <c r="AA378" s="61">
        <v>0</v>
      </c>
      <c r="AB378" s="75">
        <v>0</v>
      </c>
      <c r="AC378" s="61">
        <v>0</v>
      </c>
      <c r="AD378" s="61">
        <v>0</v>
      </c>
      <c r="AE378" s="61">
        <v>0</v>
      </c>
      <c r="AF378" s="62">
        <v>0</v>
      </c>
      <c r="AG378" s="61">
        <v>0</v>
      </c>
      <c r="AH378" s="61">
        <v>0</v>
      </c>
      <c r="AI378" s="61">
        <v>0</v>
      </c>
      <c r="AJ378" s="61">
        <v>0</v>
      </c>
      <c r="AK378" s="61">
        <v>0</v>
      </c>
      <c r="AL378" s="61">
        <v>0</v>
      </c>
      <c r="AM378" s="61">
        <v>0</v>
      </c>
      <c r="AN378" s="75">
        <v>0</v>
      </c>
    </row>
    <row r="379" spans="1:40" s="62" customFormat="1" hidden="1" outlineLevel="2">
      <c r="A379" s="61" t="s">
        <v>296</v>
      </c>
      <c r="B379" s="61" t="s">
        <v>297</v>
      </c>
      <c r="C379" s="71" t="s">
        <v>295</v>
      </c>
      <c r="D379" s="72" t="s">
        <v>1295</v>
      </c>
      <c r="E379" s="73"/>
      <c r="F379" s="62">
        <v>0</v>
      </c>
      <c r="G379" s="62">
        <v>39416.120000000003</v>
      </c>
      <c r="H379" s="62">
        <f t="shared" si="68"/>
        <v>-39416.120000000003</v>
      </c>
      <c r="J379" s="62">
        <v>39416.120000000003</v>
      </c>
      <c r="K379" s="62">
        <f t="shared" si="69"/>
        <v>-39416.120000000003</v>
      </c>
      <c r="M379" s="62">
        <v>0</v>
      </c>
      <c r="N379" s="62">
        <f t="shared" si="70"/>
        <v>0</v>
      </c>
      <c r="P379" s="74">
        <v>0</v>
      </c>
      <c r="Q379" s="61">
        <v>36084.800000000003</v>
      </c>
      <c r="R379" s="61">
        <v>22025.23</v>
      </c>
      <c r="S379" s="61">
        <v>37601.69</v>
      </c>
      <c r="T379" s="62">
        <v>38645.879999999997</v>
      </c>
      <c r="U379" s="61">
        <v>41231.590000000004</v>
      </c>
      <c r="V379" s="61">
        <v>39938.32</v>
      </c>
      <c r="W379" s="61">
        <v>44228</v>
      </c>
      <c r="X379" s="61">
        <v>33852.300000000003</v>
      </c>
      <c r="Y379" s="61">
        <v>52052.73</v>
      </c>
      <c r="Z379" s="61">
        <v>33351.840000000004</v>
      </c>
      <c r="AA379" s="61">
        <v>32544.32</v>
      </c>
      <c r="AB379" s="75">
        <v>39416.120000000003</v>
      </c>
      <c r="AC379" s="61">
        <v>0</v>
      </c>
      <c r="AD379" s="61">
        <v>0</v>
      </c>
      <c r="AE379" s="61">
        <v>0</v>
      </c>
      <c r="AF379" s="62">
        <v>0</v>
      </c>
      <c r="AG379" s="61">
        <v>0</v>
      </c>
      <c r="AH379" s="61">
        <v>0</v>
      </c>
      <c r="AI379" s="61">
        <v>0</v>
      </c>
      <c r="AJ379" s="61">
        <v>0</v>
      </c>
      <c r="AK379" s="61">
        <v>0</v>
      </c>
      <c r="AL379" s="61">
        <v>0</v>
      </c>
      <c r="AM379" s="61">
        <v>0</v>
      </c>
      <c r="AN379" s="75">
        <v>0</v>
      </c>
    </row>
    <row r="380" spans="1:40" s="62" customFormat="1" hidden="1" outlineLevel="2">
      <c r="A380" s="61" t="s">
        <v>444</v>
      </c>
      <c r="B380" s="61" t="s">
        <v>445</v>
      </c>
      <c r="C380" s="71" t="s">
        <v>295</v>
      </c>
      <c r="D380" s="72" t="s">
        <v>1295</v>
      </c>
      <c r="E380" s="73"/>
      <c r="F380" s="62">
        <v>65408.19</v>
      </c>
      <c r="G380" s="62">
        <v>0</v>
      </c>
      <c r="H380" s="62">
        <f t="shared" si="68"/>
        <v>65408.19</v>
      </c>
      <c r="J380" s="62">
        <v>0</v>
      </c>
      <c r="K380" s="62">
        <f t="shared" si="69"/>
        <v>65408.19</v>
      </c>
      <c r="M380" s="62">
        <v>54134.090000000004</v>
      </c>
      <c r="N380" s="62">
        <f t="shared" si="70"/>
        <v>11274.099999999999</v>
      </c>
      <c r="P380" s="74">
        <v>0</v>
      </c>
      <c r="Q380" s="61">
        <v>0</v>
      </c>
      <c r="R380" s="61">
        <v>0</v>
      </c>
      <c r="S380" s="61">
        <v>0</v>
      </c>
      <c r="T380" s="62">
        <v>0</v>
      </c>
      <c r="U380" s="61">
        <v>0</v>
      </c>
      <c r="V380" s="61">
        <v>0</v>
      </c>
      <c r="W380" s="61">
        <v>0</v>
      </c>
      <c r="X380" s="61">
        <v>0</v>
      </c>
      <c r="Y380" s="61">
        <v>0</v>
      </c>
      <c r="Z380" s="61">
        <v>0</v>
      </c>
      <c r="AA380" s="61">
        <v>0</v>
      </c>
      <c r="AB380" s="75">
        <v>0</v>
      </c>
      <c r="AC380" s="61">
        <v>25913.43</v>
      </c>
      <c r="AD380" s="61">
        <v>29301.95</v>
      </c>
      <c r="AE380" s="61">
        <v>35986.340000000004</v>
      </c>
      <c r="AF380" s="62">
        <v>36985.97</v>
      </c>
      <c r="AG380" s="61">
        <v>46011.8</v>
      </c>
      <c r="AH380" s="61">
        <v>38882.32</v>
      </c>
      <c r="AI380" s="61">
        <v>32503.190000000002</v>
      </c>
      <c r="AJ380" s="61">
        <v>38591.620000000003</v>
      </c>
      <c r="AK380" s="61">
        <v>40250.5</v>
      </c>
      <c r="AL380" s="61">
        <v>33665.360000000001</v>
      </c>
      <c r="AM380" s="61">
        <v>54134.090000000004</v>
      </c>
      <c r="AN380" s="75">
        <v>65408.19</v>
      </c>
    </row>
    <row r="381" spans="1:40" s="62" customFormat="1" hidden="1" outlineLevel="2">
      <c r="A381" s="61" t="s">
        <v>1304</v>
      </c>
      <c r="B381" s="61" t="s">
        <v>1305</v>
      </c>
      <c r="C381" s="71" t="s">
        <v>300</v>
      </c>
      <c r="D381" s="72" t="s">
        <v>1295</v>
      </c>
      <c r="E381" s="73"/>
      <c r="F381" s="62">
        <v>0</v>
      </c>
      <c r="G381" s="62">
        <v>0</v>
      </c>
      <c r="H381" s="62">
        <f t="shared" si="68"/>
        <v>0</v>
      </c>
      <c r="J381" s="62">
        <v>0</v>
      </c>
      <c r="K381" s="62">
        <f t="shared" si="69"/>
        <v>0</v>
      </c>
      <c r="M381" s="62">
        <v>0</v>
      </c>
      <c r="N381" s="62">
        <f t="shared" si="70"/>
        <v>0</v>
      </c>
      <c r="P381" s="74">
        <v>0</v>
      </c>
      <c r="Q381" s="61">
        <v>0</v>
      </c>
      <c r="R381" s="61">
        <v>0</v>
      </c>
      <c r="S381" s="61">
        <v>0</v>
      </c>
      <c r="T381" s="62">
        <v>0</v>
      </c>
      <c r="U381" s="61">
        <v>0</v>
      </c>
      <c r="V381" s="61">
        <v>0</v>
      </c>
      <c r="W381" s="61">
        <v>0</v>
      </c>
      <c r="X381" s="61">
        <v>0</v>
      </c>
      <c r="Y381" s="61">
        <v>0</v>
      </c>
      <c r="Z381" s="61">
        <v>0</v>
      </c>
      <c r="AA381" s="61">
        <v>0</v>
      </c>
      <c r="AB381" s="75">
        <v>0</v>
      </c>
      <c r="AC381" s="61">
        <v>0</v>
      </c>
      <c r="AD381" s="61">
        <v>0</v>
      </c>
      <c r="AE381" s="61">
        <v>0</v>
      </c>
      <c r="AF381" s="62">
        <v>0</v>
      </c>
      <c r="AG381" s="61">
        <v>0</v>
      </c>
      <c r="AH381" s="61">
        <v>0</v>
      </c>
      <c r="AI381" s="61">
        <v>0</v>
      </c>
      <c r="AJ381" s="61">
        <v>0</v>
      </c>
      <c r="AK381" s="61">
        <v>0</v>
      </c>
      <c r="AL381" s="61">
        <v>0</v>
      </c>
      <c r="AM381" s="61">
        <v>0</v>
      </c>
      <c r="AN381" s="75">
        <v>0</v>
      </c>
    </row>
    <row r="382" spans="1:40" s="62" customFormat="1" hidden="1" outlineLevel="2">
      <c r="A382" s="61" t="s">
        <v>1306</v>
      </c>
      <c r="B382" s="61" t="s">
        <v>1307</v>
      </c>
      <c r="C382" s="71" t="s">
        <v>300</v>
      </c>
      <c r="D382" s="72" t="s">
        <v>1295</v>
      </c>
      <c r="E382" s="73"/>
      <c r="F382" s="62">
        <v>0</v>
      </c>
      <c r="G382" s="62">
        <v>0</v>
      </c>
      <c r="H382" s="62">
        <f t="shared" si="68"/>
        <v>0</v>
      </c>
      <c r="J382" s="62">
        <v>0</v>
      </c>
      <c r="K382" s="62">
        <f t="shared" si="69"/>
        <v>0</v>
      </c>
      <c r="M382" s="62">
        <v>0</v>
      </c>
      <c r="N382" s="62">
        <f t="shared" si="70"/>
        <v>0</v>
      </c>
      <c r="P382" s="74">
        <v>0</v>
      </c>
      <c r="Q382" s="61">
        <v>0</v>
      </c>
      <c r="R382" s="61">
        <v>0</v>
      </c>
      <c r="S382" s="61">
        <v>0</v>
      </c>
      <c r="T382" s="62">
        <v>0</v>
      </c>
      <c r="U382" s="61">
        <v>0</v>
      </c>
      <c r="V382" s="61">
        <v>0</v>
      </c>
      <c r="W382" s="61">
        <v>0</v>
      </c>
      <c r="X382" s="61">
        <v>0</v>
      </c>
      <c r="Y382" s="61">
        <v>0</v>
      </c>
      <c r="Z382" s="61">
        <v>0</v>
      </c>
      <c r="AA382" s="61">
        <v>0</v>
      </c>
      <c r="AB382" s="75">
        <v>0</v>
      </c>
      <c r="AC382" s="61">
        <v>0</v>
      </c>
      <c r="AD382" s="61">
        <v>0</v>
      </c>
      <c r="AE382" s="61">
        <v>0</v>
      </c>
      <c r="AF382" s="62">
        <v>0</v>
      </c>
      <c r="AG382" s="61">
        <v>0</v>
      </c>
      <c r="AH382" s="61">
        <v>0</v>
      </c>
      <c r="AI382" s="61">
        <v>0</v>
      </c>
      <c r="AJ382" s="61">
        <v>0</v>
      </c>
      <c r="AK382" s="61">
        <v>0</v>
      </c>
      <c r="AL382" s="61">
        <v>0</v>
      </c>
      <c r="AM382" s="61">
        <v>0</v>
      </c>
      <c r="AN382" s="75">
        <v>0</v>
      </c>
    </row>
    <row r="383" spans="1:40" s="62" customFormat="1" hidden="1" outlineLevel="2">
      <c r="A383" s="61" t="s">
        <v>822</v>
      </c>
      <c r="B383" s="61" t="s">
        <v>823</v>
      </c>
      <c r="C383" s="71" t="s">
        <v>300</v>
      </c>
      <c r="D383" s="72" t="s">
        <v>1295</v>
      </c>
      <c r="E383" s="73"/>
      <c r="F383" s="62">
        <v>0</v>
      </c>
      <c r="G383" s="62">
        <v>0</v>
      </c>
      <c r="H383" s="62">
        <f t="shared" si="68"/>
        <v>0</v>
      </c>
      <c r="J383" s="62">
        <v>0</v>
      </c>
      <c r="K383" s="62">
        <f t="shared" si="69"/>
        <v>0</v>
      </c>
      <c r="M383" s="62">
        <v>0</v>
      </c>
      <c r="N383" s="62">
        <f t="shared" si="70"/>
        <v>0</v>
      </c>
      <c r="P383" s="74">
        <v>-93.52</v>
      </c>
      <c r="Q383" s="61">
        <v>-93.52</v>
      </c>
      <c r="R383" s="61">
        <v>0</v>
      </c>
      <c r="S383" s="61">
        <v>0</v>
      </c>
      <c r="T383" s="62">
        <v>0</v>
      </c>
      <c r="U383" s="61">
        <v>0</v>
      </c>
      <c r="V383" s="61">
        <v>0</v>
      </c>
      <c r="W383" s="61">
        <v>0</v>
      </c>
      <c r="X383" s="61">
        <v>0</v>
      </c>
      <c r="Y383" s="61">
        <v>0</v>
      </c>
      <c r="Z383" s="61">
        <v>0</v>
      </c>
      <c r="AA383" s="61">
        <v>0</v>
      </c>
      <c r="AB383" s="75">
        <v>0</v>
      </c>
      <c r="AC383" s="61">
        <v>0</v>
      </c>
      <c r="AD383" s="61">
        <v>0</v>
      </c>
      <c r="AE383" s="61">
        <v>0</v>
      </c>
      <c r="AF383" s="62">
        <v>0</v>
      </c>
      <c r="AG383" s="61">
        <v>0</v>
      </c>
      <c r="AH383" s="61">
        <v>0</v>
      </c>
      <c r="AI383" s="61">
        <v>0</v>
      </c>
      <c r="AJ383" s="61">
        <v>0</v>
      </c>
      <c r="AK383" s="61">
        <v>0</v>
      </c>
      <c r="AL383" s="61">
        <v>0</v>
      </c>
      <c r="AM383" s="61">
        <v>0</v>
      </c>
      <c r="AN383" s="75">
        <v>0</v>
      </c>
    </row>
    <row r="384" spans="1:40" s="62" customFormat="1" hidden="1" outlineLevel="2">
      <c r="A384" s="61" t="s">
        <v>298</v>
      </c>
      <c r="B384" s="61" t="s">
        <v>299</v>
      </c>
      <c r="C384" s="71" t="s">
        <v>300</v>
      </c>
      <c r="D384" s="72" t="s">
        <v>1295</v>
      </c>
      <c r="E384" s="73"/>
      <c r="F384" s="62">
        <v>0</v>
      </c>
      <c r="G384" s="62">
        <v>0</v>
      </c>
      <c r="H384" s="62">
        <f t="shared" si="68"/>
        <v>0</v>
      </c>
      <c r="J384" s="62">
        <v>0</v>
      </c>
      <c r="K384" s="62">
        <f t="shared" si="69"/>
        <v>0</v>
      </c>
      <c r="M384" s="62">
        <v>0</v>
      </c>
      <c r="N384" s="62">
        <f t="shared" si="70"/>
        <v>0</v>
      </c>
      <c r="P384" s="74">
        <v>720338.20000000007</v>
      </c>
      <c r="Q384" s="61">
        <v>92390.400000000009</v>
      </c>
      <c r="R384" s="61">
        <v>-67025.899999999994</v>
      </c>
      <c r="S384" s="61">
        <v>92457.47</v>
      </c>
      <c r="T384" s="62">
        <v>75010.66</v>
      </c>
      <c r="U384" s="61">
        <v>18867.32</v>
      </c>
      <c r="V384" s="61">
        <v>2185.2600000000002</v>
      </c>
      <c r="W384" s="61">
        <v>2185.2600000000002</v>
      </c>
      <c r="X384" s="61">
        <v>2185.2600000000002</v>
      </c>
      <c r="Y384" s="61">
        <v>2185.2600000000002</v>
      </c>
      <c r="Z384" s="61">
        <v>2185.2600000000002</v>
      </c>
      <c r="AA384" s="61">
        <v>0</v>
      </c>
      <c r="AB384" s="75">
        <v>0</v>
      </c>
      <c r="AC384" s="61">
        <v>0</v>
      </c>
      <c r="AD384" s="61">
        <v>0</v>
      </c>
      <c r="AE384" s="61">
        <v>0</v>
      </c>
      <c r="AF384" s="62">
        <v>0</v>
      </c>
      <c r="AG384" s="61">
        <v>0</v>
      </c>
      <c r="AH384" s="61">
        <v>0</v>
      </c>
      <c r="AI384" s="61">
        <v>0</v>
      </c>
      <c r="AJ384" s="61">
        <v>0</v>
      </c>
      <c r="AK384" s="61">
        <v>0</v>
      </c>
      <c r="AL384" s="61">
        <v>0</v>
      </c>
      <c r="AM384" s="61">
        <v>0</v>
      </c>
      <c r="AN384" s="75">
        <v>0</v>
      </c>
    </row>
    <row r="385" spans="1:40" s="62" customFormat="1" hidden="1" outlineLevel="2">
      <c r="A385" s="61" t="s">
        <v>301</v>
      </c>
      <c r="B385" s="61" t="s">
        <v>302</v>
      </c>
      <c r="C385" s="71" t="s">
        <v>300</v>
      </c>
      <c r="D385" s="72" t="s">
        <v>1295</v>
      </c>
      <c r="E385" s="73"/>
      <c r="F385" s="62">
        <v>0</v>
      </c>
      <c r="G385" s="62">
        <v>4867943.04</v>
      </c>
      <c r="H385" s="62">
        <f t="shared" si="68"/>
        <v>-4867943.04</v>
      </c>
      <c r="J385" s="62">
        <v>4867943.04</v>
      </c>
      <c r="K385" s="62">
        <f t="shared" si="69"/>
        <v>-4867943.04</v>
      </c>
      <c r="M385" s="62">
        <v>7914.0700000000006</v>
      </c>
      <c r="N385" s="62">
        <f t="shared" si="70"/>
        <v>-7914.0700000000006</v>
      </c>
      <c r="P385" s="74">
        <v>6813021</v>
      </c>
      <c r="Q385" s="61">
        <v>6813021</v>
      </c>
      <c r="R385" s="61">
        <v>6813021</v>
      </c>
      <c r="S385" s="61">
        <v>6813021</v>
      </c>
      <c r="T385" s="62">
        <v>6813021</v>
      </c>
      <c r="U385" s="61">
        <v>6813021</v>
      </c>
      <c r="V385" s="61">
        <v>6813021</v>
      </c>
      <c r="W385" s="61">
        <v>6813021</v>
      </c>
      <c r="X385" s="61">
        <v>6812931.7599999998</v>
      </c>
      <c r="Y385" s="61">
        <v>7254119.8499999996</v>
      </c>
      <c r="Z385" s="61">
        <v>4868321.42</v>
      </c>
      <c r="AA385" s="61">
        <v>4868321.42</v>
      </c>
      <c r="AB385" s="75">
        <v>4867943.04</v>
      </c>
      <c r="AC385" s="61">
        <v>2063268.34</v>
      </c>
      <c r="AD385" s="61">
        <v>941306.85</v>
      </c>
      <c r="AE385" s="61">
        <v>839222.79</v>
      </c>
      <c r="AF385" s="62">
        <v>836499.86</v>
      </c>
      <c r="AG385" s="61">
        <v>824443.21</v>
      </c>
      <c r="AH385" s="61">
        <v>700433.26</v>
      </c>
      <c r="AI385" s="61">
        <v>700433.26</v>
      </c>
      <c r="AJ385" s="61">
        <v>686058.64</v>
      </c>
      <c r="AK385" s="61">
        <v>9107.23</v>
      </c>
      <c r="AL385" s="61">
        <v>7914.0700000000006</v>
      </c>
      <c r="AM385" s="61">
        <v>7914.0700000000006</v>
      </c>
      <c r="AN385" s="75">
        <v>0</v>
      </c>
    </row>
    <row r="386" spans="1:40" s="62" customFormat="1" hidden="1" outlineLevel="2">
      <c r="A386" s="61" t="s">
        <v>431</v>
      </c>
      <c r="B386" s="61" t="s">
        <v>432</v>
      </c>
      <c r="C386" s="71" t="s">
        <v>300</v>
      </c>
      <c r="D386" s="72" t="s">
        <v>1295</v>
      </c>
      <c r="E386" s="73"/>
      <c r="F386" s="62">
        <v>5018593.32</v>
      </c>
      <c r="G386" s="62">
        <v>7301333</v>
      </c>
      <c r="H386" s="62">
        <f t="shared" si="68"/>
        <v>-2282739.6799999997</v>
      </c>
      <c r="J386" s="62">
        <v>7301333</v>
      </c>
      <c r="K386" s="62">
        <f t="shared" si="69"/>
        <v>-2282739.6799999997</v>
      </c>
      <c r="M386" s="62">
        <v>5018593.32</v>
      </c>
      <c r="N386" s="62">
        <f t="shared" si="70"/>
        <v>0</v>
      </c>
      <c r="P386" s="74">
        <v>0</v>
      </c>
      <c r="Q386" s="61">
        <v>0</v>
      </c>
      <c r="R386" s="61">
        <v>0</v>
      </c>
      <c r="S386" s="61">
        <v>0</v>
      </c>
      <c r="T386" s="62">
        <v>0</v>
      </c>
      <c r="U386" s="61">
        <v>0</v>
      </c>
      <c r="V386" s="61">
        <v>0</v>
      </c>
      <c r="W386" s="61">
        <v>0</v>
      </c>
      <c r="X386" s="61">
        <v>0</v>
      </c>
      <c r="Y386" s="61">
        <v>0</v>
      </c>
      <c r="Z386" s="61">
        <v>0</v>
      </c>
      <c r="AA386" s="61">
        <v>0</v>
      </c>
      <c r="AB386" s="75">
        <v>7301333</v>
      </c>
      <c r="AC386" s="61">
        <v>7301333</v>
      </c>
      <c r="AD386" s="61">
        <v>7301333</v>
      </c>
      <c r="AE386" s="61">
        <v>7301333</v>
      </c>
      <c r="AF386" s="62">
        <v>7301333</v>
      </c>
      <c r="AG386" s="61">
        <v>7301333</v>
      </c>
      <c r="AH386" s="61">
        <v>7758090.0499999998</v>
      </c>
      <c r="AI386" s="61">
        <v>7758090.0499999998</v>
      </c>
      <c r="AJ386" s="61">
        <v>7758679.8200000003</v>
      </c>
      <c r="AK386" s="61">
        <v>7196404.0999999996</v>
      </c>
      <c r="AL386" s="61">
        <v>5018593.32</v>
      </c>
      <c r="AM386" s="61">
        <v>5018593.32</v>
      </c>
      <c r="AN386" s="75">
        <v>5018593.32</v>
      </c>
    </row>
    <row r="387" spans="1:40" s="62" customFormat="1" hidden="1" outlineLevel="2">
      <c r="A387" s="61" t="s">
        <v>1308</v>
      </c>
      <c r="B387" s="61" t="s">
        <v>1309</v>
      </c>
      <c r="C387" s="71" t="s">
        <v>300</v>
      </c>
      <c r="D387" s="72" t="s">
        <v>1295</v>
      </c>
      <c r="E387" s="73"/>
      <c r="F387" s="62">
        <v>7468922</v>
      </c>
      <c r="G387" s="62">
        <v>0</v>
      </c>
      <c r="H387" s="62">
        <f t="shared" si="68"/>
        <v>7468922</v>
      </c>
      <c r="J387" s="62">
        <v>0</v>
      </c>
      <c r="K387" s="62">
        <f t="shared" si="69"/>
        <v>7468922</v>
      </c>
      <c r="M387" s="62">
        <v>0</v>
      </c>
      <c r="N387" s="62">
        <f t="shared" si="70"/>
        <v>7468922</v>
      </c>
      <c r="P387" s="74">
        <v>0</v>
      </c>
      <c r="Q387" s="61">
        <v>0</v>
      </c>
      <c r="R387" s="61">
        <v>0</v>
      </c>
      <c r="S387" s="61">
        <v>0</v>
      </c>
      <c r="T387" s="62">
        <v>0</v>
      </c>
      <c r="U387" s="61">
        <v>0</v>
      </c>
      <c r="V387" s="61">
        <v>0</v>
      </c>
      <c r="W387" s="61">
        <v>0</v>
      </c>
      <c r="X387" s="61">
        <v>0</v>
      </c>
      <c r="Y387" s="61">
        <v>0</v>
      </c>
      <c r="Z387" s="61">
        <v>0</v>
      </c>
      <c r="AA387" s="61">
        <v>0</v>
      </c>
      <c r="AB387" s="75">
        <v>0</v>
      </c>
      <c r="AC387" s="61">
        <v>0</v>
      </c>
      <c r="AD387" s="61">
        <v>0</v>
      </c>
      <c r="AE387" s="61">
        <v>0</v>
      </c>
      <c r="AF387" s="62">
        <v>0</v>
      </c>
      <c r="AG387" s="61">
        <v>0</v>
      </c>
      <c r="AH387" s="61">
        <v>0</v>
      </c>
      <c r="AI387" s="61">
        <v>0</v>
      </c>
      <c r="AJ387" s="61">
        <v>0</v>
      </c>
      <c r="AK387" s="61">
        <v>0</v>
      </c>
      <c r="AL387" s="61">
        <v>0</v>
      </c>
      <c r="AM387" s="61">
        <v>0</v>
      </c>
      <c r="AN387" s="75">
        <v>7468922</v>
      </c>
    </row>
    <row r="388" spans="1:40" s="62" customFormat="1" hidden="1" outlineLevel="2">
      <c r="A388" s="61" t="s">
        <v>1310</v>
      </c>
      <c r="B388" s="61" t="s">
        <v>1311</v>
      </c>
      <c r="C388" s="71" t="s">
        <v>303</v>
      </c>
      <c r="D388" s="72" t="s">
        <v>1295</v>
      </c>
      <c r="E388" s="73"/>
      <c r="F388" s="62">
        <v>0</v>
      </c>
      <c r="G388" s="62">
        <v>0</v>
      </c>
      <c r="H388" s="62">
        <f t="shared" si="68"/>
        <v>0</v>
      </c>
      <c r="J388" s="62">
        <v>0</v>
      </c>
      <c r="K388" s="62">
        <f t="shared" si="69"/>
        <v>0</v>
      </c>
      <c r="M388" s="62">
        <v>0</v>
      </c>
      <c r="N388" s="62">
        <f t="shared" si="70"/>
        <v>0</v>
      </c>
      <c r="P388" s="74">
        <v>0</v>
      </c>
      <c r="Q388" s="61">
        <v>0</v>
      </c>
      <c r="R388" s="61">
        <v>0</v>
      </c>
      <c r="S388" s="61">
        <v>0</v>
      </c>
      <c r="T388" s="62">
        <v>0</v>
      </c>
      <c r="U388" s="61">
        <v>0</v>
      </c>
      <c r="V388" s="61">
        <v>0</v>
      </c>
      <c r="W388" s="61">
        <v>0</v>
      </c>
      <c r="X388" s="61">
        <v>0</v>
      </c>
      <c r="Y388" s="61">
        <v>0</v>
      </c>
      <c r="Z388" s="61">
        <v>0</v>
      </c>
      <c r="AA388" s="61">
        <v>0</v>
      </c>
      <c r="AB388" s="75">
        <v>0</v>
      </c>
      <c r="AC388" s="61">
        <v>0</v>
      </c>
      <c r="AD388" s="61">
        <v>0</v>
      </c>
      <c r="AE388" s="61">
        <v>0</v>
      </c>
      <c r="AF388" s="62">
        <v>0</v>
      </c>
      <c r="AG388" s="61">
        <v>0</v>
      </c>
      <c r="AH388" s="61">
        <v>0</v>
      </c>
      <c r="AI388" s="61">
        <v>0</v>
      </c>
      <c r="AJ388" s="61">
        <v>0</v>
      </c>
      <c r="AK388" s="61">
        <v>0</v>
      </c>
      <c r="AL388" s="61">
        <v>0</v>
      </c>
      <c r="AM388" s="61">
        <v>0</v>
      </c>
      <c r="AN388" s="75">
        <v>0</v>
      </c>
    </row>
    <row r="389" spans="1:40" s="62" customFormat="1" hidden="1" outlineLevel="2">
      <c r="A389" s="61" t="s">
        <v>824</v>
      </c>
      <c r="B389" s="61" t="s">
        <v>825</v>
      </c>
      <c r="C389" s="71" t="s">
        <v>303</v>
      </c>
      <c r="D389" s="72" t="s">
        <v>1295</v>
      </c>
      <c r="E389" s="73"/>
      <c r="F389" s="62">
        <v>0</v>
      </c>
      <c r="G389" s="62">
        <v>0</v>
      </c>
      <c r="H389" s="62">
        <f t="shared" si="68"/>
        <v>0</v>
      </c>
      <c r="J389" s="62">
        <v>0</v>
      </c>
      <c r="K389" s="62">
        <f t="shared" si="69"/>
        <v>0</v>
      </c>
      <c r="M389" s="62">
        <v>0</v>
      </c>
      <c r="N389" s="62">
        <f t="shared" si="70"/>
        <v>0</v>
      </c>
      <c r="P389" s="74">
        <v>0</v>
      </c>
      <c r="Q389" s="61">
        <v>0</v>
      </c>
      <c r="R389" s="61">
        <v>0</v>
      </c>
      <c r="S389" s="61">
        <v>0</v>
      </c>
      <c r="T389" s="62">
        <v>0</v>
      </c>
      <c r="U389" s="61">
        <v>0</v>
      </c>
      <c r="V389" s="61">
        <v>0</v>
      </c>
      <c r="W389" s="61">
        <v>0</v>
      </c>
      <c r="X389" s="61">
        <v>0</v>
      </c>
      <c r="Y389" s="61">
        <v>0</v>
      </c>
      <c r="Z389" s="61">
        <v>0</v>
      </c>
      <c r="AA389" s="61">
        <v>0</v>
      </c>
      <c r="AB389" s="75">
        <v>0</v>
      </c>
      <c r="AC389" s="61">
        <v>0</v>
      </c>
      <c r="AD389" s="61">
        <v>0</v>
      </c>
      <c r="AE389" s="61">
        <v>0</v>
      </c>
      <c r="AF389" s="62">
        <v>0</v>
      </c>
      <c r="AG389" s="61">
        <v>0</v>
      </c>
      <c r="AH389" s="61">
        <v>0</v>
      </c>
      <c r="AI389" s="61">
        <v>0</v>
      </c>
      <c r="AJ389" s="61">
        <v>0</v>
      </c>
      <c r="AK389" s="61">
        <v>0</v>
      </c>
      <c r="AL389" s="61">
        <v>0</v>
      </c>
      <c r="AM389" s="61">
        <v>0</v>
      </c>
      <c r="AN389" s="75">
        <v>0</v>
      </c>
    </row>
    <row r="390" spans="1:40" s="62" customFormat="1" hidden="1" outlineLevel="2">
      <c r="A390" s="61" t="s">
        <v>304</v>
      </c>
      <c r="B390" s="61" t="s">
        <v>305</v>
      </c>
      <c r="C390" s="71" t="s">
        <v>303</v>
      </c>
      <c r="D390" s="72" t="s">
        <v>1295</v>
      </c>
      <c r="E390" s="73"/>
      <c r="F390" s="62">
        <v>0</v>
      </c>
      <c r="G390" s="62">
        <v>0</v>
      </c>
      <c r="H390" s="62">
        <f t="shared" si="68"/>
        <v>0</v>
      </c>
      <c r="J390" s="62">
        <v>0</v>
      </c>
      <c r="K390" s="62">
        <f t="shared" si="69"/>
        <v>0</v>
      </c>
      <c r="M390" s="62">
        <v>0</v>
      </c>
      <c r="N390" s="62">
        <f t="shared" si="70"/>
        <v>0</v>
      </c>
      <c r="P390" s="74">
        <v>697</v>
      </c>
      <c r="Q390" s="61">
        <v>697</v>
      </c>
      <c r="R390" s="61">
        <v>697</v>
      </c>
      <c r="S390" s="61">
        <v>697</v>
      </c>
      <c r="T390" s="62">
        <v>697</v>
      </c>
      <c r="U390" s="61">
        <v>697</v>
      </c>
      <c r="V390" s="61">
        <v>697</v>
      </c>
      <c r="W390" s="61">
        <v>697</v>
      </c>
      <c r="X390" s="61">
        <v>697</v>
      </c>
      <c r="Y390" s="61">
        <v>697</v>
      </c>
      <c r="Z390" s="61">
        <v>697</v>
      </c>
      <c r="AA390" s="61">
        <v>204</v>
      </c>
      <c r="AB390" s="75">
        <v>0</v>
      </c>
      <c r="AC390" s="61">
        <v>0</v>
      </c>
      <c r="AD390" s="61">
        <v>0</v>
      </c>
      <c r="AE390" s="61">
        <v>0</v>
      </c>
      <c r="AF390" s="62">
        <v>0</v>
      </c>
      <c r="AG390" s="61">
        <v>0</v>
      </c>
      <c r="AH390" s="61">
        <v>0</v>
      </c>
      <c r="AI390" s="61">
        <v>0</v>
      </c>
      <c r="AJ390" s="61">
        <v>0</v>
      </c>
      <c r="AK390" s="61">
        <v>0</v>
      </c>
      <c r="AL390" s="61">
        <v>0</v>
      </c>
      <c r="AM390" s="61">
        <v>0</v>
      </c>
      <c r="AN390" s="75">
        <v>0</v>
      </c>
    </row>
    <row r="391" spans="1:40" s="62" customFormat="1" hidden="1" outlineLevel="2">
      <c r="A391" s="61" t="s">
        <v>826</v>
      </c>
      <c r="B391" s="61" t="s">
        <v>827</v>
      </c>
      <c r="C391" s="71" t="s">
        <v>614</v>
      </c>
      <c r="D391" s="72" t="s">
        <v>1295</v>
      </c>
      <c r="E391" s="73"/>
      <c r="F391" s="62">
        <v>0</v>
      </c>
      <c r="G391" s="62">
        <v>0</v>
      </c>
      <c r="H391" s="62">
        <f t="shared" si="68"/>
        <v>0</v>
      </c>
      <c r="J391" s="62">
        <v>0</v>
      </c>
      <c r="K391" s="62">
        <f t="shared" si="69"/>
        <v>0</v>
      </c>
      <c r="M391" s="62">
        <v>0</v>
      </c>
      <c r="N391" s="62">
        <f t="shared" si="70"/>
        <v>0</v>
      </c>
      <c r="P391" s="74">
        <v>0</v>
      </c>
      <c r="Q391" s="61">
        <v>-500</v>
      </c>
      <c r="R391" s="61">
        <v>0</v>
      </c>
      <c r="S391" s="61">
        <v>0</v>
      </c>
      <c r="T391" s="62">
        <v>0</v>
      </c>
      <c r="U391" s="61">
        <v>0</v>
      </c>
      <c r="V391" s="61">
        <v>-25</v>
      </c>
      <c r="W391" s="61">
        <v>0</v>
      </c>
      <c r="X391" s="61">
        <v>0</v>
      </c>
      <c r="Y391" s="61">
        <v>0</v>
      </c>
      <c r="Z391" s="61">
        <v>0</v>
      </c>
      <c r="AA391" s="61">
        <v>0</v>
      </c>
      <c r="AB391" s="75">
        <v>0</v>
      </c>
      <c r="AC391" s="61">
        <v>0</v>
      </c>
      <c r="AD391" s="61">
        <v>0</v>
      </c>
      <c r="AE391" s="61">
        <v>0</v>
      </c>
      <c r="AF391" s="62">
        <v>0</v>
      </c>
      <c r="AG391" s="61">
        <v>0</v>
      </c>
      <c r="AH391" s="61">
        <v>0</v>
      </c>
      <c r="AI391" s="61">
        <v>0</v>
      </c>
      <c r="AJ391" s="61">
        <v>0</v>
      </c>
      <c r="AK391" s="61">
        <v>0</v>
      </c>
      <c r="AL391" s="61">
        <v>0</v>
      </c>
      <c r="AM391" s="61">
        <v>0</v>
      </c>
      <c r="AN391" s="75">
        <v>0</v>
      </c>
    </row>
    <row r="392" spans="1:40" s="62" customFormat="1" hidden="1" outlineLevel="2">
      <c r="A392" s="61" t="s">
        <v>728</v>
      </c>
      <c r="B392" s="61" t="s">
        <v>729</v>
      </c>
      <c r="C392" s="71" t="s">
        <v>614</v>
      </c>
      <c r="D392" s="72" t="s">
        <v>1295</v>
      </c>
      <c r="E392" s="73"/>
      <c r="F392" s="62">
        <v>0</v>
      </c>
      <c r="G392" s="62">
        <v>0</v>
      </c>
      <c r="H392" s="62">
        <f t="shared" si="68"/>
        <v>0</v>
      </c>
      <c r="J392" s="62">
        <v>0</v>
      </c>
      <c r="K392" s="62">
        <f t="shared" si="69"/>
        <v>0</v>
      </c>
      <c r="M392" s="62">
        <v>0</v>
      </c>
      <c r="N392" s="62">
        <f t="shared" si="70"/>
        <v>0</v>
      </c>
      <c r="P392" s="74">
        <v>0</v>
      </c>
      <c r="Q392" s="61">
        <v>0</v>
      </c>
      <c r="R392" s="61">
        <v>0</v>
      </c>
      <c r="S392" s="61">
        <v>0</v>
      </c>
      <c r="T392" s="62">
        <v>0</v>
      </c>
      <c r="U392" s="61">
        <v>0</v>
      </c>
      <c r="V392" s="61">
        <v>0</v>
      </c>
      <c r="W392" s="61">
        <v>0</v>
      </c>
      <c r="X392" s="61">
        <v>0</v>
      </c>
      <c r="Y392" s="61">
        <v>0</v>
      </c>
      <c r="Z392" s="61">
        <v>0</v>
      </c>
      <c r="AA392" s="61">
        <v>0</v>
      </c>
      <c r="AB392" s="75">
        <v>0</v>
      </c>
      <c r="AC392" s="61">
        <v>0</v>
      </c>
      <c r="AD392" s="61">
        <v>0</v>
      </c>
      <c r="AE392" s="61">
        <v>0</v>
      </c>
      <c r="AF392" s="62">
        <v>0</v>
      </c>
      <c r="AG392" s="61">
        <v>0</v>
      </c>
      <c r="AH392" s="61">
        <v>0</v>
      </c>
      <c r="AI392" s="61">
        <v>-80</v>
      </c>
      <c r="AJ392" s="61">
        <v>20</v>
      </c>
      <c r="AK392" s="61">
        <v>-25</v>
      </c>
      <c r="AL392" s="61">
        <v>0</v>
      </c>
      <c r="AM392" s="61">
        <v>0</v>
      </c>
      <c r="AN392" s="75">
        <v>0</v>
      </c>
    </row>
    <row r="393" spans="1:40" s="62" customFormat="1" hidden="1" outlineLevel="2">
      <c r="A393" s="61" t="s">
        <v>887</v>
      </c>
      <c r="B393" s="61" t="s">
        <v>888</v>
      </c>
      <c r="C393" s="71" t="s">
        <v>614</v>
      </c>
      <c r="D393" s="72" t="s">
        <v>1295</v>
      </c>
      <c r="E393" s="73"/>
      <c r="F393" s="62">
        <v>0</v>
      </c>
      <c r="G393" s="62">
        <v>0</v>
      </c>
      <c r="H393" s="62">
        <f t="shared" si="68"/>
        <v>0</v>
      </c>
      <c r="J393" s="62">
        <v>0</v>
      </c>
      <c r="K393" s="62">
        <f t="shared" si="69"/>
        <v>0</v>
      </c>
      <c r="M393" s="62">
        <v>-300</v>
      </c>
      <c r="N393" s="62">
        <f t="shared" si="70"/>
        <v>300</v>
      </c>
      <c r="P393" s="74">
        <v>0</v>
      </c>
      <c r="Q393" s="61">
        <v>0</v>
      </c>
      <c r="R393" s="61">
        <v>0</v>
      </c>
      <c r="S393" s="61">
        <v>0</v>
      </c>
      <c r="T393" s="62">
        <v>0</v>
      </c>
      <c r="U393" s="61">
        <v>0</v>
      </c>
      <c r="V393" s="61">
        <v>0</v>
      </c>
      <c r="W393" s="61">
        <v>0</v>
      </c>
      <c r="X393" s="61">
        <v>0</v>
      </c>
      <c r="Y393" s="61">
        <v>0</v>
      </c>
      <c r="Z393" s="61">
        <v>0</v>
      </c>
      <c r="AA393" s="61">
        <v>0</v>
      </c>
      <c r="AB393" s="75">
        <v>0</v>
      </c>
      <c r="AC393" s="61">
        <v>0</v>
      </c>
      <c r="AD393" s="61">
        <v>0</v>
      </c>
      <c r="AE393" s="61">
        <v>0</v>
      </c>
      <c r="AF393" s="62">
        <v>0</v>
      </c>
      <c r="AG393" s="61">
        <v>0</v>
      </c>
      <c r="AH393" s="61">
        <v>0</v>
      </c>
      <c r="AI393" s="61">
        <v>0</v>
      </c>
      <c r="AJ393" s="61">
        <v>0</v>
      </c>
      <c r="AK393" s="61">
        <v>0</v>
      </c>
      <c r="AL393" s="61">
        <v>0</v>
      </c>
      <c r="AM393" s="61">
        <v>-300</v>
      </c>
      <c r="AN393" s="75">
        <v>0</v>
      </c>
    </row>
    <row r="394" spans="1:40" s="62" customFormat="1" hidden="1" outlineLevel="2">
      <c r="A394" s="61" t="s">
        <v>1312</v>
      </c>
      <c r="B394" s="61" t="s">
        <v>1313</v>
      </c>
      <c r="C394" s="71" t="s">
        <v>306</v>
      </c>
      <c r="D394" s="72" t="s">
        <v>1295</v>
      </c>
      <c r="E394" s="73"/>
      <c r="F394" s="62">
        <v>0</v>
      </c>
      <c r="G394" s="62">
        <v>0</v>
      </c>
      <c r="H394" s="62">
        <f t="shared" si="68"/>
        <v>0</v>
      </c>
      <c r="J394" s="62">
        <v>0</v>
      </c>
      <c r="K394" s="62">
        <f t="shared" si="69"/>
        <v>0</v>
      </c>
      <c r="M394" s="62">
        <v>0</v>
      </c>
      <c r="N394" s="62">
        <f t="shared" si="70"/>
        <v>0</v>
      </c>
      <c r="P394" s="74">
        <v>0</v>
      </c>
      <c r="Q394" s="61">
        <v>0</v>
      </c>
      <c r="R394" s="61">
        <v>0</v>
      </c>
      <c r="S394" s="61">
        <v>0</v>
      </c>
      <c r="T394" s="62">
        <v>0</v>
      </c>
      <c r="U394" s="61">
        <v>0</v>
      </c>
      <c r="V394" s="61">
        <v>0</v>
      </c>
      <c r="W394" s="61">
        <v>0</v>
      </c>
      <c r="X394" s="61">
        <v>0</v>
      </c>
      <c r="Y394" s="61">
        <v>0</v>
      </c>
      <c r="Z394" s="61">
        <v>0</v>
      </c>
      <c r="AA394" s="61">
        <v>0</v>
      </c>
      <c r="AB394" s="75">
        <v>0</v>
      </c>
      <c r="AC394" s="61">
        <v>0</v>
      </c>
      <c r="AD394" s="61">
        <v>0</v>
      </c>
      <c r="AE394" s="61">
        <v>0</v>
      </c>
      <c r="AF394" s="62">
        <v>0</v>
      </c>
      <c r="AG394" s="61">
        <v>0</v>
      </c>
      <c r="AH394" s="61">
        <v>0</v>
      </c>
      <c r="AI394" s="61">
        <v>0</v>
      </c>
      <c r="AJ394" s="61">
        <v>0</v>
      </c>
      <c r="AK394" s="61">
        <v>0</v>
      </c>
      <c r="AL394" s="61">
        <v>0</v>
      </c>
      <c r="AM394" s="61">
        <v>0</v>
      </c>
      <c r="AN394" s="75">
        <v>0</v>
      </c>
    </row>
    <row r="395" spans="1:40" s="62" customFormat="1" hidden="1" outlineLevel="2">
      <c r="A395" s="61" t="s">
        <v>1314</v>
      </c>
      <c r="B395" s="61" t="s">
        <v>1315</v>
      </c>
      <c r="C395" s="71" t="s">
        <v>306</v>
      </c>
      <c r="D395" s="72" t="s">
        <v>1295</v>
      </c>
      <c r="E395" s="73"/>
      <c r="F395" s="62">
        <v>0</v>
      </c>
      <c r="G395" s="62">
        <v>0</v>
      </c>
      <c r="H395" s="62">
        <f t="shared" si="68"/>
        <v>0</v>
      </c>
      <c r="J395" s="62">
        <v>0</v>
      </c>
      <c r="K395" s="62">
        <f t="shared" si="69"/>
        <v>0</v>
      </c>
      <c r="M395" s="62">
        <v>0</v>
      </c>
      <c r="N395" s="62">
        <f t="shared" si="70"/>
        <v>0</v>
      </c>
      <c r="P395" s="74">
        <v>0</v>
      </c>
      <c r="Q395" s="61">
        <v>0</v>
      </c>
      <c r="R395" s="61">
        <v>0</v>
      </c>
      <c r="S395" s="61">
        <v>0</v>
      </c>
      <c r="T395" s="62">
        <v>0</v>
      </c>
      <c r="U395" s="61">
        <v>0</v>
      </c>
      <c r="V395" s="61">
        <v>0</v>
      </c>
      <c r="W395" s="61">
        <v>0</v>
      </c>
      <c r="X395" s="61">
        <v>0</v>
      </c>
      <c r="Y395" s="61">
        <v>0</v>
      </c>
      <c r="Z395" s="61">
        <v>0</v>
      </c>
      <c r="AA395" s="61">
        <v>0</v>
      </c>
      <c r="AB395" s="75">
        <v>0</v>
      </c>
      <c r="AC395" s="61">
        <v>0</v>
      </c>
      <c r="AD395" s="61">
        <v>0</v>
      </c>
      <c r="AE395" s="61">
        <v>0</v>
      </c>
      <c r="AF395" s="62">
        <v>0</v>
      </c>
      <c r="AG395" s="61">
        <v>0</v>
      </c>
      <c r="AH395" s="61">
        <v>0</v>
      </c>
      <c r="AI395" s="61">
        <v>0</v>
      </c>
      <c r="AJ395" s="61">
        <v>0</v>
      </c>
      <c r="AK395" s="61">
        <v>0</v>
      </c>
      <c r="AL395" s="61">
        <v>0</v>
      </c>
      <c r="AM395" s="61">
        <v>0</v>
      </c>
      <c r="AN395" s="75">
        <v>0</v>
      </c>
    </row>
    <row r="396" spans="1:40" s="62" customFormat="1" hidden="1" outlineLevel="2">
      <c r="A396" s="61" t="s">
        <v>1316</v>
      </c>
      <c r="B396" s="61" t="s">
        <v>1317</v>
      </c>
      <c r="C396" s="71" t="s">
        <v>306</v>
      </c>
      <c r="D396" s="72" t="s">
        <v>1295</v>
      </c>
      <c r="E396" s="73"/>
      <c r="F396" s="62">
        <v>0</v>
      </c>
      <c r="G396" s="62">
        <v>0</v>
      </c>
      <c r="H396" s="62">
        <f t="shared" si="68"/>
        <v>0</v>
      </c>
      <c r="J396" s="62">
        <v>0</v>
      </c>
      <c r="K396" s="62">
        <f t="shared" si="69"/>
        <v>0</v>
      </c>
      <c r="M396" s="62">
        <v>0</v>
      </c>
      <c r="N396" s="62">
        <f t="shared" si="70"/>
        <v>0</v>
      </c>
      <c r="P396" s="74">
        <v>0</v>
      </c>
      <c r="Q396" s="61">
        <v>0</v>
      </c>
      <c r="R396" s="61">
        <v>0</v>
      </c>
      <c r="S396" s="61">
        <v>0</v>
      </c>
      <c r="T396" s="62">
        <v>0</v>
      </c>
      <c r="U396" s="61">
        <v>0</v>
      </c>
      <c r="V396" s="61">
        <v>0</v>
      </c>
      <c r="W396" s="61">
        <v>0</v>
      </c>
      <c r="X396" s="61">
        <v>0</v>
      </c>
      <c r="Y396" s="61">
        <v>0</v>
      </c>
      <c r="Z396" s="61">
        <v>0</v>
      </c>
      <c r="AA396" s="61">
        <v>0</v>
      </c>
      <c r="AB396" s="75">
        <v>0</v>
      </c>
      <c r="AC396" s="61">
        <v>0</v>
      </c>
      <c r="AD396" s="61">
        <v>0</v>
      </c>
      <c r="AE396" s="61">
        <v>0</v>
      </c>
      <c r="AF396" s="62">
        <v>0</v>
      </c>
      <c r="AG396" s="61">
        <v>0</v>
      </c>
      <c r="AH396" s="61">
        <v>0</v>
      </c>
      <c r="AI396" s="61">
        <v>0</v>
      </c>
      <c r="AJ396" s="61">
        <v>0</v>
      </c>
      <c r="AK396" s="61">
        <v>0</v>
      </c>
      <c r="AL396" s="61">
        <v>0</v>
      </c>
      <c r="AM396" s="61">
        <v>0</v>
      </c>
      <c r="AN396" s="75">
        <v>0</v>
      </c>
    </row>
    <row r="397" spans="1:40" s="62" customFormat="1" hidden="1" outlineLevel="2">
      <c r="A397" s="61" t="s">
        <v>828</v>
      </c>
      <c r="B397" s="61" t="s">
        <v>829</v>
      </c>
      <c r="C397" s="71" t="s">
        <v>306</v>
      </c>
      <c r="D397" s="72" t="s">
        <v>1295</v>
      </c>
      <c r="E397" s="73"/>
      <c r="F397" s="62">
        <v>0</v>
      </c>
      <c r="G397" s="62">
        <v>0</v>
      </c>
      <c r="H397" s="62">
        <f t="shared" si="68"/>
        <v>0</v>
      </c>
      <c r="J397" s="62">
        <v>0</v>
      </c>
      <c r="K397" s="62">
        <f t="shared" si="69"/>
        <v>0</v>
      </c>
      <c r="M397" s="62">
        <v>0</v>
      </c>
      <c r="N397" s="62">
        <f t="shared" si="70"/>
        <v>0</v>
      </c>
      <c r="P397" s="74">
        <v>13611.210000000001</v>
      </c>
      <c r="Q397" s="61">
        <v>13591.77</v>
      </c>
      <c r="R397" s="61">
        <v>11473.15</v>
      </c>
      <c r="S397" s="61">
        <v>11473.15</v>
      </c>
      <c r="T397" s="62">
        <v>10940.050000000001</v>
      </c>
      <c r="U397" s="61">
        <v>10940.050000000001</v>
      </c>
      <c r="V397" s="61">
        <v>0</v>
      </c>
      <c r="W397" s="61">
        <v>0</v>
      </c>
      <c r="X397" s="61">
        <v>0</v>
      </c>
      <c r="Y397" s="61">
        <v>0</v>
      </c>
      <c r="Z397" s="61">
        <v>0</v>
      </c>
      <c r="AA397" s="61">
        <v>0</v>
      </c>
      <c r="AB397" s="75">
        <v>0</v>
      </c>
      <c r="AC397" s="61">
        <v>0</v>
      </c>
      <c r="AD397" s="61">
        <v>0</v>
      </c>
      <c r="AE397" s="61">
        <v>0</v>
      </c>
      <c r="AF397" s="62">
        <v>0</v>
      </c>
      <c r="AG397" s="61">
        <v>0</v>
      </c>
      <c r="AH397" s="61">
        <v>0</v>
      </c>
      <c r="AI397" s="61">
        <v>0</v>
      </c>
      <c r="AJ397" s="61">
        <v>0</v>
      </c>
      <c r="AK397" s="61">
        <v>0</v>
      </c>
      <c r="AL397" s="61">
        <v>0</v>
      </c>
      <c r="AM397" s="61">
        <v>0</v>
      </c>
      <c r="AN397" s="75">
        <v>0</v>
      </c>
    </row>
    <row r="398" spans="1:40" s="62" customFormat="1" hidden="1" outlineLevel="2">
      <c r="A398" s="61" t="s">
        <v>307</v>
      </c>
      <c r="B398" s="61" t="s">
        <v>308</v>
      </c>
      <c r="C398" s="71" t="s">
        <v>306</v>
      </c>
      <c r="D398" s="72" t="s">
        <v>1295</v>
      </c>
      <c r="E398" s="73"/>
      <c r="F398" s="62">
        <v>0</v>
      </c>
      <c r="G398" s="62">
        <v>32166.7</v>
      </c>
      <c r="H398" s="62">
        <f t="shared" si="68"/>
        <v>-32166.7</v>
      </c>
      <c r="J398" s="62">
        <v>32166.7</v>
      </c>
      <c r="K398" s="62">
        <f t="shared" si="69"/>
        <v>-32166.7</v>
      </c>
      <c r="M398" s="62">
        <v>0</v>
      </c>
      <c r="N398" s="62">
        <f t="shared" si="70"/>
        <v>0</v>
      </c>
      <c r="P398" s="74">
        <v>0</v>
      </c>
      <c r="Q398" s="61">
        <v>32166.7</v>
      </c>
      <c r="R398" s="61">
        <v>32166.7</v>
      </c>
      <c r="S398" s="61">
        <v>32166.7</v>
      </c>
      <c r="T398" s="62">
        <v>32166.7</v>
      </c>
      <c r="U398" s="61">
        <v>32166.7</v>
      </c>
      <c r="V398" s="61">
        <v>32166.7</v>
      </c>
      <c r="W398" s="61">
        <v>32166.7</v>
      </c>
      <c r="X398" s="61">
        <v>32166.7</v>
      </c>
      <c r="Y398" s="61">
        <v>32166.7</v>
      </c>
      <c r="Z398" s="61">
        <v>32166.7</v>
      </c>
      <c r="AA398" s="61">
        <v>32166.7</v>
      </c>
      <c r="AB398" s="75">
        <v>32166.7</v>
      </c>
      <c r="AC398" s="61">
        <v>23942.639999999999</v>
      </c>
      <c r="AD398" s="61">
        <v>-56912.21</v>
      </c>
      <c r="AE398" s="61">
        <v>28475.75</v>
      </c>
      <c r="AF398" s="62">
        <v>28014.89</v>
      </c>
      <c r="AG398" s="61">
        <v>28014.89</v>
      </c>
      <c r="AH398" s="61">
        <v>26897.22</v>
      </c>
      <c r="AI398" s="61">
        <v>26897.22</v>
      </c>
      <c r="AJ398" s="61">
        <v>26663.7</v>
      </c>
      <c r="AK398" s="61">
        <v>0</v>
      </c>
      <c r="AL398" s="61">
        <v>0</v>
      </c>
      <c r="AM398" s="61">
        <v>0</v>
      </c>
      <c r="AN398" s="75">
        <v>0</v>
      </c>
    </row>
    <row r="399" spans="1:40" s="62" customFormat="1" hidden="1" outlineLevel="2">
      <c r="A399" s="61" t="s">
        <v>446</v>
      </c>
      <c r="B399" s="61" t="s">
        <v>447</v>
      </c>
      <c r="C399" s="71" t="s">
        <v>306</v>
      </c>
      <c r="D399" s="72" t="s">
        <v>1295</v>
      </c>
      <c r="E399" s="73"/>
      <c r="F399" s="62">
        <v>192185.88</v>
      </c>
      <c r="G399" s="62">
        <v>0</v>
      </c>
      <c r="H399" s="62">
        <f t="shared" si="68"/>
        <v>192185.88</v>
      </c>
      <c r="J399" s="62">
        <v>0</v>
      </c>
      <c r="K399" s="62">
        <f t="shared" si="69"/>
        <v>192185.88</v>
      </c>
      <c r="M399" s="62">
        <v>192185.88</v>
      </c>
      <c r="N399" s="62">
        <f t="shared" si="70"/>
        <v>0</v>
      </c>
      <c r="P399" s="74">
        <v>0</v>
      </c>
      <c r="Q399" s="61">
        <v>0</v>
      </c>
      <c r="R399" s="61">
        <v>0</v>
      </c>
      <c r="S399" s="61">
        <v>0</v>
      </c>
      <c r="T399" s="62">
        <v>0</v>
      </c>
      <c r="U399" s="61">
        <v>0</v>
      </c>
      <c r="V399" s="61">
        <v>0</v>
      </c>
      <c r="W399" s="61">
        <v>0</v>
      </c>
      <c r="X399" s="61">
        <v>0</v>
      </c>
      <c r="Y399" s="61">
        <v>0</v>
      </c>
      <c r="Z399" s="61">
        <v>0</v>
      </c>
      <c r="AA399" s="61">
        <v>0</v>
      </c>
      <c r="AB399" s="75">
        <v>0</v>
      </c>
      <c r="AC399" s="61">
        <v>189092.88</v>
      </c>
      <c r="AD399" s="61">
        <v>189092.88</v>
      </c>
      <c r="AE399" s="61">
        <v>189092.88</v>
      </c>
      <c r="AF399" s="62">
        <v>189092.88</v>
      </c>
      <c r="AG399" s="61">
        <v>189092.88</v>
      </c>
      <c r="AH399" s="61">
        <v>189092.88</v>
      </c>
      <c r="AI399" s="61">
        <v>189092.88</v>
      </c>
      <c r="AJ399" s="61">
        <v>189092.88</v>
      </c>
      <c r="AK399" s="61">
        <v>192185.88</v>
      </c>
      <c r="AL399" s="61">
        <v>192185.88</v>
      </c>
      <c r="AM399" s="61">
        <v>192185.88</v>
      </c>
      <c r="AN399" s="75">
        <v>192185.88</v>
      </c>
    </row>
    <row r="400" spans="1:40" s="62" customFormat="1" hidden="1" outlineLevel="2">
      <c r="A400" s="61" t="s">
        <v>1318</v>
      </c>
      <c r="B400" s="61" t="s">
        <v>1319</v>
      </c>
      <c r="C400" s="71" t="s">
        <v>617</v>
      </c>
      <c r="D400" s="72" t="s">
        <v>1295</v>
      </c>
      <c r="E400" s="73"/>
      <c r="F400" s="62">
        <v>0</v>
      </c>
      <c r="G400" s="62">
        <v>0</v>
      </c>
      <c r="H400" s="62">
        <f t="shared" si="68"/>
        <v>0</v>
      </c>
      <c r="J400" s="62">
        <v>0</v>
      </c>
      <c r="K400" s="62">
        <f t="shared" si="69"/>
        <v>0</v>
      </c>
      <c r="M400" s="62">
        <v>0</v>
      </c>
      <c r="N400" s="62">
        <f t="shared" si="70"/>
        <v>0</v>
      </c>
      <c r="P400" s="74">
        <v>0</v>
      </c>
      <c r="Q400" s="61">
        <v>0</v>
      </c>
      <c r="R400" s="61">
        <v>0</v>
      </c>
      <c r="S400" s="61">
        <v>0</v>
      </c>
      <c r="T400" s="62">
        <v>0</v>
      </c>
      <c r="U400" s="61">
        <v>0</v>
      </c>
      <c r="V400" s="61">
        <v>0</v>
      </c>
      <c r="W400" s="61">
        <v>0</v>
      </c>
      <c r="X400" s="61">
        <v>0</v>
      </c>
      <c r="Y400" s="61">
        <v>0</v>
      </c>
      <c r="Z400" s="61">
        <v>0</v>
      </c>
      <c r="AA400" s="61">
        <v>0</v>
      </c>
      <c r="AB400" s="75">
        <v>0</v>
      </c>
      <c r="AC400" s="61">
        <v>0</v>
      </c>
      <c r="AD400" s="61">
        <v>0</v>
      </c>
      <c r="AE400" s="61">
        <v>0</v>
      </c>
      <c r="AF400" s="62">
        <v>0</v>
      </c>
      <c r="AG400" s="61">
        <v>0</v>
      </c>
      <c r="AH400" s="61">
        <v>0</v>
      </c>
      <c r="AI400" s="61">
        <v>0</v>
      </c>
      <c r="AJ400" s="61">
        <v>0</v>
      </c>
      <c r="AK400" s="61">
        <v>0</v>
      </c>
      <c r="AL400" s="61">
        <v>0</v>
      </c>
      <c r="AM400" s="61">
        <v>0</v>
      </c>
      <c r="AN400" s="75">
        <v>0</v>
      </c>
    </row>
    <row r="401" spans="1:41" s="62" customFormat="1" hidden="1" outlineLevel="2">
      <c r="A401" s="61" t="s">
        <v>830</v>
      </c>
      <c r="B401" s="61" t="s">
        <v>831</v>
      </c>
      <c r="C401" s="71" t="s">
        <v>617</v>
      </c>
      <c r="D401" s="72" t="s">
        <v>1295</v>
      </c>
      <c r="E401" s="73"/>
      <c r="F401" s="62">
        <v>0</v>
      </c>
      <c r="G401" s="62">
        <v>0</v>
      </c>
      <c r="H401" s="62">
        <f t="shared" si="68"/>
        <v>0</v>
      </c>
      <c r="J401" s="62">
        <v>0</v>
      </c>
      <c r="K401" s="62">
        <f t="shared" si="69"/>
        <v>0</v>
      </c>
      <c r="M401" s="62">
        <v>0</v>
      </c>
      <c r="N401" s="62">
        <f t="shared" si="70"/>
        <v>0</v>
      </c>
      <c r="P401" s="74">
        <v>255.57</v>
      </c>
      <c r="Q401" s="61">
        <v>255.57</v>
      </c>
      <c r="R401" s="61">
        <v>-74.39</v>
      </c>
      <c r="S401" s="61">
        <v>0</v>
      </c>
      <c r="T401" s="62">
        <v>0</v>
      </c>
      <c r="U401" s="61">
        <v>0</v>
      </c>
      <c r="V401" s="61">
        <v>0</v>
      </c>
      <c r="W401" s="61">
        <v>0</v>
      </c>
      <c r="X401" s="61">
        <v>0</v>
      </c>
      <c r="Y401" s="61">
        <v>0</v>
      </c>
      <c r="Z401" s="61">
        <v>0</v>
      </c>
      <c r="AA401" s="61">
        <v>0</v>
      </c>
      <c r="AB401" s="75">
        <v>0</v>
      </c>
      <c r="AC401" s="61">
        <v>0</v>
      </c>
      <c r="AD401" s="61">
        <v>0</v>
      </c>
      <c r="AE401" s="61">
        <v>0</v>
      </c>
      <c r="AF401" s="62">
        <v>0</v>
      </c>
      <c r="AG401" s="61">
        <v>0</v>
      </c>
      <c r="AH401" s="61">
        <v>0</v>
      </c>
      <c r="AI401" s="61">
        <v>0</v>
      </c>
      <c r="AJ401" s="61">
        <v>0</v>
      </c>
      <c r="AK401" s="61">
        <v>0</v>
      </c>
      <c r="AL401" s="61">
        <v>0</v>
      </c>
      <c r="AM401" s="61">
        <v>0</v>
      </c>
      <c r="AN401" s="75">
        <v>0</v>
      </c>
    </row>
    <row r="402" spans="1:41" s="62" customFormat="1" hidden="1" outlineLevel="2">
      <c r="A402" s="61" t="s">
        <v>615</v>
      </c>
      <c r="B402" s="61" t="s">
        <v>616</v>
      </c>
      <c r="C402" s="71" t="s">
        <v>617</v>
      </c>
      <c r="D402" s="72" t="s">
        <v>1295</v>
      </c>
      <c r="E402" s="73"/>
      <c r="F402" s="62">
        <v>0</v>
      </c>
      <c r="G402" s="62">
        <v>12916.460000000001</v>
      </c>
      <c r="H402" s="62">
        <f t="shared" si="68"/>
        <v>-12916.460000000001</v>
      </c>
      <c r="J402" s="62">
        <v>12916.460000000001</v>
      </c>
      <c r="K402" s="62">
        <f t="shared" si="69"/>
        <v>-12916.460000000001</v>
      </c>
      <c r="M402" s="62">
        <v>0</v>
      </c>
      <c r="N402" s="62">
        <f t="shared" si="70"/>
        <v>0</v>
      </c>
      <c r="P402" s="74">
        <v>0</v>
      </c>
      <c r="Q402" s="61">
        <v>2125</v>
      </c>
      <c r="R402" s="61">
        <v>4250</v>
      </c>
      <c r="S402" s="61">
        <v>6375</v>
      </c>
      <c r="T402" s="62">
        <v>8500</v>
      </c>
      <c r="U402" s="61">
        <v>10625</v>
      </c>
      <c r="V402" s="61">
        <v>12750</v>
      </c>
      <c r="W402" s="61">
        <v>14875</v>
      </c>
      <c r="X402" s="61">
        <v>17000</v>
      </c>
      <c r="Y402" s="61">
        <v>16144.44</v>
      </c>
      <c r="Z402" s="61">
        <v>8666.4600000000009</v>
      </c>
      <c r="AA402" s="61">
        <v>10791.460000000001</v>
      </c>
      <c r="AB402" s="75">
        <v>12916.460000000001</v>
      </c>
      <c r="AC402" s="61">
        <v>12916.460000000001</v>
      </c>
      <c r="AD402" s="61">
        <v>7199.17</v>
      </c>
      <c r="AE402" s="61">
        <v>7199.17</v>
      </c>
      <c r="AF402" s="62">
        <v>2540.0500000000002</v>
      </c>
      <c r="AG402" s="61">
        <v>2540.0500000000002</v>
      </c>
      <c r="AH402" s="61">
        <v>2540.0500000000002</v>
      </c>
      <c r="AI402" s="61">
        <v>2540.0500000000002</v>
      </c>
      <c r="AJ402" s="61">
        <v>2540.0500000000002</v>
      </c>
      <c r="AK402" s="61">
        <v>0</v>
      </c>
      <c r="AL402" s="61">
        <v>0</v>
      </c>
      <c r="AM402" s="61">
        <v>0</v>
      </c>
      <c r="AN402" s="75">
        <v>0</v>
      </c>
    </row>
    <row r="403" spans="1:41" s="62" customFormat="1" hidden="1" outlineLevel="2">
      <c r="A403" s="61" t="s">
        <v>618</v>
      </c>
      <c r="B403" s="61" t="s">
        <v>619</v>
      </c>
      <c r="C403" s="71" t="s">
        <v>617</v>
      </c>
      <c r="D403" s="72" t="s">
        <v>1295</v>
      </c>
      <c r="E403" s="73"/>
      <c r="F403" s="62">
        <v>12820.630000000001</v>
      </c>
      <c r="G403" s="62">
        <v>0</v>
      </c>
      <c r="H403" s="62">
        <f t="shared" si="68"/>
        <v>12820.630000000001</v>
      </c>
      <c r="J403" s="62">
        <v>0</v>
      </c>
      <c r="K403" s="62">
        <f t="shared" si="69"/>
        <v>12820.630000000001</v>
      </c>
      <c r="M403" s="62">
        <v>10695.630000000001</v>
      </c>
      <c r="N403" s="62">
        <f t="shared" si="70"/>
        <v>2125</v>
      </c>
      <c r="P403" s="74">
        <v>0</v>
      </c>
      <c r="Q403" s="61">
        <v>0</v>
      </c>
      <c r="R403" s="61">
        <v>0</v>
      </c>
      <c r="S403" s="61">
        <v>0</v>
      </c>
      <c r="T403" s="62">
        <v>0</v>
      </c>
      <c r="U403" s="61">
        <v>0</v>
      </c>
      <c r="V403" s="61">
        <v>0</v>
      </c>
      <c r="W403" s="61">
        <v>0</v>
      </c>
      <c r="X403" s="61">
        <v>0</v>
      </c>
      <c r="Y403" s="61">
        <v>0</v>
      </c>
      <c r="Z403" s="61">
        <v>0</v>
      </c>
      <c r="AA403" s="61">
        <v>0</v>
      </c>
      <c r="AB403" s="75">
        <v>0</v>
      </c>
      <c r="AC403" s="61">
        <v>2125</v>
      </c>
      <c r="AD403" s="61">
        <v>4250</v>
      </c>
      <c r="AE403" s="61">
        <v>6375</v>
      </c>
      <c r="AF403" s="62">
        <v>8500</v>
      </c>
      <c r="AG403" s="61">
        <v>10625</v>
      </c>
      <c r="AH403" s="61">
        <v>12750</v>
      </c>
      <c r="AI403" s="61">
        <v>14875</v>
      </c>
      <c r="AJ403" s="61">
        <v>17000</v>
      </c>
      <c r="AK403" s="61">
        <v>16144.44</v>
      </c>
      <c r="AL403" s="61">
        <v>8570.630000000001</v>
      </c>
      <c r="AM403" s="61">
        <v>10695.630000000001</v>
      </c>
      <c r="AN403" s="75">
        <v>12820.630000000001</v>
      </c>
    </row>
    <row r="404" spans="1:41" s="62" customFormat="1" hidden="1" outlineLevel="2">
      <c r="A404" s="61" t="s">
        <v>309</v>
      </c>
      <c r="B404" s="61" t="s">
        <v>310</v>
      </c>
      <c r="C404" s="71" t="s">
        <v>311</v>
      </c>
      <c r="D404" s="72" t="s">
        <v>1295</v>
      </c>
      <c r="E404" s="73"/>
      <c r="F404" s="62">
        <v>233417.39300000001</v>
      </c>
      <c r="G404" s="62">
        <v>216569.35500000001</v>
      </c>
      <c r="H404" s="62">
        <f t="shared" si="68"/>
        <v>16848.038</v>
      </c>
      <c r="J404" s="62">
        <v>216569.35500000001</v>
      </c>
      <c r="K404" s="62">
        <f t="shared" si="69"/>
        <v>16848.038</v>
      </c>
      <c r="M404" s="62">
        <v>136991.36300000001</v>
      </c>
      <c r="N404" s="62">
        <f t="shared" si="70"/>
        <v>96426.03</v>
      </c>
      <c r="P404" s="74">
        <v>192087.2</v>
      </c>
      <c r="Q404" s="61">
        <v>157240.6</v>
      </c>
      <c r="R404" s="61">
        <v>166576.31</v>
      </c>
      <c r="S404" s="61">
        <v>32598.695</v>
      </c>
      <c r="T404" s="62">
        <v>43315.934999999998</v>
      </c>
      <c r="U404" s="61">
        <v>54033.285000000003</v>
      </c>
      <c r="V404" s="61">
        <v>81923.755000000005</v>
      </c>
      <c r="W404" s="61">
        <v>98365.445000000007</v>
      </c>
      <c r="X404" s="61">
        <v>114807.11500000001</v>
      </c>
      <c r="Y404" s="61">
        <v>162269.64499999999</v>
      </c>
      <c r="Z404" s="61">
        <v>189051.39499999999</v>
      </c>
      <c r="AA404" s="61">
        <v>215833.14499999999</v>
      </c>
      <c r="AB404" s="75">
        <v>216569.35500000001</v>
      </c>
      <c r="AC404" s="61">
        <v>227477.715</v>
      </c>
      <c r="AD404" s="61">
        <v>227271.565</v>
      </c>
      <c r="AE404" s="61">
        <v>32725.003000000001</v>
      </c>
      <c r="AF404" s="62">
        <v>42966.042999999998</v>
      </c>
      <c r="AG404" s="61">
        <v>53722.923000000003</v>
      </c>
      <c r="AH404" s="61">
        <v>65498.222999999998</v>
      </c>
      <c r="AI404" s="61">
        <v>76422.323000000004</v>
      </c>
      <c r="AJ404" s="61">
        <v>87346.442999999999</v>
      </c>
      <c r="AK404" s="61">
        <v>108394.933</v>
      </c>
      <c r="AL404" s="61">
        <v>122693.143</v>
      </c>
      <c r="AM404" s="61">
        <v>136991.36300000001</v>
      </c>
      <c r="AN404" s="75">
        <v>233417.39300000001</v>
      </c>
    </row>
    <row r="405" spans="1:41" s="62" customFormat="1" hidden="1" outlineLevel="2">
      <c r="A405" s="61" t="s">
        <v>1320</v>
      </c>
      <c r="B405" s="61" t="s">
        <v>1321</v>
      </c>
      <c r="C405" s="71" t="s">
        <v>1322</v>
      </c>
      <c r="D405" s="72" t="s">
        <v>1295</v>
      </c>
      <c r="E405" s="73"/>
      <c r="F405" s="62">
        <v>0</v>
      </c>
      <c r="G405" s="62">
        <v>0</v>
      </c>
      <c r="H405" s="62">
        <f t="shared" si="68"/>
        <v>0</v>
      </c>
      <c r="J405" s="62">
        <v>0</v>
      </c>
      <c r="K405" s="62">
        <f t="shared" si="69"/>
        <v>0</v>
      </c>
      <c r="M405" s="62">
        <v>0</v>
      </c>
      <c r="N405" s="62">
        <f t="shared" si="70"/>
        <v>0</v>
      </c>
      <c r="P405" s="74">
        <v>0</v>
      </c>
      <c r="Q405" s="61">
        <v>0</v>
      </c>
      <c r="R405" s="61">
        <v>0</v>
      </c>
      <c r="S405" s="61">
        <v>0</v>
      </c>
      <c r="T405" s="62">
        <v>0</v>
      </c>
      <c r="U405" s="61">
        <v>0</v>
      </c>
      <c r="V405" s="61">
        <v>0</v>
      </c>
      <c r="W405" s="61">
        <v>0</v>
      </c>
      <c r="X405" s="61">
        <v>0</v>
      </c>
      <c r="Y405" s="61">
        <v>0</v>
      </c>
      <c r="Z405" s="61">
        <v>0</v>
      </c>
      <c r="AA405" s="61">
        <v>0</v>
      </c>
      <c r="AB405" s="75">
        <v>0</v>
      </c>
      <c r="AC405" s="61">
        <v>0</v>
      </c>
      <c r="AD405" s="61">
        <v>0</v>
      </c>
      <c r="AE405" s="61">
        <v>0</v>
      </c>
      <c r="AF405" s="62">
        <v>0</v>
      </c>
      <c r="AG405" s="61">
        <v>0</v>
      </c>
      <c r="AH405" s="61">
        <v>0</v>
      </c>
      <c r="AI405" s="61">
        <v>0</v>
      </c>
      <c r="AJ405" s="61">
        <v>0</v>
      </c>
      <c r="AK405" s="61">
        <v>0</v>
      </c>
      <c r="AL405" s="61">
        <v>0</v>
      </c>
      <c r="AM405" s="61">
        <v>0</v>
      </c>
      <c r="AN405" s="75">
        <v>0</v>
      </c>
    </row>
    <row r="406" spans="1:41" s="62" customFormat="1" hidden="1" outlineLevel="2">
      <c r="A406" s="61" t="s">
        <v>474</v>
      </c>
      <c r="B406" s="61" t="s">
        <v>475</v>
      </c>
      <c r="C406" s="71" t="s">
        <v>476</v>
      </c>
      <c r="D406" s="72" t="s">
        <v>1295</v>
      </c>
      <c r="E406" s="73"/>
      <c r="F406" s="62">
        <v>16383</v>
      </c>
      <c r="G406" s="62">
        <v>0</v>
      </c>
      <c r="H406" s="62">
        <f t="shared" si="68"/>
        <v>16383</v>
      </c>
      <c r="J406" s="62">
        <v>0</v>
      </c>
      <c r="K406" s="62">
        <f t="shared" si="69"/>
        <v>16383</v>
      </c>
      <c r="M406" s="62">
        <v>16383</v>
      </c>
      <c r="N406" s="62">
        <f t="shared" si="70"/>
        <v>0</v>
      </c>
      <c r="P406" s="74">
        <v>0</v>
      </c>
      <c r="Q406" s="61">
        <v>0</v>
      </c>
      <c r="R406" s="61">
        <v>0</v>
      </c>
      <c r="S406" s="61">
        <v>0</v>
      </c>
      <c r="T406" s="62">
        <v>0</v>
      </c>
      <c r="U406" s="61">
        <v>0</v>
      </c>
      <c r="V406" s="61">
        <v>0</v>
      </c>
      <c r="W406" s="61">
        <v>0</v>
      </c>
      <c r="X406" s="61">
        <v>0</v>
      </c>
      <c r="Y406" s="61">
        <v>0</v>
      </c>
      <c r="Z406" s="61">
        <v>0</v>
      </c>
      <c r="AA406" s="61">
        <v>0</v>
      </c>
      <c r="AB406" s="75">
        <v>0</v>
      </c>
      <c r="AC406" s="61">
        <v>0</v>
      </c>
      <c r="AD406" s="61">
        <v>0</v>
      </c>
      <c r="AE406" s="61">
        <v>0</v>
      </c>
      <c r="AF406" s="62">
        <v>0</v>
      </c>
      <c r="AG406" s="61">
        <v>0</v>
      </c>
      <c r="AH406" s="61">
        <v>16478</v>
      </c>
      <c r="AI406" s="61">
        <v>16478</v>
      </c>
      <c r="AJ406" s="61">
        <v>16478</v>
      </c>
      <c r="AK406" s="61">
        <v>16383</v>
      </c>
      <c r="AL406" s="61">
        <v>16383</v>
      </c>
      <c r="AM406" s="61">
        <v>16383</v>
      </c>
      <c r="AN406" s="75">
        <v>16383</v>
      </c>
    </row>
    <row r="407" spans="1:41" s="137" customFormat="1" ht="15" customHeight="1" collapsed="1">
      <c r="A407" s="136" t="s">
        <v>1323</v>
      </c>
      <c r="B407" s="137" t="s">
        <v>2</v>
      </c>
      <c r="C407" s="138" t="s">
        <v>1324</v>
      </c>
      <c r="D407" s="147" t="s">
        <v>1295</v>
      </c>
      <c r="E407" s="117"/>
      <c r="F407" s="139">
        <v>14836087.453000002</v>
      </c>
      <c r="G407" s="140">
        <v>9665054.0850000009</v>
      </c>
      <c r="H407" s="140">
        <f t="shared" si="68"/>
        <v>5171033.3680000007</v>
      </c>
      <c r="I407" s="141"/>
      <c r="J407" s="140">
        <v>9665054.0850000009</v>
      </c>
      <c r="K407" s="140">
        <f t="shared" si="69"/>
        <v>5171033.3680000007</v>
      </c>
      <c r="L407" s="140"/>
      <c r="M407" s="140">
        <v>9515016.4030000027</v>
      </c>
      <c r="N407" s="140">
        <f t="shared" si="70"/>
        <v>5321071.0499999989</v>
      </c>
      <c r="O407" s="131"/>
      <c r="P407" s="142">
        <v>7918133.4100000001</v>
      </c>
      <c r="Q407" s="140">
        <v>19316690.510000002</v>
      </c>
      <c r="R407" s="140">
        <v>17756548.589999996</v>
      </c>
      <c r="S407" s="140">
        <v>15006202.525</v>
      </c>
      <c r="T407" s="140">
        <v>11117964.785</v>
      </c>
      <c r="U407" s="140">
        <v>8755049.0649999995</v>
      </c>
      <c r="V407" s="140">
        <v>7288827.3250000002</v>
      </c>
      <c r="W407" s="140">
        <v>2975621.4349999996</v>
      </c>
      <c r="X407" s="140">
        <v>941937.78499999875</v>
      </c>
      <c r="Y407" s="140">
        <v>1032229.6149999991</v>
      </c>
      <c r="Z407" s="140">
        <v>-4091696.6250000014</v>
      </c>
      <c r="AA407" s="140">
        <v>-8940452.0749999993</v>
      </c>
      <c r="AB407" s="143">
        <v>9665054.0850000009</v>
      </c>
      <c r="AC407" s="140">
        <v>8491393.6850000005</v>
      </c>
      <c r="AD407" s="140">
        <v>7955414.915</v>
      </c>
      <c r="AE407" s="140">
        <v>12393410.743000001</v>
      </c>
      <c r="AF407" s="140">
        <v>12004070.963000003</v>
      </c>
      <c r="AG407" s="140">
        <v>11455382.383000003</v>
      </c>
      <c r="AH407" s="140">
        <v>8294408.2429999998</v>
      </c>
      <c r="AI407" s="140">
        <v>8406853.1030000001</v>
      </c>
      <c r="AJ407" s="140">
        <v>9007931.6330000013</v>
      </c>
      <c r="AK407" s="140">
        <v>8723732.2929999996</v>
      </c>
      <c r="AL407" s="140">
        <v>6241427.9530000007</v>
      </c>
      <c r="AM407" s="140">
        <v>9515016.4030000027</v>
      </c>
      <c r="AN407" s="143">
        <v>14836087.453000002</v>
      </c>
      <c r="AO407" s="144"/>
    </row>
    <row r="408" spans="1:41" s="62" customFormat="1" hidden="1" outlineLevel="1">
      <c r="A408" s="61" t="s">
        <v>1304</v>
      </c>
      <c r="B408" s="61" t="s">
        <v>1305</v>
      </c>
      <c r="C408" s="71" t="s">
        <v>300</v>
      </c>
      <c r="D408" s="72"/>
      <c r="E408" s="73"/>
      <c r="F408" s="62">
        <v>0</v>
      </c>
      <c r="G408" s="62">
        <v>0</v>
      </c>
      <c r="H408" s="62">
        <f t="shared" si="68"/>
        <v>0</v>
      </c>
      <c r="J408" s="62">
        <v>0</v>
      </c>
      <c r="K408" s="62">
        <f t="shared" si="69"/>
        <v>0</v>
      </c>
      <c r="M408" s="62">
        <v>0</v>
      </c>
      <c r="N408" s="62">
        <f t="shared" si="70"/>
        <v>0</v>
      </c>
      <c r="P408" s="74">
        <v>0</v>
      </c>
      <c r="Q408" s="61">
        <v>0</v>
      </c>
      <c r="R408" s="61">
        <v>0</v>
      </c>
      <c r="S408" s="61">
        <v>0</v>
      </c>
      <c r="T408" s="62">
        <v>0</v>
      </c>
      <c r="U408" s="61">
        <v>0</v>
      </c>
      <c r="V408" s="61">
        <v>0</v>
      </c>
      <c r="W408" s="61">
        <v>0</v>
      </c>
      <c r="X408" s="61">
        <v>0</v>
      </c>
      <c r="Y408" s="61">
        <v>0</v>
      </c>
      <c r="Z408" s="61">
        <v>0</v>
      </c>
      <c r="AA408" s="61">
        <v>0</v>
      </c>
      <c r="AB408" s="75">
        <v>0</v>
      </c>
      <c r="AC408" s="61">
        <v>0</v>
      </c>
      <c r="AD408" s="61">
        <v>0</v>
      </c>
      <c r="AE408" s="61">
        <v>0</v>
      </c>
      <c r="AF408" s="62">
        <v>0</v>
      </c>
      <c r="AG408" s="61">
        <v>0</v>
      </c>
      <c r="AH408" s="61">
        <v>0</v>
      </c>
      <c r="AI408" s="61">
        <v>0</v>
      </c>
      <c r="AJ408" s="61">
        <v>0</v>
      </c>
      <c r="AK408" s="61">
        <v>0</v>
      </c>
      <c r="AL408" s="61">
        <v>0</v>
      </c>
      <c r="AM408" s="61">
        <v>0</v>
      </c>
      <c r="AN408" s="75">
        <v>0</v>
      </c>
    </row>
    <row r="409" spans="1:41" s="62" customFormat="1" hidden="1" outlineLevel="1">
      <c r="A409" s="61" t="s">
        <v>1306</v>
      </c>
      <c r="B409" s="61" t="s">
        <v>1307</v>
      </c>
      <c r="C409" s="71" t="s">
        <v>300</v>
      </c>
      <c r="D409" s="72"/>
      <c r="E409" s="73"/>
      <c r="F409" s="62">
        <v>0</v>
      </c>
      <c r="G409" s="62">
        <v>0</v>
      </c>
      <c r="H409" s="62">
        <f t="shared" si="68"/>
        <v>0</v>
      </c>
      <c r="J409" s="62">
        <v>0</v>
      </c>
      <c r="K409" s="62">
        <f t="shared" si="69"/>
        <v>0</v>
      </c>
      <c r="M409" s="62">
        <v>0</v>
      </c>
      <c r="N409" s="62">
        <f t="shared" si="70"/>
        <v>0</v>
      </c>
      <c r="P409" s="74">
        <v>0</v>
      </c>
      <c r="Q409" s="61">
        <v>0</v>
      </c>
      <c r="R409" s="61">
        <v>0</v>
      </c>
      <c r="S409" s="61">
        <v>0</v>
      </c>
      <c r="T409" s="62">
        <v>0</v>
      </c>
      <c r="U409" s="61">
        <v>0</v>
      </c>
      <c r="V409" s="61">
        <v>0</v>
      </c>
      <c r="W409" s="61">
        <v>0</v>
      </c>
      <c r="X409" s="61">
        <v>0</v>
      </c>
      <c r="Y409" s="61">
        <v>0</v>
      </c>
      <c r="Z409" s="61">
        <v>0</v>
      </c>
      <c r="AA409" s="61">
        <v>0</v>
      </c>
      <c r="AB409" s="75">
        <v>0</v>
      </c>
      <c r="AC409" s="61">
        <v>0</v>
      </c>
      <c r="AD409" s="61">
        <v>0</v>
      </c>
      <c r="AE409" s="61">
        <v>0</v>
      </c>
      <c r="AF409" s="62">
        <v>0</v>
      </c>
      <c r="AG409" s="61">
        <v>0</v>
      </c>
      <c r="AH409" s="61">
        <v>0</v>
      </c>
      <c r="AI409" s="61">
        <v>0</v>
      </c>
      <c r="AJ409" s="61">
        <v>0</v>
      </c>
      <c r="AK409" s="61">
        <v>0</v>
      </c>
      <c r="AL409" s="61">
        <v>0</v>
      </c>
      <c r="AM409" s="61">
        <v>0</v>
      </c>
      <c r="AN409" s="75">
        <v>0</v>
      </c>
    </row>
    <row r="410" spans="1:41" s="62" customFormat="1" hidden="1" outlineLevel="1">
      <c r="A410" s="61" t="s">
        <v>822</v>
      </c>
      <c r="B410" s="61" t="s">
        <v>823</v>
      </c>
      <c r="C410" s="71" t="s">
        <v>300</v>
      </c>
      <c r="D410" s="72"/>
      <c r="E410" s="73"/>
      <c r="F410" s="62">
        <v>0</v>
      </c>
      <c r="G410" s="62">
        <v>0</v>
      </c>
      <c r="H410" s="62">
        <f t="shared" si="68"/>
        <v>0</v>
      </c>
      <c r="J410" s="62">
        <v>0</v>
      </c>
      <c r="K410" s="62">
        <f t="shared" si="69"/>
        <v>0</v>
      </c>
      <c r="M410" s="62">
        <v>0</v>
      </c>
      <c r="N410" s="62">
        <f t="shared" si="70"/>
        <v>0</v>
      </c>
      <c r="P410" s="74">
        <v>-93.52</v>
      </c>
      <c r="Q410" s="61">
        <v>-93.52</v>
      </c>
      <c r="R410" s="61">
        <v>0</v>
      </c>
      <c r="S410" s="61">
        <v>0</v>
      </c>
      <c r="T410" s="62">
        <v>0</v>
      </c>
      <c r="U410" s="61">
        <v>0</v>
      </c>
      <c r="V410" s="61">
        <v>0</v>
      </c>
      <c r="W410" s="61">
        <v>0</v>
      </c>
      <c r="X410" s="61">
        <v>0</v>
      </c>
      <c r="Y410" s="61">
        <v>0</v>
      </c>
      <c r="Z410" s="61">
        <v>0</v>
      </c>
      <c r="AA410" s="61">
        <v>0</v>
      </c>
      <c r="AB410" s="75">
        <v>0</v>
      </c>
      <c r="AC410" s="61">
        <v>0</v>
      </c>
      <c r="AD410" s="61">
        <v>0</v>
      </c>
      <c r="AE410" s="61">
        <v>0</v>
      </c>
      <c r="AF410" s="62">
        <v>0</v>
      </c>
      <c r="AG410" s="61">
        <v>0</v>
      </c>
      <c r="AH410" s="61">
        <v>0</v>
      </c>
      <c r="AI410" s="61">
        <v>0</v>
      </c>
      <c r="AJ410" s="61">
        <v>0</v>
      </c>
      <c r="AK410" s="61">
        <v>0</v>
      </c>
      <c r="AL410" s="61">
        <v>0</v>
      </c>
      <c r="AM410" s="61">
        <v>0</v>
      </c>
      <c r="AN410" s="75">
        <v>0</v>
      </c>
    </row>
    <row r="411" spans="1:41" s="62" customFormat="1" hidden="1" outlineLevel="1">
      <c r="A411" s="61" t="s">
        <v>298</v>
      </c>
      <c r="B411" s="61" t="s">
        <v>299</v>
      </c>
      <c r="C411" s="71" t="s">
        <v>300</v>
      </c>
      <c r="D411" s="72"/>
      <c r="E411" s="73"/>
      <c r="F411" s="62">
        <v>0</v>
      </c>
      <c r="G411" s="62">
        <v>0</v>
      </c>
      <c r="H411" s="62">
        <f t="shared" si="68"/>
        <v>0</v>
      </c>
      <c r="J411" s="62">
        <v>0</v>
      </c>
      <c r="K411" s="62">
        <f t="shared" si="69"/>
        <v>0</v>
      </c>
      <c r="M411" s="62">
        <v>0</v>
      </c>
      <c r="N411" s="62">
        <f t="shared" si="70"/>
        <v>0</v>
      </c>
      <c r="P411" s="74">
        <v>720338.20000000007</v>
      </c>
      <c r="Q411" s="61">
        <v>92390.400000000009</v>
      </c>
      <c r="R411" s="61">
        <v>-67025.899999999994</v>
      </c>
      <c r="S411" s="61">
        <v>92457.47</v>
      </c>
      <c r="T411" s="62">
        <v>75010.66</v>
      </c>
      <c r="U411" s="61">
        <v>18867.32</v>
      </c>
      <c r="V411" s="61">
        <v>2185.2600000000002</v>
      </c>
      <c r="W411" s="61">
        <v>2185.2600000000002</v>
      </c>
      <c r="X411" s="61">
        <v>2185.2600000000002</v>
      </c>
      <c r="Y411" s="61">
        <v>2185.2600000000002</v>
      </c>
      <c r="Z411" s="61">
        <v>2185.2600000000002</v>
      </c>
      <c r="AA411" s="61">
        <v>0</v>
      </c>
      <c r="AB411" s="75">
        <v>0</v>
      </c>
      <c r="AC411" s="61">
        <v>0</v>
      </c>
      <c r="AD411" s="61">
        <v>0</v>
      </c>
      <c r="AE411" s="61">
        <v>0</v>
      </c>
      <c r="AF411" s="62">
        <v>0</v>
      </c>
      <c r="AG411" s="61">
        <v>0</v>
      </c>
      <c r="AH411" s="61">
        <v>0</v>
      </c>
      <c r="AI411" s="61">
        <v>0</v>
      </c>
      <c r="AJ411" s="61">
        <v>0</v>
      </c>
      <c r="AK411" s="61">
        <v>0</v>
      </c>
      <c r="AL411" s="61">
        <v>0</v>
      </c>
      <c r="AM411" s="61">
        <v>0</v>
      </c>
      <c r="AN411" s="75">
        <v>0</v>
      </c>
    </row>
    <row r="412" spans="1:41" s="62" customFormat="1" hidden="1" outlineLevel="1">
      <c r="A412" s="61" t="s">
        <v>301</v>
      </c>
      <c r="B412" s="61" t="s">
        <v>302</v>
      </c>
      <c r="C412" s="71" t="s">
        <v>300</v>
      </c>
      <c r="D412" s="72"/>
      <c r="E412" s="73"/>
      <c r="F412" s="62">
        <v>0</v>
      </c>
      <c r="G412" s="62">
        <v>4867943.04</v>
      </c>
      <c r="H412" s="62">
        <f t="shared" si="68"/>
        <v>-4867943.04</v>
      </c>
      <c r="J412" s="62">
        <v>4867943.04</v>
      </c>
      <c r="K412" s="62">
        <f t="shared" si="69"/>
        <v>-4867943.04</v>
      </c>
      <c r="M412" s="62">
        <v>7914.0700000000006</v>
      </c>
      <c r="N412" s="62">
        <f t="shared" si="70"/>
        <v>-7914.0700000000006</v>
      </c>
      <c r="P412" s="74">
        <v>6813021</v>
      </c>
      <c r="Q412" s="61">
        <v>6813021</v>
      </c>
      <c r="R412" s="61">
        <v>6813021</v>
      </c>
      <c r="S412" s="61">
        <v>6813021</v>
      </c>
      <c r="T412" s="62">
        <v>6813021</v>
      </c>
      <c r="U412" s="61">
        <v>6813021</v>
      </c>
      <c r="V412" s="61">
        <v>6813021</v>
      </c>
      <c r="W412" s="61">
        <v>6813021</v>
      </c>
      <c r="X412" s="61">
        <v>6812931.7599999998</v>
      </c>
      <c r="Y412" s="61">
        <v>7254119.8499999996</v>
      </c>
      <c r="Z412" s="61">
        <v>4868321.42</v>
      </c>
      <c r="AA412" s="61">
        <v>4868321.42</v>
      </c>
      <c r="AB412" s="75">
        <v>4867943.04</v>
      </c>
      <c r="AC412" s="61">
        <v>2063268.34</v>
      </c>
      <c r="AD412" s="61">
        <v>941306.85</v>
      </c>
      <c r="AE412" s="61">
        <v>839222.79</v>
      </c>
      <c r="AF412" s="62">
        <v>836499.86</v>
      </c>
      <c r="AG412" s="61">
        <v>824443.21</v>
      </c>
      <c r="AH412" s="61">
        <v>700433.26</v>
      </c>
      <c r="AI412" s="61">
        <v>700433.26</v>
      </c>
      <c r="AJ412" s="61">
        <v>686058.64</v>
      </c>
      <c r="AK412" s="61">
        <v>9107.23</v>
      </c>
      <c r="AL412" s="61">
        <v>7914.0700000000006</v>
      </c>
      <c r="AM412" s="61">
        <v>7914.0700000000006</v>
      </c>
      <c r="AN412" s="75">
        <v>0</v>
      </c>
    </row>
    <row r="413" spans="1:41" s="62" customFormat="1" hidden="1" outlineLevel="1">
      <c r="A413" s="61" t="s">
        <v>431</v>
      </c>
      <c r="B413" s="61" t="s">
        <v>432</v>
      </c>
      <c r="C413" s="71" t="s">
        <v>300</v>
      </c>
      <c r="D413" s="72"/>
      <c r="E413" s="73"/>
      <c r="F413" s="62">
        <v>5018593.32</v>
      </c>
      <c r="G413" s="62">
        <v>7301333</v>
      </c>
      <c r="H413" s="62">
        <f t="shared" si="68"/>
        <v>-2282739.6799999997</v>
      </c>
      <c r="J413" s="62">
        <v>7301333</v>
      </c>
      <c r="K413" s="62">
        <f t="shared" si="69"/>
        <v>-2282739.6799999997</v>
      </c>
      <c r="M413" s="62">
        <v>5018593.32</v>
      </c>
      <c r="N413" s="62">
        <f t="shared" si="70"/>
        <v>0</v>
      </c>
      <c r="P413" s="74">
        <v>0</v>
      </c>
      <c r="Q413" s="61">
        <v>0</v>
      </c>
      <c r="R413" s="61">
        <v>0</v>
      </c>
      <c r="S413" s="61">
        <v>0</v>
      </c>
      <c r="T413" s="62">
        <v>0</v>
      </c>
      <c r="U413" s="61">
        <v>0</v>
      </c>
      <c r="V413" s="61">
        <v>0</v>
      </c>
      <c r="W413" s="61">
        <v>0</v>
      </c>
      <c r="X413" s="61">
        <v>0</v>
      </c>
      <c r="Y413" s="61">
        <v>0</v>
      </c>
      <c r="Z413" s="61">
        <v>0</v>
      </c>
      <c r="AA413" s="61">
        <v>0</v>
      </c>
      <c r="AB413" s="75">
        <v>7301333</v>
      </c>
      <c r="AC413" s="61">
        <v>7301333</v>
      </c>
      <c r="AD413" s="61">
        <v>7301333</v>
      </c>
      <c r="AE413" s="61">
        <v>7301333</v>
      </c>
      <c r="AF413" s="62">
        <v>7301333</v>
      </c>
      <c r="AG413" s="61">
        <v>7301333</v>
      </c>
      <c r="AH413" s="61">
        <v>7758090.0499999998</v>
      </c>
      <c r="AI413" s="61">
        <v>7758090.0499999998</v>
      </c>
      <c r="AJ413" s="61">
        <v>7758679.8200000003</v>
      </c>
      <c r="AK413" s="61">
        <v>7196404.0999999996</v>
      </c>
      <c r="AL413" s="61">
        <v>5018593.32</v>
      </c>
      <c r="AM413" s="61">
        <v>5018593.32</v>
      </c>
      <c r="AN413" s="75">
        <v>5018593.32</v>
      </c>
    </row>
    <row r="414" spans="1:41" s="62" customFormat="1" hidden="1" outlineLevel="1">
      <c r="A414" s="61" t="s">
        <v>1308</v>
      </c>
      <c r="B414" s="61" t="s">
        <v>1309</v>
      </c>
      <c r="C414" s="71" t="s">
        <v>300</v>
      </c>
      <c r="D414" s="72"/>
      <c r="E414" s="73"/>
      <c r="F414" s="62">
        <v>7468922</v>
      </c>
      <c r="G414" s="62">
        <v>0</v>
      </c>
      <c r="H414" s="62">
        <f t="shared" si="68"/>
        <v>7468922</v>
      </c>
      <c r="J414" s="62">
        <v>0</v>
      </c>
      <c r="K414" s="62">
        <f t="shared" si="69"/>
        <v>7468922</v>
      </c>
      <c r="M414" s="62">
        <v>0</v>
      </c>
      <c r="N414" s="62">
        <f t="shared" si="70"/>
        <v>7468922</v>
      </c>
      <c r="P414" s="74">
        <v>0</v>
      </c>
      <c r="Q414" s="61">
        <v>0</v>
      </c>
      <c r="R414" s="61">
        <v>0</v>
      </c>
      <c r="S414" s="61">
        <v>0</v>
      </c>
      <c r="T414" s="62">
        <v>0</v>
      </c>
      <c r="U414" s="61">
        <v>0</v>
      </c>
      <c r="V414" s="61">
        <v>0</v>
      </c>
      <c r="W414" s="61">
        <v>0</v>
      </c>
      <c r="X414" s="61">
        <v>0</v>
      </c>
      <c r="Y414" s="61">
        <v>0</v>
      </c>
      <c r="Z414" s="61">
        <v>0</v>
      </c>
      <c r="AA414" s="61">
        <v>0</v>
      </c>
      <c r="AB414" s="75">
        <v>0</v>
      </c>
      <c r="AC414" s="61">
        <v>0</v>
      </c>
      <c r="AD414" s="61">
        <v>0</v>
      </c>
      <c r="AE414" s="61">
        <v>0</v>
      </c>
      <c r="AF414" s="62">
        <v>0</v>
      </c>
      <c r="AG414" s="61">
        <v>0</v>
      </c>
      <c r="AH414" s="61">
        <v>0</v>
      </c>
      <c r="AI414" s="61">
        <v>0</v>
      </c>
      <c r="AJ414" s="61">
        <v>0</v>
      </c>
      <c r="AK414" s="61">
        <v>0</v>
      </c>
      <c r="AL414" s="61">
        <v>0</v>
      </c>
      <c r="AM414" s="61">
        <v>0</v>
      </c>
      <c r="AN414" s="75">
        <v>7468922</v>
      </c>
    </row>
    <row r="415" spans="1:41" s="62" customFormat="1" hidden="1" outlineLevel="1">
      <c r="A415" s="61" t="s">
        <v>1312</v>
      </c>
      <c r="B415" s="61" t="s">
        <v>1313</v>
      </c>
      <c r="C415" s="71" t="s">
        <v>306</v>
      </c>
      <c r="D415" s="72"/>
      <c r="E415" s="73"/>
      <c r="F415" s="62">
        <v>0</v>
      </c>
      <c r="G415" s="62">
        <v>0</v>
      </c>
      <c r="H415" s="62">
        <f t="shared" si="68"/>
        <v>0</v>
      </c>
      <c r="J415" s="62">
        <v>0</v>
      </c>
      <c r="K415" s="62">
        <f t="shared" si="69"/>
        <v>0</v>
      </c>
      <c r="M415" s="62">
        <v>0</v>
      </c>
      <c r="N415" s="62">
        <f t="shared" si="70"/>
        <v>0</v>
      </c>
      <c r="P415" s="74">
        <v>0</v>
      </c>
      <c r="Q415" s="61">
        <v>0</v>
      </c>
      <c r="R415" s="61">
        <v>0</v>
      </c>
      <c r="S415" s="61">
        <v>0</v>
      </c>
      <c r="T415" s="62">
        <v>0</v>
      </c>
      <c r="U415" s="61">
        <v>0</v>
      </c>
      <c r="V415" s="61">
        <v>0</v>
      </c>
      <c r="W415" s="61">
        <v>0</v>
      </c>
      <c r="X415" s="61">
        <v>0</v>
      </c>
      <c r="Y415" s="61">
        <v>0</v>
      </c>
      <c r="Z415" s="61">
        <v>0</v>
      </c>
      <c r="AA415" s="61">
        <v>0</v>
      </c>
      <c r="AB415" s="75">
        <v>0</v>
      </c>
      <c r="AC415" s="61">
        <v>0</v>
      </c>
      <c r="AD415" s="61">
        <v>0</v>
      </c>
      <c r="AE415" s="61">
        <v>0</v>
      </c>
      <c r="AF415" s="62">
        <v>0</v>
      </c>
      <c r="AG415" s="61">
        <v>0</v>
      </c>
      <c r="AH415" s="61">
        <v>0</v>
      </c>
      <c r="AI415" s="61">
        <v>0</v>
      </c>
      <c r="AJ415" s="61">
        <v>0</v>
      </c>
      <c r="AK415" s="61">
        <v>0</v>
      </c>
      <c r="AL415" s="61">
        <v>0</v>
      </c>
      <c r="AM415" s="61">
        <v>0</v>
      </c>
      <c r="AN415" s="75">
        <v>0</v>
      </c>
    </row>
    <row r="416" spans="1:41" s="62" customFormat="1" hidden="1" outlineLevel="1">
      <c r="A416" s="61" t="s">
        <v>1314</v>
      </c>
      <c r="B416" s="61" t="s">
        <v>1315</v>
      </c>
      <c r="C416" s="71" t="s">
        <v>306</v>
      </c>
      <c r="D416" s="72"/>
      <c r="E416" s="73"/>
      <c r="F416" s="62">
        <v>0</v>
      </c>
      <c r="G416" s="62">
        <v>0</v>
      </c>
      <c r="H416" s="62">
        <f t="shared" si="68"/>
        <v>0</v>
      </c>
      <c r="J416" s="62">
        <v>0</v>
      </c>
      <c r="K416" s="62">
        <f t="shared" si="69"/>
        <v>0</v>
      </c>
      <c r="M416" s="62">
        <v>0</v>
      </c>
      <c r="N416" s="62">
        <f t="shared" si="70"/>
        <v>0</v>
      </c>
      <c r="P416" s="74">
        <v>0</v>
      </c>
      <c r="Q416" s="61">
        <v>0</v>
      </c>
      <c r="R416" s="61">
        <v>0</v>
      </c>
      <c r="S416" s="61">
        <v>0</v>
      </c>
      <c r="T416" s="62">
        <v>0</v>
      </c>
      <c r="U416" s="61">
        <v>0</v>
      </c>
      <c r="V416" s="61">
        <v>0</v>
      </c>
      <c r="W416" s="61">
        <v>0</v>
      </c>
      <c r="X416" s="61">
        <v>0</v>
      </c>
      <c r="Y416" s="61">
        <v>0</v>
      </c>
      <c r="Z416" s="61">
        <v>0</v>
      </c>
      <c r="AA416" s="61">
        <v>0</v>
      </c>
      <c r="AB416" s="75">
        <v>0</v>
      </c>
      <c r="AC416" s="61">
        <v>0</v>
      </c>
      <c r="AD416" s="61">
        <v>0</v>
      </c>
      <c r="AE416" s="61">
        <v>0</v>
      </c>
      <c r="AF416" s="62">
        <v>0</v>
      </c>
      <c r="AG416" s="61">
        <v>0</v>
      </c>
      <c r="AH416" s="61">
        <v>0</v>
      </c>
      <c r="AI416" s="61">
        <v>0</v>
      </c>
      <c r="AJ416" s="61">
        <v>0</v>
      </c>
      <c r="AK416" s="61">
        <v>0</v>
      </c>
      <c r="AL416" s="61">
        <v>0</v>
      </c>
      <c r="AM416" s="61">
        <v>0</v>
      </c>
      <c r="AN416" s="75">
        <v>0</v>
      </c>
    </row>
    <row r="417" spans="1:41" s="62" customFormat="1" hidden="1" outlineLevel="1">
      <c r="A417" s="61" t="s">
        <v>1316</v>
      </c>
      <c r="B417" s="61" t="s">
        <v>1317</v>
      </c>
      <c r="C417" s="71" t="s">
        <v>306</v>
      </c>
      <c r="D417" s="72"/>
      <c r="E417" s="73"/>
      <c r="F417" s="62">
        <v>0</v>
      </c>
      <c r="G417" s="62">
        <v>0</v>
      </c>
      <c r="H417" s="62">
        <f t="shared" si="68"/>
        <v>0</v>
      </c>
      <c r="J417" s="62">
        <v>0</v>
      </c>
      <c r="K417" s="62">
        <f t="shared" si="69"/>
        <v>0</v>
      </c>
      <c r="M417" s="62">
        <v>0</v>
      </c>
      <c r="N417" s="62">
        <f t="shared" si="70"/>
        <v>0</v>
      </c>
      <c r="P417" s="74">
        <v>0</v>
      </c>
      <c r="Q417" s="61">
        <v>0</v>
      </c>
      <c r="R417" s="61">
        <v>0</v>
      </c>
      <c r="S417" s="61">
        <v>0</v>
      </c>
      <c r="T417" s="62">
        <v>0</v>
      </c>
      <c r="U417" s="61">
        <v>0</v>
      </c>
      <c r="V417" s="61">
        <v>0</v>
      </c>
      <c r="W417" s="61">
        <v>0</v>
      </c>
      <c r="X417" s="61">
        <v>0</v>
      </c>
      <c r="Y417" s="61">
        <v>0</v>
      </c>
      <c r="Z417" s="61">
        <v>0</v>
      </c>
      <c r="AA417" s="61">
        <v>0</v>
      </c>
      <c r="AB417" s="75">
        <v>0</v>
      </c>
      <c r="AC417" s="61">
        <v>0</v>
      </c>
      <c r="AD417" s="61">
        <v>0</v>
      </c>
      <c r="AE417" s="61">
        <v>0</v>
      </c>
      <c r="AF417" s="62">
        <v>0</v>
      </c>
      <c r="AG417" s="61">
        <v>0</v>
      </c>
      <c r="AH417" s="61">
        <v>0</v>
      </c>
      <c r="AI417" s="61">
        <v>0</v>
      </c>
      <c r="AJ417" s="61">
        <v>0</v>
      </c>
      <c r="AK417" s="61">
        <v>0</v>
      </c>
      <c r="AL417" s="61">
        <v>0</v>
      </c>
      <c r="AM417" s="61">
        <v>0</v>
      </c>
      <c r="AN417" s="75">
        <v>0</v>
      </c>
    </row>
    <row r="418" spans="1:41" s="62" customFormat="1" hidden="1" outlineLevel="1">
      <c r="A418" s="61" t="s">
        <v>828</v>
      </c>
      <c r="B418" s="61" t="s">
        <v>829</v>
      </c>
      <c r="C418" s="71" t="s">
        <v>306</v>
      </c>
      <c r="D418" s="72"/>
      <c r="E418" s="73"/>
      <c r="F418" s="62">
        <v>0</v>
      </c>
      <c r="G418" s="62">
        <v>0</v>
      </c>
      <c r="H418" s="62">
        <f t="shared" si="68"/>
        <v>0</v>
      </c>
      <c r="J418" s="62">
        <v>0</v>
      </c>
      <c r="K418" s="62">
        <f t="shared" si="69"/>
        <v>0</v>
      </c>
      <c r="M418" s="62">
        <v>0</v>
      </c>
      <c r="N418" s="62">
        <f t="shared" si="70"/>
        <v>0</v>
      </c>
      <c r="P418" s="74">
        <v>13611.210000000001</v>
      </c>
      <c r="Q418" s="61">
        <v>13591.77</v>
      </c>
      <c r="R418" s="61">
        <v>11473.15</v>
      </c>
      <c r="S418" s="61">
        <v>11473.15</v>
      </c>
      <c r="T418" s="62">
        <v>10940.050000000001</v>
      </c>
      <c r="U418" s="61">
        <v>10940.050000000001</v>
      </c>
      <c r="V418" s="61">
        <v>0</v>
      </c>
      <c r="W418" s="61">
        <v>0</v>
      </c>
      <c r="X418" s="61">
        <v>0</v>
      </c>
      <c r="Y418" s="61">
        <v>0</v>
      </c>
      <c r="Z418" s="61">
        <v>0</v>
      </c>
      <c r="AA418" s="61">
        <v>0</v>
      </c>
      <c r="AB418" s="75">
        <v>0</v>
      </c>
      <c r="AC418" s="61">
        <v>0</v>
      </c>
      <c r="AD418" s="61">
        <v>0</v>
      </c>
      <c r="AE418" s="61">
        <v>0</v>
      </c>
      <c r="AF418" s="62">
        <v>0</v>
      </c>
      <c r="AG418" s="61">
        <v>0</v>
      </c>
      <c r="AH418" s="61">
        <v>0</v>
      </c>
      <c r="AI418" s="61">
        <v>0</v>
      </c>
      <c r="AJ418" s="61">
        <v>0</v>
      </c>
      <c r="AK418" s="61">
        <v>0</v>
      </c>
      <c r="AL418" s="61">
        <v>0</v>
      </c>
      <c r="AM418" s="61">
        <v>0</v>
      </c>
      <c r="AN418" s="75">
        <v>0</v>
      </c>
    </row>
    <row r="419" spans="1:41" s="62" customFormat="1" hidden="1" outlineLevel="1">
      <c r="A419" s="61" t="s">
        <v>307</v>
      </c>
      <c r="B419" s="61" t="s">
        <v>308</v>
      </c>
      <c r="C419" s="71" t="s">
        <v>306</v>
      </c>
      <c r="D419" s="72"/>
      <c r="E419" s="73"/>
      <c r="F419" s="62">
        <v>0</v>
      </c>
      <c r="G419" s="62">
        <v>32166.7</v>
      </c>
      <c r="H419" s="62">
        <f t="shared" si="68"/>
        <v>-32166.7</v>
      </c>
      <c r="J419" s="62">
        <v>32166.7</v>
      </c>
      <c r="K419" s="62">
        <f t="shared" si="69"/>
        <v>-32166.7</v>
      </c>
      <c r="M419" s="62">
        <v>0</v>
      </c>
      <c r="N419" s="62">
        <f t="shared" si="70"/>
        <v>0</v>
      </c>
      <c r="P419" s="74">
        <v>0</v>
      </c>
      <c r="Q419" s="61">
        <v>32166.7</v>
      </c>
      <c r="R419" s="61">
        <v>32166.7</v>
      </c>
      <c r="S419" s="61">
        <v>32166.7</v>
      </c>
      <c r="T419" s="62">
        <v>32166.7</v>
      </c>
      <c r="U419" s="61">
        <v>32166.7</v>
      </c>
      <c r="V419" s="61">
        <v>32166.7</v>
      </c>
      <c r="W419" s="61">
        <v>32166.7</v>
      </c>
      <c r="X419" s="61">
        <v>32166.7</v>
      </c>
      <c r="Y419" s="61">
        <v>32166.7</v>
      </c>
      <c r="Z419" s="61">
        <v>32166.7</v>
      </c>
      <c r="AA419" s="61">
        <v>32166.7</v>
      </c>
      <c r="AB419" s="75">
        <v>32166.7</v>
      </c>
      <c r="AC419" s="61">
        <v>23942.639999999999</v>
      </c>
      <c r="AD419" s="61">
        <v>-56912.21</v>
      </c>
      <c r="AE419" s="61">
        <v>28475.75</v>
      </c>
      <c r="AF419" s="62">
        <v>28014.89</v>
      </c>
      <c r="AG419" s="61">
        <v>28014.89</v>
      </c>
      <c r="AH419" s="61">
        <v>26897.22</v>
      </c>
      <c r="AI419" s="61">
        <v>26897.22</v>
      </c>
      <c r="AJ419" s="61">
        <v>26663.7</v>
      </c>
      <c r="AK419" s="61">
        <v>0</v>
      </c>
      <c r="AL419" s="61">
        <v>0</v>
      </c>
      <c r="AM419" s="61">
        <v>0</v>
      </c>
      <c r="AN419" s="75">
        <v>0</v>
      </c>
    </row>
    <row r="420" spans="1:41" s="62" customFormat="1" hidden="1" outlineLevel="1">
      <c r="A420" s="61" t="s">
        <v>446</v>
      </c>
      <c r="B420" s="61" t="s">
        <v>447</v>
      </c>
      <c r="C420" s="71" t="s">
        <v>306</v>
      </c>
      <c r="D420" s="72"/>
      <c r="E420" s="73"/>
      <c r="F420" s="62">
        <v>192185.88</v>
      </c>
      <c r="G420" s="62">
        <v>0</v>
      </c>
      <c r="H420" s="62">
        <f t="shared" si="68"/>
        <v>192185.88</v>
      </c>
      <c r="J420" s="62">
        <v>0</v>
      </c>
      <c r="K420" s="62">
        <f t="shared" si="69"/>
        <v>192185.88</v>
      </c>
      <c r="M420" s="62">
        <v>192185.88</v>
      </c>
      <c r="N420" s="62">
        <f t="shared" si="70"/>
        <v>0</v>
      </c>
      <c r="P420" s="74">
        <v>0</v>
      </c>
      <c r="Q420" s="61">
        <v>0</v>
      </c>
      <c r="R420" s="61">
        <v>0</v>
      </c>
      <c r="S420" s="61">
        <v>0</v>
      </c>
      <c r="T420" s="62">
        <v>0</v>
      </c>
      <c r="U420" s="61">
        <v>0</v>
      </c>
      <c r="V420" s="61">
        <v>0</v>
      </c>
      <c r="W420" s="61">
        <v>0</v>
      </c>
      <c r="X420" s="61">
        <v>0</v>
      </c>
      <c r="Y420" s="61">
        <v>0</v>
      </c>
      <c r="Z420" s="61">
        <v>0</v>
      </c>
      <c r="AA420" s="61">
        <v>0</v>
      </c>
      <c r="AB420" s="75">
        <v>0</v>
      </c>
      <c r="AC420" s="61">
        <v>189092.88</v>
      </c>
      <c r="AD420" s="61">
        <v>189092.88</v>
      </c>
      <c r="AE420" s="61">
        <v>189092.88</v>
      </c>
      <c r="AF420" s="62">
        <v>189092.88</v>
      </c>
      <c r="AG420" s="61">
        <v>189092.88</v>
      </c>
      <c r="AH420" s="61">
        <v>189092.88</v>
      </c>
      <c r="AI420" s="61">
        <v>189092.88</v>
      </c>
      <c r="AJ420" s="61">
        <v>189092.88</v>
      </c>
      <c r="AK420" s="61">
        <v>192185.88</v>
      </c>
      <c r="AL420" s="61">
        <v>192185.88</v>
      </c>
      <c r="AM420" s="61">
        <v>192185.88</v>
      </c>
      <c r="AN420" s="75">
        <v>192185.88</v>
      </c>
    </row>
    <row r="421" spans="1:41" s="62" customFormat="1" hidden="1" outlineLevel="1">
      <c r="A421" s="61" t="s">
        <v>1318</v>
      </c>
      <c r="B421" s="61" t="s">
        <v>1319</v>
      </c>
      <c r="C421" s="71" t="s">
        <v>617</v>
      </c>
      <c r="D421" s="72"/>
      <c r="E421" s="73"/>
      <c r="F421" s="62">
        <v>0</v>
      </c>
      <c r="G421" s="62">
        <v>0</v>
      </c>
      <c r="H421" s="62">
        <f t="shared" si="68"/>
        <v>0</v>
      </c>
      <c r="J421" s="62">
        <v>0</v>
      </c>
      <c r="K421" s="62">
        <f t="shared" si="69"/>
        <v>0</v>
      </c>
      <c r="M421" s="62">
        <v>0</v>
      </c>
      <c r="N421" s="62">
        <f t="shared" si="70"/>
        <v>0</v>
      </c>
      <c r="P421" s="74">
        <v>0</v>
      </c>
      <c r="Q421" s="61">
        <v>0</v>
      </c>
      <c r="R421" s="61">
        <v>0</v>
      </c>
      <c r="S421" s="61">
        <v>0</v>
      </c>
      <c r="T421" s="62">
        <v>0</v>
      </c>
      <c r="U421" s="61">
        <v>0</v>
      </c>
      <c r="V421" s="61">
        <v>0</v>
      </c>
      <c r="W421" s="61">
        <v>0</v>
      </c>
      <c r="X421" s="61">
        <v>0</v>
      </c>
      <c r="Y421" s="61">
        <v>0</v>
      </c>
      <c r="Z421" s="61">
        <v>0</v>
      </c>
      <c r="AA421" s="61">
        <v>0</v>
      </c>
      <c r="AB421" s="75">
        <v>0</v>
      </c>
      <c r="AC421" s="61">
        <v>0</v>
      </c>
      <c r="AD421" s="61">
        <v>0</v>
      </c>
      <c r="AE421" s="61">
        <v>0</v>
      </c>
      <c r="AF421" s="62">
        <v>0</v>
      </c>
      <c r="AG421" s="61">
        <v>0</v>
      </c>
      <c r="AH421" s="61">
        <v>0</v>
      </c>
      <c r="AI421" s="61">
        <v>0</v>
      </c>
      <c r="AJ421" s="61">
        <v>0</v>
      </c>
      <c r="AK421" s="61">
        <v>0</v>
      </c>
      <c r="AL421" s="61">
        <v>0</v>
      </c>
      <c r="AM421" s="61">
        <v>0</v>
      </c>
      <c r="AN421" s="75">
        <v>0</v>
      </c>
    </row>
    <row r="422" spans="1:41" s="62" customFormat="1" hidden="1" outlineLevel="1">
      <c r="A422" s="61" t="s">
        <v>830</v>
      </c>
      <c r="B422" s="61" t="s">
        <v>831</v>
      </c>
      <c r="C422" s="71" t="s">
        <v>617</v>
      </c>
      <c r="D422" s="72"/>
      <c r="E422" s="73"/>
      <c r="F422" s="62">
        <v>0</v>
      </c>
      <c r="G422" s="62">
        <v>0</v>
      </c>
      <c r="H422" s="62">
        <f t="shared" si="68"/>
        <v>0</v>
      </c>
      <c r="J422" s="62">
        <v>0</v>
      </c>
      <c r="K422" s="62">
        <f t="shared" si="69"/>
        <v>0</v>
      </c>
      <c r="M422" s="62">
        <v>0</v>
      </c>
      <c r="N422" s="62">
        <f t="shared" si="70"/>
        <v>0</v>
      </c>
      <c r="P422" s="74">
        <v>255.57</v>
      </c>
      <c r="Q422" s="61">
        <v>255.57</v>
      </c>
      <c r="R422" s="61">
        <v>-74.39</v>
      </c>
      <c r="S422" s="61">
        <v>0</v>
      </c>
      <c r="T422" s="62">
        <v>0</v>
      </c>
      <c r="U422" s="61">
        <v>0</v>
      </c>
      <c r="V422" s="61">
        <v>0</v>
      </c>
      <c r="W422" s="61">
        <v>0</v>
      </c>
      <c r="X422" s="61">
        <v>0</v>
      </c>
      <c r="Y422" s="61">
        <v>0</v>
      </c>
      <c r="Z422" s="61">
        <v>0</v>
      </c>
      <c r="AA422" s="61">
        <v>0</v>
      </c>
      <c r="AB422" s="75">
        <v>0</v>
      </c>
      <c r="AC422" s="61">
        <v>0</v>
      </c>
      <c r="AD422" s="61">
        <v>0</v>
      </c>
      <c r="AE422" s="61">
        <v>0</v>
      </c>
      <c r="AF422" s="62">
        <v>0</v>
      </c>
      <c r="AG422" s="61">
        <v>0</v>
      </c>
      <c r="AH422" s="61">
        <v>0</v>
      </c>
      <c r="AI422" s="61">
        <v>0</v>
      </c>
      <c r="AJ422" s="61">
        <v>0</v>
      </c>
      <c r="AK422" s="61">
        <v>0</v>
      </c>
      <c r="AL422" s="61">
        <v>0</v>
      </c>
      <c r="AM422" s="61">
        <v>0</v>
      </c>
      <c r="AN422" s="75">
        <v>0</v>
      </c>
    </row>
    <row r="423" spans="1:41" s="62" customFormat="1" hidden="1" outlineLevel="1">
      <c r="A423" s="61" t="s">
        <v>615</v>
      </c>
      <c r="B423" s="61" t="s">
        <v>616</v>
      </c>
      <c r="C423" s="71" t="s">
        <v>617</v>
      </c>
      <c r="D423" s="72"/>
      <c r="E423" s="73"/>
      <c r="F423" s="62">
        <v>0</v>
      </c>
      <c r="G423" s="62">
        <v>12916.460000000001</v>
      </c>
      <c r="H423" s="62">
        <f t="shared" si="68"/>
        <v>-12916.460000000001</v>
      </c>
      <c r="J423" s="62">
        <v>12916.460000000001</v>
      </c>
      <c r="K423" s="62">
        <f t="shared" si="69"/>
        <v>-12916.460000000001</v>
      </c>
      <c r="M423" s="62">
        <v>0</v>
      </c>
      <c r="N423" s="62">
        <f t="shared" si="70"/>
        <v>0</v>
      </c>
      <c r="P423" s="74">
        <v>0</v>
      </c>
      <c r="Q423" s="61">
        <v>2125</v>
      </c>
      <c r="R423" s="61">
        <v>4250</v>
      </c>
      <c r="S423" s="61">
        <v>6375</v>
      </c>
      <c r="T423" s="62">
        <v>8500</v>
      </c>
      <c r="U423" s="61">
        <v>10625</v>
      </c>
      <c r="V423" s="61">
        <v>12750</v>
      </c>
      <c r="W423" s="61">
        <v>14875</v>
      </c>
      <c r="X423" s="61">
        <v>17000</v>
      </c>
      <c r="Y423" s="61">
        <v>16144.44</v>
      </c>
      <c r="Z423" s="61">
        <v>8666.4600000000009</v>
      </c>
      <c r="AA423" s="61">
        <v>10791.460000000001</v>
      </c>
      <c r="AB423" s="75">
        <v>12916.460000000001</v>
      </c>
      <c r="AC423" s="61">
        <v>12916.460000000001</v>
      </c>
      <c r="AD423" s="61">
        <v>7199.17</v>
      </c>
      <c r="AE423" s="61">
        <v>7199.17</v>
      </c>
      <c r="AF423" s="62">
        <v>2540.0500000000002</v>
      </c>
      <c r="AG423" s="61">
        <v>2540.0500000000002</v>
      </c>
      <c r="AH423" s="61">
        <v>2540.0500000000002</v>
      </c>
      <c r="AI423" s="61">
        <v>2540.0500000000002</v>
      </c>
      <c r="AJ423" s="61">
        <v>2540.0500000000002</v>
      </c>
      <c r="AK423" s="61">
        <v>0</v>
      </c>
      <c r="AL423" s="61">
        <v>0</v>
      </c>
      <c r="AM423" s="61">
        <v>0</v>
      </c>
      <c r="AN423" s="75">
        <v>0</v>
      </c>
    </row>
    <row r="424" spans="1:41" s="62" customFormat="1" hidden="1" outlineLevel="1">
      <c r="A424" s="61" t="s">
        <v>618</v>
      </c>
      <c r="B424" s="61" t="s">
        <v>619</v>
      </c>
      <c r="C424" s="71" t="s">
        <v>617</v>
      </c>
      <c r="D424" s="72"/>
      <c r="E424" s="73"/>
      <c r="F424" s="62">
        <v>12820.630000000001</v>
      </c>
      <c r="G424" s="62">
        <v>0</v>
      </c>
      <c r="H424" s="62">
        <f t="shared" si="68"/>
        <v>12820.630000000001</v>
      </c>
      <c r="J424" s="62">
        <v>0</v>
      </c>
      <c r="K424" s="62">
        <f t="shared" si="69"/>
        <v>12820.630000000001</v>
      </c>
      <c r="M424" s="62">
        <v>10695.630000000001</v>
      </c>
      <c r="N424" s="62">
        <f t="shared" si="70"/>
        <v>2125</v>
      </c>
      <c r="P424" s="74">
        <v>0</v>
      </c>
      <c r="Q424" s="61">
        <v>0</v>
      </c>
      <c r="R424" s="61">
        <v>0</v>
      </c>
      <c r="S424" s="61">
        <v>0</v>
      </c>
      <c r="T424" s="62">
        <v>0</v>
      </c>
      <c r="U424" s="61">
        <v>0</v>
      </c>
      <c r="V424" s="61">
        <v>0</v>
      </c>
      <c r="W424" s="61">
        <v>0</v>
      </c>
      <c r="X424" s="61">
        <v>0</v>
      </c>
      <c r="Y424" s="61">
        <v>0</v>
      </c>
      <c r="Z424" s="61">
        <v>0</v>
      </c>
      <c r="AA424" s="61">
        <v>0</v>
      </c>
      <c r="AB424" s="75">
        <v>0</v>
      </c>
      <c r="AC424" s="61">
        <v>2125</v>
      </c>
      <c r="AD424" s="61">
        <v>4250</v>
      </c>
      <c r="AE424" s="61">
        <v>6375</v>
      </c>
      <c r="AF424" s="62">
        <v>8500</v>
      </c>
      <c r="AG424" s="61">
        <v>10625</v>
      </c>
      <c r="AH424" s="61">
        <v>12750</v>
      </c>
      <c r="AI424" s="61">
        <v>14875</v>
      </c>
      <c r="AJ424" s="61">
        <v>17000</v>
      </c>
      <c r="AK424" s="61">
        <v>16144.44</v>
      </c>
      <c r="AL424" s="61">
        <v>8570.630000000001</v>
      </c>
      <c r="AM424" s="61">
        <v>10695.630000000001</v>
      </c>
      <c r="AN424" s="75">
        <v>12820.630000000001</v>
      </c>
    </row>
    <row r="425" spans="1:41" s="114" customFormat="1" collapsed="1">
      <c r="A425" s="113" t="s">
        <v>1325</v>
      </c>
      <c r="B425" s="114" t="s">
        <v>2</v>
      </c>
      <c r="C425" s="150" t="s">
        <v>1326</v>
      </c>
      <c r="D425" s="146"/>
      <c r="E425" s="117"/>
      <c r="F425" s="128">
        <v>12692521.830000002</v>
      </c>
      <c r="G425" s="129">
        <v>12214359.199999999</v>
      </c>
      <c r="H425" s="129">
        <f t="shared" si="68"/>
        <v>478162.63000000268</v>
      </c>
      <c r="I425" s="130"/>
      <c r="J425" s="129">
        <v>12214359.199999999</v>
      </c>
      <c r="K425" s="129">
        <f t="shared" si="69"/>
        <v>478162.63000000268</v>
      </c>
      <c r="L425" s="129"/>
      <c r="M425" s="129">
        <v>5229388.9000000004</v>
      </c>
      <c r="N425" s="129">
        <f t="shared" si="70"/>
        <v>7463132.9300000016</v>
      </c>
      <c r="O425" s="131"/>
      <c r="P425" s="132">
        <v>7547132.46</v>
      </c>
      <c r="Q425" s="129">
        <v>6953456.9199999999</v>
      </c>
      <c r="R425" s="129">
        <v>6793810.5600000005</v>
      </c>
      <c r="S425" s="129">
        <v>6955493.3200000003</v>
      </c>
      <c r="T425" s="129">
        <v>6939638.4100000001</v>
      </c>
      <c r="U425" s="129">
        <v>6885620.0700000003</v>
      </c>
      <c r="V425" s="129">
        <v>6860122.96</v>
      </c>
      <c r="W425" s="129">
        <v>6862247.96</v>
      </c>
      <c r="X425" s="129">
        <v>6864283.7199999997</v>
      </c>
      <c r="Y425" s="129">
        <v>7304616.25</v>
      </c>
      <c r="Z425" s="129">
        <v>4911339.84</v>
      </c>
      <c r="AA425" s="129">
        <v>4911279.58</v>
      </c>
      <c r="AB425" s="133">
        <v>12214359.199999999</v>
      </c>
      <c r="AC425" s="129">
        <v>9592678.3200000022</v>
      </c>
      <c r="AD425" s="129">
        <v>8386269.6899999995</v>
      </c>
      <c r="AE425" s="129">
        <v>8371698.5899999999</v>
      </c>
      <c r="AF425" s="129">
        <v>8365980.6799999997</v>
      </c>
      <c r="AG425" s="129">
        <v>8356049.0299999993</v>
      </c>
      <c r="AH425" s="129">
        <v>8689803.4600000028</v>
      </c>
      <c r="AI425" s="129">
        <v>8691928.4600000028</v>
      </c>
      <c r="AJ425" s="129">
        <v>8680035.0900000017</v>
      </c>
      <c r="AK425" s="129">
        <v>7413841.6500000004</v>
      </c>
      <c r="AL425" s="129">
        <v>5227263.9000000004</v>
      </c>
      <c r="AM425" s="129">
        <v>5229388.9000000004</v>
      </c>
      <c r="AN425" s="133">
        <v>12692521.830000002</v>
      </c>
      <c r="AO425" s="134"/>
    </row>
    <row r="426" spans="1:41" s="137" customFormat="1" ht="3.75" hidden="1" customHeight="1" outlineLevel="1">
      <c r="A426" s="136"/>
      <c r="C426" s="138"/>
      <c r="D426" s="146"/>
      <c r="E426" s="117"/>
      <c r="F426" s="139"/>
      <c r="G426" s="140"/>
      <c r="H426" s="140"/>
      <c r="I426" s="141"/>
      <c r="J426" s="140"/>
      <c r="K426" s="140"/>
      <c r="L426" s="140"/>
      <c r="M426" s="140"/>
      <c r="N426" s="140"/>
      <c r="O426" s="131"/>
      <c r="P426" s="142"/>
      <c r="Q426" s="140"/>
      <c r="R426" s="140"/>
      <c r="S426" s="140"/>
      <c r="T426" s="140"/>
      <c r="U426" s="140"/>
      <c r="V426" s="140"/>
      <c r="W426" s="140"/>
      <c r="X426" s="140"/>
      <c r="Y426" s="140"/>
      <c r="Z426" s="140"/>
      <c r="AA426" s="140"/>
      <c r="AB426" s="143"/>
      <c r="AC426" s="140"/>
      <c r="AD426" s="140"/>
      <c r="AE426" s="140"/>
      <c r="AF426" s="140"/>
      <c r="AG426" s="140"/>
      <c r="AH426" s="140"/>
      <c r="AI426" s="140"/>
      <c r="AJ426" s="140"/>
      <c r="AK426" s="140"/>
      <c r="AL426" s="140"/>
      <c r="AM426" s="140"/>
      <c r="AN426" s="143"/>
      <c r="AO426" s="144"/>
    </row>
    <row r="427" spans="1:41" s="62" customFormat="1" hidden="1" outlineLevel="2">
      <c r="A427" s="61" t="s">
        <v>312</v>
      </c>
      <c r="B427" s="61" t="s">
        <v>313</v>
      </c>
      <c r="C427" s="71" t="s">
        <v>314</v>
      </c>
      <c r="D427" s="72" t="s">
        <v>1327</v>
      </c>
      <c r="E427" s="73"/>
      <c r="F427" s="62">
        <v>81807.69</v>
      </c>
      <c r="G427" s="62">
        <v>51027.58</v>
      </c>
      <c r="H427" s="62">
        <f t="shared" ref="H427:H434" si="71">+F427-G427</f>
        <v>30780.11</v>
      </c>
      <c r="J427" s="62">
        <v>51027.58</v>
      </c>
      <c r="K427" s="62">
        <f t="shared" ref="K427:K434" si="72">+F427-J427</f>
        <v>30780.11</v>
      </c>
      <c r="M427" s="62">
        <v>35782.36</v>
      </c>
      <c r="N427" s="62">
        <f t="shared" ref="N427:N434" si="73">+F427-M427</f>
        <v>46025.33</v>
      </c>
      <c r="P427" s="74">
        <v>0</v>
      </c>
      <c r="Q427" s="61">
        <v>30409.200000000001</v>
      </c>
      <c r="R427" s="61">
        <v>8388.73</v>
      </c>
      <c r="S427" s="61">
        <v>19931.2</v>
      </c>
      <c r="T427" s="62">
        <v>40668.720000000001</v>
      </c>
      <c r="U427" s="61">
        <v>31461.74</v>
      </c>
      <c r="V427" s="61">
        <v>20811.82</v>
      </c>
      <c r="W427" s="61">
        <v>43119.51</v>
      </c>
      <c r="X427" s="61">
        <v>32581.25</v>
      </c>
      <c r="Y427" s="61">
        <v>21164.71</v>
      </c>
      <c r="Z427" s="61">
        <v>50180.630000000005</v>
      </c>
      <c r="AA427" s="61">
        <v>49994.630000000005</v>
      </c>
      <c r="AB427" s="75">
        <v>51027.58</v>
      </c>
      <c r="AC427" s="61">
        <v>54271.68</v>
      </c>
      <c r="AD427" s="61">
        <v>57183.17</v>
      </c>
      <c r="AE427" s="61">
        <v>58261.39</v>
      </c>
      <c r="AF427" s="62">
        <v>56046.700000000004</v>
      </c>
      <c r="AG427" s="61">
        <v>35464.58</v>
      </c>
      <c r="AH427" s="61">
        <v>75923.650000000009</v>
      </c>
      <c r="AI427" s="61">
        <v>117134.61</v>
      </c>
      <c r="AJ427" s="61">
        <v>38391.07</v>
      </c>
      <c r="AK427" s="61">
        <v>80881.72</v>
      </c>
      <c r="AL427" s="61">
        <v>124788.72</v>
      </c>
      <c r="AM427" s="61">
        <v>35782.36</v>
      </c>
      <c r="AN427" s="75">
        <v>81807.69</v>
      </c>
    </row>
    <row r="428" spans="1:41" s="62" customFormat="1" hidden="1" outlineLevel="2">
      <c r="A428" s="61" t="s">
        <v>315</v>
      </c>
      <c r="B428" s="61" t="s">
        <v>316</v>
      </c>
      <c r="C428" s="71" t="s">
        <v>317</v>
      </c>
      <c r="D428" s="72" t="s">
        <v>1327</v>
      </c>
      <c r="E428" s="73"/>
      <c r="F428" s="62">
        <v>2303355.23</v>
      </c>
      <c r="G428" s="62">
        <v>2266354.9300000002</v>
      </c>
      <c r="H428" s="62">
        <f t="shared" si="71"/>
        <v>37000.299999999814</v>
      </c>
      <c r="J428" s="62">
        <v>2266354.9300000002</v>
      </c>
      <c r="K428" s="62">
        <f t="shared" si="72"/>
        <v>37000.299999999814</v>
      </c>
      <c r="M428" s="62">
        <v>3914340.98</v>
      </c>
      <c r="N428" s="62">
        <f t="shared" si="73"/>
        <v>-1610985.75</v>
      </c>
      <c r="P428" s="74">
        <v>2209115.31</v>
      </c>
      <c r="Q428" s="61">
        <v>3219238.35</v>
      </c>
      <c r="R428" s="61">
        <v>4229361.3899999997</v>
      </c>
      <c r="S428" s="61">
        <v>1733942.4300000002</v>
      </c>
      <c r="T428" s="62">
        <v>2744065.4699999997</v>
      </c>
      <c r="U428" s="61">
        <v>3754188.51</v>
      </c>
      <c r="V428" s="61">
        <v>2242175.34</v>
      </c>
      <c r="W428" s="61">
        <v>3267415.99</v>
      </c>
      <c r="X428" s="61">
        <v>4292656.6399999997</v>
      </c>
      <c r="Y428" s="61">
        <v>1759890.29</v>
      </c>
      <c r="Z428" s="61">
        <v>2785130.94</v>
      </c>
      <c r="AA428" s="61">
        <v>3810371.59</v>
      </c>
      <c r="AB428" s="75">
        <v>2266354.9300000002</v>
      </c>
      <c r="AC428" s="61">
        <v>3302651.19</v>
      </c>
      <c r="AD428" s="61">
        <v>4338947.45</v>
      </c>
      <c r="AE428" s="61">
        <v>1778868.71</v>
      </c>
      <c r="AF428" s="62">
        <v>2815164.9699999997</v>
      </c>
      <c r="AG428" s="61">
        <v>3851461.23</v>
      </c>
      <c r="AH428" s="61">
        <v>2303355.73</v>
      </c>
      <c r="AI428" s="61">
        <v>3356570.98</v>
      </c>
      <c r="AJ428" s="61">
        <v>4409786.2300000004</v>
      </c>
      <c r="AK428" s="61">
        <v>1807910.48</v>
      </c>
      <c r="AL428" s="61">
        <v>2861125.73</v>
      </c>
      <c r="AM428" s="61">
        <v>3914340.98</v>
      </c>
      <c r="AN428" s="75">
        <v>2303355.23</v>
      </c>
    </row>
    <row r="429" spans="1:41" s="62" customFormat="1" hidden="1" outlineLevel="2">
      <c r="A429" s="61" t="s">
        <v>620</v>
      </c>
      <c r="B429" s="61" t="s">
        <v>621</v>
      </c>
      <c r="C429" s="71" t="s">
        <v>622</v>
      </c>
      <c r="D429" s="72" t="s">
        <v>1327</v>
      </c>
      <c r="E429" s="73"/>
      <c r="F429" s="62">
        <v>87496.73</v>
      </c>
      <c r="G429" s="62">
        <v>27970.420000000002</v>
      </c>
      <c r="H429" s="62">
        <f t="shared" si="71"/>
        <v>59526.31</v>
      </c>
      <c r="J429" s="62">
        <v>27970.420000000002</v>
      </c>
      <c r="K429" s="62">
        <f t="shared" si="72"/>
        <v>59526.31</v>
      </c>
      <c r="M429" s="62">
        <v>80670.880000000005</v>
      </c>
      <c r="N429" s="62">
        <f t="shared" si="73"/>
        <v>6825.8499999999913</v>
      </c>
      <c r="P429" s="74">
        <v>26920.400000000001</v>
      </c>
      <c r="Q429" s="61">
        <v>955.51</v>
      </c>
      <c r="R429" s="61">
        <v>2939.65</v>
      </c>
      <c r="S429" s="61">
        <v>6423.31</v>
      </c>
      <c r="T429" s="62">
        <v>8501.5300000000007</v>
      </c>
      <c r="U429" s="61">
        <v>10720.18</v>
      </c>
      <c r="V429" s="61">
        <v>13877.31</v>
      </c>
      <c r="W429" s="61">
        <v>16047.300000000001</v>
      </c>
      <c r="X429" s="61">
        <v>18217.350000000002</v>
      </c>
      <c r="Y429" s="61">
        <v>21192.12</v>
      </c>
      <c r="Z429" s="61">
        <v>23370.3</v>
      </c>
      <c r="AA429" s="61">
        <v>24818.99</v>
      </c>
      <c r="AB429" s="75">
        <v>27970.420000000002</v>
      </c>
      <c r="AC429" s="61">
        <v>5318.13</v>
      </c>
      <c r="AD429" s="61">
        <v>12889.2</v>
      </c>
      <c r="AE429" s="61">
        <v>20980.09</v>
      </c>
      <c r="AF429" s="62">
        <v>28713.940000000002</v>
      </c>
      <c r="AG429" s="61">
        <v>36574.730000000003</v>
      </c>
      <c r="AH429" s="61">
        <v>43937.21</v>
      </c>
      <c r="AI429" s="61">
        <v>51782.23</v>
      </c>
      <c r="AJ429" s="61">
        <v>59159.64</v>
      </c>
      <c r="AK429" s="61">
        <v>66259.509999999995</v>
      </c>
      <c r="AL429" s="61">
        <v>73827.040000000008</v>
      </c>
      <c r="AM429" s="61">
        <v>80670.880000000005</v>
      </c>
      <c r="AN429" s="75">
        <v>87496.73</v>
      </c>
    </row>
    <row r="430" spans="1:41" s="62" customFormat="1" hidden="1" outlineLevel="2">
      <c r="A430" s="61" t="s">
        <v>477</v>
      </c>
      <c r="B430" s="61" t="s">
        <v>478</v>
      </c>
      <c r="C430" s="71" t="s">
        <v>479</v>
      </c>
      <c r="D430" s="72" t="s">
        <v>1327</v>
      </c>
      <c r="E430" s="73"/>
      <c r="F430" s="62">
        <v>2439</v>
      </c>
      <c r="G430" s="62">
        <v>0</v>
      </c>
      <c r="H430" s="62">
        <f t="shared" si="71"/>
        <v>2439</v>
      </c>
      <c r="J430" s="62">
        <v>0</v>
      </c>
      <c r="K430" s="62">
        <f t="shared" si="72"/>
        <v>2439</v>
      </c>
      <c r="M430" s="62">
        <v>2212</v>
      </c>
      <c r="N430" s="62">
        <f t="shared" si="73"/>
        <v>227</v>
      </c>
      <c r="P430" s="74">
        <v>0</v>
      </c>
      <c r="Q430" s="61">
        <v>0</v>
      </c>
      <c r="R430" s="61">
        <v>0</v>
      </c>
      <c r="S430" s="61">
        <v>0</v>
      </c>
      <c r="T430" s="62">
        <v>0</v>
      </c>
      <c r="U430" s="61">
        <v>0</v>
      </c>
      <c r="V430" s="61">
        <v>0</v>
      </c>
      <c r="W430" s="61">
        <v>0</v>
      </c>
      <c r="X430" s="61">
        <v>0</v>
      </c>
      <c r="Y430" s="61">
        <v>0</v>
      </c>
      <c r="Z430" s="61">
        <v>0</v>
      </c>
      <c r="AA430" s="61">
        <v>0</v>
      </c>
      <c r="AB430" s="75">
        <v>0</v>
      </c>
      <c r="AC430" s="61">
        <v>0</v>
      </c>
      <c r="AD430" s="61">
        <v>0</v>
      </c>
      <c r="AE430" s="61">
        <v>0</v>
      </c>
      <c r="AF430" s="62">
        <v>0</v>
      </c>
      <c r="AG430" s="61">
        <v>0</v>
      </c>
      <c r="AH430" s="61">
        <v>1994</v>
      </c>
      <c r="AI430" s="61">
        <v>1994</v>
      </c>
      <c r="AJ430" s="61">
        <v>1994</v>
      </c>
      <c r="AK430" s="61">
        <v>2212</v>
      </c>
      <c r="AL430" s="61">
        <v>2212</v>
      </c>
      <c r="AM430" s="61">
        <v>2212</v>
      </c>
      <c r="AN430" s="75">
        <v>2439</v>
      </c>
    </row>
    <row r="431" spans="1:41" s="137" customFormat="1" ht="15" hidden="1" customHeight="1" outlineLevel="1">
      <c r="A431" s="113" t="s">
        <v>1328</v>
      </c>
      <c r="B431" s="114" t="s">
        <v>2</v>
      </c>
      <c r="C431" s="148" t="s">
        <v>1329</v>
      </c>
      <c r="D431" s="147" t="s">
        <v>1327</v>
      </c>
      <c r="E431" s="117"/>
      <c r="F431" s="128">
        <v>2475098.65</v>
      </c>
      <c r="G431" s="140">
        <v>2345352.9300000002</v>
      </c>
      <c r="H431" s="140">
        <f t="shared" si="71"/>
        <v>129745.71999999974</v>
      </c>
      <c r="I431" s="141"/>
      <c r="J431" s="140">
        <v>2345352.9300000002</v>
      </c>
      <c r="K431" s="140">
        <f t="shared" si="72"/>
        <v>129745.71999999974</v>
      </c>
      <c r="L431" s="140"/>
      <c r="M431" s="140">
        <v>4033006.2199999997</v>
      </c>
      <c r="N431" s="140">
        <f t="shared" si="73"/>
        <v>-1557907.5699999998</v>
      </c>
      <c r="O431" s="131"/>
      <c r="P431" s="132">
        <v>2236035.71</v>
      </c>
      <c r="Q431" s="140">
        <v>3250603.06</v>
      </c>
      <c r="R431" s="140">
        <v>4240689.7700000005</v>
      </c>
      <c r="S431" s="140">
        <v>1760296.9400000002</v>
      </c>
      <c r="T431" s="140">
        <v>2793235.7199999997</v>
      </c>
      <c r="U431" s="140">
        <v>3796370.43</v>
      </c>
      <c r="V431" s="129">
        <v>2276864.4699999997</v>
      </c>
      <c r="W431" s="140">
        <v>3326582.8</v>
      </c>
      <c r="X431" s="140">
        <v>4343455.2399999993</v>
      </c>
      <c r="Y431" s="140">
        <v>1802247.12</v>
      </c>
      <c r="Z431" s="140">
        <v>2858681.8699999996</v>
      </c>
      <c r="AA431" s="129">
        <v>3885185.21</v>
      </c>
      <c r="AB431" s="143">
        <v>2345352.9300000002</v>
      </c>
      <c r="AC431" s="140">
        <v>3362241</v>
      </c>
      <c r="AD431" s="140">
        <v>4409019.82</v>
      </c>
      <c r="AE431" s="140">
        <v>1858110.19</v>
      </c>
      <c r="AF431" s="140">
        <v>2899925.61</v>
      </c>
      <c r="AG431" s="129">
        <v>3923500.54</v>
      </c>
      <c r="AH431" s="140">
        <v>2425210.59</v>
      </c>
      <c r="AI431" s="140">
        <v>3527481.82</v>
      </c>
      <c r="AJ431" s="140">
        <v>4509330.9400000004</v>
      </c>
      <c r="AK431" s="140">
        <v>1957263.71</v>
      </c>
      <c r="AL431" s="129">
        <v>3061953.49</v>
      </c>
      <c r="AM431" s="140">
        <v>4033006.2199999997</v>
      </c>
      <c r="AN431" s="143">
        <v>2475098.65</v>
      </c>
      <c r="AO431" s="144"/>
    </row>
    <row r="432" spans="1:41" s="62" customFormat="1" hidden="1" outlineLevel="2">
      <c r="A432" s="61" t="s">
        <v>815</v>
      </c>
      <c r="B432" s="61" t="s">
        <v>816</v>
      </c>
      <c r="C432" s="71" t="s">
        <v>817</v>
      </c>
      <c r="D432" s="72" t="s">
        <v>1327</v>
      </c>
      <c r="E432" s="73"/>
      <c r="F432" s="62">
        <v>0</v>
      </c>
      <c r="G432" s="62">
        <v>0</v>
      </c>
      <c r="H432" s="62">
        <f t="shared" si="71"/>
        <v>0</v>
      </c>
      <c r="J432" s="62">
        <v>0</v>
      </c>
      <c r="K432" s="62">
        <f t="shared" si="72"/>
        <v>0</v>
      </c>
      <c r="M432" s="62">
        <v>0</v>
      </c>
      <c r="N432" s="62">
        <f t="shared" si="73"/>
        <v>0</v>
      </c>
      <c r="P432" s="74">
        <v>0</v>
      </c>
      <c r="Q432" s="61">
        <v>0</v>
      </c>
      <c r="R432" s="61">
        <v>0</v>
      </c>
      <c r="S432" s="61">
        <v>0</v>
      </c>
      <c r="T432" s="62">
        <v>0</v>
      </c>
      <c r="U432" s="61">
        <v>0</v>
      </c>
      <c r="V432" s="61">
        <v>0</v>
      </c>
      <c r="W432" s="61">
        <v>0</v>
      </c>
      <c r="X432" s="61">
        <v>0</v>
      </c>
      <c r="Y432" s="61">
        <v>0</v>
      </c>
      <c r="Z432" s="61">
        <v>0</v>
      </c>
      <c r="AA432" s="61">
        <v>0</v>
      </c>
      <c r="AB432" s="75">
        <v>0</v>
      </c>
      <c r="AC432" s="61">
        <v>0</v>
      </c>
      <c r="AD432" s="61">
        <v>0</v>
      </c>
      <c r="AE432" s="61">
        <v>0</v>
      </c>
      <c r="AF432" s="62">
        <v>0</v>
      </c>
      <c r="AG432" s="61">
        <v>0</v>
      </c>
      <c r="AH432" s="61">
        <v>0</v>
      </c>
      <c r="AI432" s="61">
        <v>0</v>
      </c>
      <c r="AJ432" s="61">
        <v>0</v>
      </c>
      <c r="AK432" s="61">
        <v>0</v>
      </c>
      <c r="AL432" s="61">
        <v>0</v>
      </c>
      <c r="AM432" s="61">
        <v>0</v>
      </c>
      <c r="AN432" s="75">
        <v>0</v>
      </c>
    </row>
    <row r="433" spans="1:41" s="137" customFormat="1" ht="15" hidden="1" customHeight="1" outlineLevel="1">
      <c r="A433" s="113" t="s">
        <v>1330</v>
      </c>
      <c r="B433" s="114" t="s">
        <v>2</v>
      </c>
      <c r="C433" s="148" t="s">
        <v>1331</v>
      </c>
      <c r="D433" s="147" t="s">
        <v>1327</v>
      </c>
      <c r="E433" s="117"/>
      <c r="F433" s="128">
        <v>0</v>
      </c>
      <c r="G433" s="140">
        <v>0</v>
      </c>
      <c r="H433" s="140">
        <f t="shared" si="71"/>
        <v>0</v>
      </c>
      <c r="I433" s="141"/>
      <c r="J433" s="140">
        <v>0</v>
      </c>
      <c r="K433" s="140">
        <f t="shared" si="72"/>
        <v>0</v>
      </c>
      <c r="L433" s="140"/>
      <c r="M433" s="140">
        <v>0</v>
      </c>
      <c r="N433" s="140">
        <f t="shared" si="73"/>
        <v>0</v>
      </c>
      <c r="O433" s="131"/>
      <c r="P433" s="132">
        <v>0</v>
      </c>
      <c r="Q433" s="140">
        <v>0</v>
      </c>
      <c r="R433" s="140">
        <v>0</v>
      </c>
      <c r="S433" s="140">
        <v>0</v>
      </c>
      <c r="T433" s="140">
        <v>0</v>
      </c>
      <c r="U433" s="140">
        <v>0</v>
      </c>
      <c r="V433" s="129">
        <v>0</v>
      </c>
      <c r="W433" s="140">
        <v>0</v>
      </c>
      <c r="X433" s="140">
        <v>0</v>
      </c>
      <c r="Y433" s="140">
        <v>0</v>
      </c>
      <c r="Z433" s="140">
        <v>0</v>
      </c>
      <c r="AA433" s="129">
        <v>0</v>
      </c>
      <c r="AB433" s="143">
        <v>0</v>
      </c>
      <c r="AC433" s="140">
        <v>0</v>
      </c>
      <c r="AD433" s="140">
        <v>0</v>
      </c>
      <c r="AE433" s="140">
        <v>0</v>
      </c>
      <c r="AF433" s="140">
        <v>0</v>
      </c>
      <c r="AG433" s="129">
        <v>0</v>
      </c>
      <c r="AH433" s="140">
        <v>0</v>
      </c>
      <c r="AI433" s="140">
        <v>0</v>
      </c>
      <c r="AJ433" s="140">
        <v>0</v>
      </c>
      <c r="AK433" s="140">
        <v>0</v>
      </c>
      <c r="AL433" s="129">
        <v>0</v>
      </c>
      <c r="AM433" s="140">
        <v>0</v>
      </c>
      <c r="AN433" s="143">
        <v>0</v>
      </c>
      <c r="AO433" s="144"/>
    </row>
    <row r="434" spans="1:41" s="137" customFormat="1" ht="15" customHeight="1" collapsed="1">
      <c r="A434" s="136"/>
      <c r="B434" s="137" t="s">
        <v>2</v>
      </c>
      <c r="C434" s="138" t="s">
        <v>1332</v>
      </c>
      <c r="D434" s="146"/>
      <c r="E434" s="117"/>
      <c r="F434" s="139">
        <f>+F433+F431</f>
        <v>2475098.65</v>
      </c>
      <c r="G434" s="140">
        <f>+G433+G431</f>
        <v>2345352.9300000002</v>
      </c>
      <c r="H434" s="140">
        <f t="shared" si="71"/>
        <v>129745.71999999974</v>
      </c>
      <c r="I434" s="141"/>
      <c r="J434" s="140">
        <f>+J433+J431</f>
        <v>2345352.9300000002</v>
      </c>
      <c r="K434" s="140">
        <f t="shared" si="72"/>
        <v>129745.71999999974</v>
      </c>
      <c r="L434" s="140"/>
      <c r="M434" s="140">
        <f>+M433+M431</f>
        <v>4033006.2199999997</v>
      </c>
      <c r="N434" s="140">
        <f t="shared" si="73"/>
        <v>-1557907.5699999998</v>
      </c>
      <c r="O434" s="131"/>
      <c r="P434" s="142">
        <f t="shared" ref="P434:AN434" si="74">+P433+P431</f>
        <v>2236035.71</v>
      </c>
      <c r="Q434" s="140">
        <f t="shared" si="74"/>
        <v>3250603.06</v>
      </c>
      <c r="R434" s="140">
        <f t="shared" si="74"/>
        <v>4240689.7700000005</v>
      </c>
      <c r="S434" s="140">
        <f t="shared" si="74"/>
        <v>1760296.9400000002</v>
      </c>
      <c r="T434" s="140">
        <f t="shared" si="74"/>
        <v>2793235.7199999997</v>
      </c>
      <c r="U434" s="140">
        <f t="shared" si="74"/>
        <v>3796370.43</v>
      </c>
      <c r="V434" s="140">
        <f t="shared" si="74"/>
        <v>2276864.4699999997</v>
      </c>
      <c r="W434" s="140">
        <f t="shared" si="74"/>
        <v>3326582.8</v>
      </c>
      <c r="X434" s="140">
        <f t="shared" si="74"/>
        <v>4343455.2399999993</v>
      </c>
      <c r="Y434" s="140">
        <f t="shared" si="74"/>
        <v>1802247.12</v>
      </c>
      <c r="Z434" s="140">
        <f t="shared" si="74"/>
        <v>2858681.8699999996</v>
      </c>
      <c r="AA434" s="140">
        <f t="shared" si="74"/>
        <v>3885185.21</v>
      </c>
      <c r="AB434" s="143">
        <f t="shared" si="74"/>
        <v>2345352.9300000002</v>
      </c>
      <c r="AC434" s="140">
        <f t="shared" si="74"/>
        <v>3362241</v>
      </c>
      <c r="AD434" s="140">
        <f t="shared" si="74"/>
        <v>4409019.82</v>
      </c>
      <c r="AE434" s="140">
        <f t="shared" si="74"/>
        <v>1858110.19</v>
      </c>
      <c r="AF434" s="140">
        <f t="shared" si="74"/>
        <v>2899925.61</v>
      </c>
      <c r="AG434" s="140">
        <f t="shared" si="74"/>
        <v>3923500.54</v>
      </c>
      <c r="AH434" s="140">
        <f t="shared" si="74"/>
        <v>2425210.59</v>
      </c>
      <c r="AI434" s="140">
        <f t="shared" si="74"/>
        <v>3527481.82</v>
      </c>
      <c r="AJ434" s="140">
        <f t="shared" si="74"/>
        <v>4509330.9400000004</v>
      </c>
      <c r="AK434" s="140">
        <f t="shared" si="74"/>
        <v>1957263.71</v>
      </c>
      <c r="AL434" s="140">
        <f t="shared" si="74"/>
        <v>3061953.49</v>
      </c>
      <c r="AM434" s="140">
        <f t="shared" si="74"/>
        <v>4033006.2199999997</v>
      </c>
      <c r="AN434" s="143">
        <f t="shared" si="74"/>
        <v>2475098.65</v>
      </c>
      <c r="AO434" s="144"/>
    </row>
    <row r="435" spans="1:41" s="137" customFormat="1" ht="3.75" hidden="1" customHeight="1" outlineLevel="1">
      <c r="A435" s="136"/>
      <c r="C435" s="138"/>
      <c r="D435" s="146"/>
      <c r="E435" s="117"/>
      <c r="F435" s="139"/>
      <c r="G435" s="140"/>
      <c r="H435" s="140"/>
      <c r="I435" s="141"/>
      <c r="J435" s="140"/>
      <c r="K435" s="140"/>
      <c r="L435" s="140"/>
      <c r="M435" s="140"/>
      <c r="N435" s="140"/>
      <c r="O435" s="131"/>
      <c r="P435" s="142"/>
      <c r="Q435" s="140"/>
      <c r="R435" s="140"/>
      <c r="S435" s="140"/>
      <c r="T435" s="140"/>
      <c r="U435" s="140"/>
      <c r="V435" s="140"/>
      <c r="W435" s="140"/>
      <c r="X435" s="140"/>
      <c r="Y435" s="140"/>
      <c r="Z435" s="140"/>
      <c r="AA435" s="140"/>
      <c r="AB435" s="143"/>
      <c r="AC435" s="140"/>
      <c r="AD435" s="140"/>
      <c r="AE435" s="140"/>
      <c r="AF435" s="140"/>
      <c r="AG435" s="140"/>
      <c r="AH435" s="140"/>
      <c r="AI435" s="140"/>
      <c r="AJ435" s="140"/>
      <c r="AK435" s="140"/>
      <c r="AL435" s="140"/>
      <c r="AM435" s="140"/>
      <c r="AN435" s="143"/>
      <c r="AO435" s="144"/>
    </row>
    <row r="436" spans="1:41" s="62" customFormat="1" hidden="1" outlineLevel="2">
      <c r="A436" s="61" t="s">
        <v>884</v>
      </c>
      <c r="B436" s="61" t="s">
        <v>885</v>
      </c>
      <c r="C436" s="71" t="s">
        <v>886</v>
      </c>
      <c r="D436" s="72" t="s">
        <v>1333</v>
      </c>
      <c r="E436" s="73"/>
      <c r="F436" s="62">
        <v>0</v>
      </c>
      <c r="G436" s="62">
        <v>0</v>
      </c>
      <c r="H436" s="62">
        <f>+F436-G436</f>
        <v>0</v>
      </c>
      <c r="J436" s="62">
        <v>0</v>
      </c>
      <c r="K436" s="62">
        <f>+F436-J436</f>
        <v>0</v>
      </c>
      <c r="M436" s="62">
        <v>2814.33</v>
      </c>
      <c r="N436" s="62">
        <f>+F436-M436</f>
        <v>-2814.33</v>
      </c>
      <c r="P436" s="74">
        <v>0</v>
      </c>
      <c r="Q436" s="61">
        <v>0</v>
      </c>
      <c r="R436" s="61">
        <v>0</v>
      </c>
      <c r="S436" s="61">
        <v>0</v>
      </c>
      <c r="T436" s="62">
        <v>0</v>
      </c>
      <c r="U436" s="61">
        <v>0</v>
      </c>
      <c r="V436" s="61">
        <v>0</v>
      </c>
      <c r="W436" s="61">
        <v>0</v>
      </c>
      <c r="X436" s="61">
        <v>0</v>
      </c>
      <c r="Y436" s="61">
        <v>0</v>
      </c>
      <c r="Z436" s="61">
        <v>0</v>
      </c>
      <c r="AA436" s="61">
        <v>0</v>
      </c>
      <c r="AB436" s="75">
        <v>0</v>
      </c>
      <c r="AC436" s="61">
        <v>0</v>
      </c>
      <c r="AD436" s="61">
        <v>0</v>
      </c>
      <c r="AE436" s="61">
        <v>0</v>
      </c>
      <c r="AF436" s="62">
        <v>0</v>
      </c>
      <c r="AG436" s="61">
        <v>0</v>
      </c>
      <c r="AH436" s="61">
        <v>0</v>
      </c>
      <c r="AI436" s="61">
        <v>0</v>
      </c>
      <c r="AJ436" s="61">
        <v>0</v>
      </c>
      <c r="AK436" s="61">
        <v>0</v>
      </c>
      <c r="AL436" s="61">
        <v>0</v>
      </c>
      <c r="AM436" s="61">
        <v>2814.33</v>
      </c>
      <c r="AN436" s="75">
        <v>0</v>
      </c>
    </row>
    <row r="437" spans="1:41" s="114" customFormat="1" ht="15" hidden="1" customHeight="1" outlineLevel="1">
      <c r="A437" s="113" t="s">
        <v>1334</v>
      </c>
      <c r="B437" s="114" t="s">
        <v>2</v>
      </c>
      <c r="C437" s="126" t="s">
        <v>1335</v>
      </c>
      <c r="D437" s="147" t="s">
        <v>1333</v>
      </c>
      <c r="E437" s="117"/>
      <c r="F437" s="128">
        <v>0</v>
      </c>
      <c r="G437" s="129">
        <v>0</v>
      </c>
      <c r="H437" s="129">
        <f>+F437-G437</f>
        <v>0</v>
      </c>
      <c r="I437" s="130"/>
      <c r="J437" s="129">
        <v>0</v>
      </c>
      <c r="K437" s="129">
        <f>+F437-J437</f>
        <v>0</v>
      </c>
      <c r="L437" s="129"/>
      <c r="M437" s="129">
        <v>2814.33</v>
      </c>
      <c r="N437" s="129">
        <f>+F437-M437</f>
        <v>-2814.33</v>
      </c>
      <c r="O437" s="131"/>
      <c r="P437" s="132">
        <v>0</v>
      </c>
      <c r="Q437" s="129">
        <v>0</v>
      </c>
      <c r="R437" s="129">
        <v>0</v>
      </c>
      <c r="S437" s="129">
        <v>0</v>
      </c>
      <c r="T437" s="129">
        <v>0</v>
      </c>
      <c r="U437" s="129">
        <v>0</v>
      </c>
      <c r="V437" s="129">
        <v>0</v>
      </c>
      <c r="W437" s="129">
        <v>0</v>
      </c>
      <c r="X437" s="129">
        <v>0</v>
      </c>
      <c r="Y437" s="129">
        <v>0</v>
      </c>
      <c r="Z437" s="129">
        <v>0</v>
      </c>
      <c r="AA437" s="129">
        <v>0</v>
      </c>
      <c r="AB437" s="133">
        <v>0</v>
      </c>
      <c r="AC437" s="129">
        <v>0</v>
      </c>
      <c r="AD437" s="129">
        <v>0</v>
      </c>
      <c r="AE437" s="129">
        <v>0</v>
      </c>
      <c r="AF437" s="129">
        <v>0</v>
      </c>
      <c r="AG437" s="129">
        <v>0</v>
      </c>
      <c r="AH437" s="129">
        <v>0</v>
      </c>
      <c r="AI437" s="129">
        <v>0</v>
      </c>
      <c r="AJ437" s="129">
        <v>0</v>
      </c>
      <c r="AK437" s="129">
        <v>0</v>
      </c>
      <c r="AL437" s="129">
        <v>0</v>
      </c>
      <c r="AM437" s="129">
        <v>2814.33</v>
      </c>
      <c r="AN437" s="133">
        <v>0</v>
      </c>
      <c r="AO437" s="134"/>
    </row>
    <row r="438" spans="1:41" s="114" customFormat="1" ht="3.75" hidden="1" customHeight="1" outlineLevel="1">
      <c r="A438" s="113"/>
      <c r="C438" s="126"/>
      <c r="D438" s="147" t="s">
        <v>1333</v>
      </c>
      <c r="E438" s="117"/>
      <c r="F438" s="128"/>
      <c r="G438" s="129"/>
      <c r="H438" s="129"/>
      <c r="I438" s="130"/>
      <c r="J438" s="129"/>
      <c r="K438" s="129"/>
      <c r="L438" s="129"/>
      <c r="M438" s="129"/>
      <c r="N438" s="129"/>
      <c r="O438" s="131"/>
      <c r="P438" s="132"/>
      <c r="Q438" s="129"/>
      <c r="R438" s="129"/>
      <c r="S438" s="129"/>
      <c r="T438" s="129"/>
      <c r="U438" s="129"/>
      <c r="V438" s="129"/>
      <c r="W438" s="129"/>
      <c r="X438" s="129"/>
      <c r="Y438" s="129"/>
      <c r="Z438" s="129"/>
      <c r="AA438" s="129"/>
      <c r="AB438" s="133"/>
      <c r="AC438" s="129"/>
      <c r="AD438" s="129"/>
      <c r="AE438" s="129"/>
      <c r="AF438" s="129"/>
      <c r="AG438" s="129"/>
      <c r="AH438" s="129"/>
      <c r="AI438" s="129"/>
      <c r="AJ438" s="129"/>
      <c r="AK438" s="129"/>
      <c r="AL438" s="129"/>
      <c r="AM438" s="129"/>
      <c r="AN438" s="133"/>
      <c r="AO438" s="134"/>
    </row>
    <row r="439" spans="1:41" s="62" customFormat="1" hidden="1" outlineLevel="2">
      <c r="A439" s="61" t="s">
        <v>273</v>
      </c>
      <c r="B439" s="61" t="s">
        <v>274</v>
      </c>
      <c r="C439" s="71" t="s">
        <v>275</v>
      </c>
      <c r="D439" s="72" t="s">
        <v>1333</v>
      </c>
      <c r="E439" s="73"/>
      <c r="F439" s="62">
        <v>26526906.289999999</v>
      </c>
      <c r="G439" s="62">
        <v>26601523.239999998</v>
      </c>
      <c r="H439" s="62">
        <f>+F439-G439</f>
        <v>-74616.949999999255</v>
      </c>
      <c r="J439" s="62">
        <v>26601523.239999998</v>
      </c>
      <c r="K439" s="62">
        <f>+F439-J439</f>
        <v>-74616.949999999255</v>
      </c>
      <c r="M439" s="62">
        <v>26489092</v>
      </c>
      <c r="N439" s="62">
        <f>+F439-M439</f>
        <v>37814.289999999106</v>
      </c>
      <c r="P439" s="74">
        <v>26036261.16</v>
      </c>
      <c r="Q439" s="61">
        <v>25962040.98</v>
      </c>
      <c r="R439" s="61">
        <v>26002013.309999999</v>
      </c>
      <c r="S439" s="61">
        <v>26018883.629999999</v>
      </c>
      <c r="T439" s="62">
        <v>26071734.5</v>
      </c>
      <c r="U439" s="61">
        <v>26126697.010000002</v>
      </c>
      <c r="V439" s="61">
        <v>26373741.609999999</v>
      </c>
      <c r="W439" s="61">
        <v>26433758.670000002</v>
      </c>
      <c r="X439" s="61">
        <v>26543790.030000001</v>
      </c>
      <c r="Y439" s="61">
        <v>26718557.899999999</v>
      </c>
      <c r="Z439" s="61">
        <v>27066883.09</v>
      </c>
      <c r="AA439" s="61">
        <v>26605215.170000002</v>
      </c>
      <c r="AB439" s="75">
        <v>26601523.239999998</v>
      </c>
      <c r="AC439" s="61">
        <v>26373800.5</v>
      </c>
      <c r="AD439" s="61">
        <v>26392240.399999999</v>
      </c>
      <c r="AE439" s="61">
        <v>26488230.469999999</v>
      </c>
      <c r="AF439" s="62">
        <v>26518135.23</v>
      </c>
      <c r="AG439" s="61">
        <v>26335167.079999998</v>
      </c>
      <c r="AH439" s="61">
        <v>26384010.07</v>
      </c>
      <c r="AI439" s="61">
        <v>26395252.239999998</v>
      </c>
      <c r="AJ439" s="61">
        <v>26345770.16</v>
      </c>
      <c r="AK439" s="61">
        <v>26429994.57</v>
      </c>
      <c r="AL439" s="61">
        <v>26508721.550000001</v>
      </c>
      <c r="AM439" s="61">
        <v>26489092</v>
      </c>
      <c r="AN439" s="75">
        <v>26526906.289999999</v>
      </c>
    </row>
    <row r="440" spans="1:41" s="114" customFormat="1" ht="15" hidden="1" customHeight="1" outlineLevel="1">
      <c r="A440" s="113" t="s">
        <v>1336</v>
      </c>
      <c r="B440" s="114" t="s">
        <v>2</v>
      </c>
      <c r="C440" s="126" t="s">
        <v>1337</v>
      </c>
      <c r="D440" s="147" t="s">
        <v>1333</v>
      </c>
      <c r="E440" s="117"/>
      <c r="F440" s="128">
        <v>26526906.289999999</v>
      </c>
      <c r="G440" s="129">
        <v>26601523.239999998</v>
      </c>
      <c r="H440" s="129">
        <f>+F440-G440</f>
        <v>-74616.949999999255</v>
      </c>
      <c r="I440" s="130"/>
      <c r="J440" s="129">
        <v>26601523.239999998</v>
      </c>
      <c r="K440" s="129">
        <f>+F440-J440</f>
        <v>-74616.949999999255</v>
      </c>
      <c r="L440" s="129"/>
      <c r="M440" s="129">
        <v>26489092</v>
      </c>
      <c r="N440" s="129">
        <f>+F440-M440</f>
        <v>37814.289999999106</v>
      </c>
      <c r="O440" s="131"/>
      <c r="P440" s="132">
        <v>26036261.16</v>
      </c>
      <c r="Q440" s="129">
        <v>25962040.98</v>
      </c>
      <c r="R440" s="129">
        <v>26002013.309999999</v>
      </c>
      <c r="S440" s="129">
        <v>26018883.629999999</v>
      </c>
      <c r="T440" s="129">
        <v>26071734.5</v>
      </c>
      <c r="U440" s="129">
        <v>26126697.010000002</v>
      </c>
      <c r="V440" s="129">
        <v>26373741.609999999</v>
      </c>
      <c r="W440" s="129">
        <v>26433758.670000002</v>
      </c>
      <c r="X440" s="129">
        <v>26543790.030000001</v>
      </c>
      <c r="Y440" s="129">
        <v>26718557.899999999</v>
      </c>
      <c r="Z440" s="129">
        <v>27066883.09</v>
      </c>
      <c r="AA440" s="129">
        <v>26605215.170000002</v>
      </c>
      <c r="AB440" s="133">
        <v>26601523.239999998</v>
      </c>
      <c r="AC440" s="129">
        <v>26373800.5</v>
      </c>
      <c r="AD440" s="129">
        <v>26392240.399999999</v>
      </c>
      <c r="AE440" s="129">
        <v>26488230.469999999</v>
      </c>
      <c r="AF440" s="129">
        <v>26518135.23</v>
      </c>
      <c r="AG440" s="129">
        <v>26335167.079999998</v>
      </c>
      <c r="AH440" s="129">
        <v>26384010.07</v>
      </c>
      <c r="AI440" s="129">
        <v>26395252.239999998</v>
      </c>
      <c r="AJ440" s="129">
        <v>26345770.16</v>
      </c>
      <c r="AK440" s="129">
        <v>26429994.57</v>
      </c>
      <c r="AL440" s="129">
        <v>26508721.550000001</v>
      </c>
      <c r="AM440" s="129">
        <v>26489092</v>
      </c>
      <c r="AN440" s="133">
        <v>26526906.289999999</v>
      </c>
      <c r="AO440" s="134"/>
    </row>
    <row r="441" spans="1:41" s="137" customFormat="1" ht="15" customHeight="1" collapsed="1">
      <c r="A441" s="136"/>
      <c r="C441" s="138" t="s">
        <v>1338</v>
      </c>
      <c r="D441" s="146"/>
      <c r="E441" s="117"/>
      <c r="F441" s="139">
        <f>+F440+F437</f>
        <v>26526906.289999999</v>
      </c>
      <c r="G441" s="140">
        <f>+G440+G437</f>
        <v>26601523.239999998</v>
      </c>
      <c r="H441" s="140">
        <f>+F441-G441</f>
        <v>-74616.949999999255</v>
      </c>
      <c r="I441" s="141"/>
      <c r="J441" s="140">
        <f>+J440+J437</f>
        <v>26601523.239999998</v>
      </c>
      <c r="K441" s="140">
        <f>+F441-J441</f>
        <v>-74616.949999999255</v>
      </c>
      <c r="L441" s="140"/>
      <c r="M441" s="140">
        <f>+M440+M437</f>
        <v>26491906.329999998</v>
      </c>
      <c r="N441" s="140">
        <f>+F441-M441</f>
        <v>34999.960000000894</v>
      </c>
      <c r="O441" s="131"/>
      <c r="P441" s="142">
        <f t="shared" ref="P441:AN441" si="75">+P440+P437</f>
        <v>26036261.16</v>
      </c>
      <c r="Q441" s="140">
        <f t="shared" si="75"/>
        <v>25962040.98</v>
      </c>
      <c r="R441" s="140">
        <f t="shared" si="75"/>
        <v>26002013.309999999</v>
      </c>
      <c r="S441" s="140">
        <f t="shared" si="75"/>
        <v>26018883.629999999</v>
      </c>
      <c r="T441" s="140">
        <f t="shared" si="75"/>
        <v>26071734.5</v>
      </c>
      <c r="U441" s="140">
        <f t="shared" si="75"/>
        <v>26126697.010000002</v>
      </c>
      <c r="V441" s="140">
        <f t="shared" si="75"/>
        <v>26373741.609999999</v>
      </c>
      <c r="W441" s="140">
        <f t="shared" si="75"/>
        <v>26433758.670000002</v>
      </c>
      <c r="X441" s="140">
        <f t="shared" si="75"/>
        <v>26543790.030000001</v>
      </c>
      <c r="Y441" s="140">
        <f t="shared" si="75"/>
        <v>26718557.899999999</v>
      </c>
      <c r="Z441" s="140">
        <f t="shared" si="75"/>
        <v>27066883.09</v>
      </c>
      <c r="AA441" s="140">
        <f t="shared" si="75"/>
        <v>26605215.170000002</v>
      </c>
      <c r="AB441" s="143">
        <f t="shared" si="75"/>
        <v>26601523.239999998</v>
      </c>
      <c r="AC441" s="140">
        <f t="shared" si="75"/>
        <v>26373800.5</v>
      </c>
      <c r="AD441" s="140">
        <f t="shared" si="75"/>
        <v>26392240.399999999</v>
      </c>
      <c r="AE441" s="140">
        <f t="shared" si="75"/>
        <v>26488230.469999999</v>
      </c>
      <c r="AF441" s="140">
        <f t="shared" si="75"/>
        <v>26518135.23</v>
      </c>
      <c r="AG441" s="140">
        <f t="shared" si="75"/>
        <v>26335167.079999998</v>
      </c>
      <c r="AH441" s="140">
        <f t="shared" si="75"/>
        <v>26384010.07</v>
      </c>
      <c r="AI441" s="140">
        <f t="shared" si="75"/>
        <v>26395252.239999998</v>
      </c>
      <c r="AJ441" s="140">
        <f t="shared" si="75"/>
        <v>26345770.16</v>
      </c>
      <c r="AK441" s="140">
        <f t="shared" si="75"/>
        <v>26429994.57</v>
      </c>
      <c r="AL441" s="140">
        <f t="shared" si="75"/>
        <v>26508721.550000001</v>
      </c>
      <c r="AM441" s="140">
        <f t="shared" si="75"/>
        <v>26491906.329999998</v>
      </c>
      <c r="AN441" s="143">
        <f t="shared" si="75"/>
        <v>26526906.289999999</v>
      </c>
      <c r="AO441" s="144"/>
    </row>
    <row r="442" spans="1:41" s="137" customFormat="1" ht="3.75" hidden="1" customHeight="1" outlineLevel="1">
      <c r="A442" s="136"/>
      <c r="C442" s="138"/>
      <c r="D442" s="146"/>
      <c r="E442" s="117"/>
      <c r="F442" s="139"/>
      <c r="G442" s="140"/>
      <c r="H442" s="140"/>
      <c r="I442" s="141"/>
      <c r="J442" s="140"/>
      <c r="K442" s="140"/>
      <c r="L442" s="140"/>
      <c r="M442" s="140"/>
      <c r="N442" s="140"/>
      <c r="O442" s="131"/>
      <c r="P442" s="142"/>
      <c r="Q442" s="140"/>
      <c r="R442" s="140"/>
      <c r="S442" s="140"/>
      <c r="T442" s="140"/>
      <c r="U442" s="140"/>
      <c r="V442" s="140"/>
      <c r="W442" s="140"/>
      <c r="X442" s="140"/>
      <c r="Y442" s="140"/>
      <c r="Z442" s="140"/>
      <c r="AA442" s="140"/>
      <c r="AB442" s="143"/>
      <c r="AC442" s="140"/>
      <c r="AD442" s="140"/>
      <c r="AE442" s="140"/>
      <c r="AF442" s="140"/>
      <c r="AG442" s="140"/>
      <c r="AH442" s="140"/>
      <c r="AI442" s="140"/>
      <c r="AJ442" s="140"/>
      <c r="AK442" s="140"/>
      <c r="AL442" s="140"/>
      <c r="AM442" s="140"/>
      <c r="AN442" s="143"/>
      <c r="AO442" s="144"/>
    </row>
    <row r="443" spans="1:41" s="137" customFormat="1" ht="15" customHeight="1" collapsed="1">
      <c r="A443" s="136" t="s">
        <v>1339</v>
      </c>
      <c r="B443" s="137" t="s">
        <v>2</v>
      </c>
      <c r="C443" s="138" t="s">
        <v>1340</v>
      </c>
      <c r="D443" s="147" t="s">
        <v>1341</v>
      </c>
      <c r="E443" s="117"/>
      <c r="F443" s="139">
        <v>0</v>
      </c>
      <c r="G443" s="140">
        <v>0</v>
      </c>
      <c r="H443" s="140">
        <f>+F443-G443</f>
        <v>0</v>
      </c>
      <c r="I443" s="141"/>
      <c r="J443" s="140">
        <v>0</v>
      </c>
      <c r="K443" s="140">
        <f>+F443-J443</f>
        <v>0</v>
      </c>
      <c r="L443" s="140"/>
      <c r="M443" s="140">
        <v>0</v>
      </c>
      <c r="N443" s="140">
        <f>+F443-M443</f>
        <v>0</v>
      </c>
      <c r="O443" s="131"/>
      <c r="P443" s="142">
        <v>0</v>
      </c>
      <c r="Q443" s="140">
        <v>0</v>
      </c>
      <c r="R443" s="140">
        <v>0</v>
      </c>
      <c r="S443" s="140">
        <v>0</v>
      </c>
      <c r="T443" s="140">
        <v>0</v>
      </c>
      <c r="U443" s="140">
        <v>0</v>
      </c>
      <c r="V443" s="140">
        <v>0</v>
      </c>
      <c r="W443" s="140">
        <v>0</v>
      </c>
      <c r="X443" s="140">
        <v>0</v>
      </c>
      <c r="Y443" s="140">
        <v>0</v>
      </c>
      <c r="Z443" s="140">
        <v>0</v>
      </c>
      <c r="AA443" s="140">
        <v>0</v>
      </c>
      <c r="AB443" s="143">
        <v>0</v>
      </c>
      <c r="AC443" s="140">
        <v>0</v>
      </c>
      <c r="AD443" s="140">
        <v>0</v>
      </c>
      <c r="AE443" s="140">
        <v>0</v>
      </c>
      <c r="AF443" s="140">
        <v>0</v>
      </c>
      <c r="AG443" s="140">
        <v>0</v>
      </c>
      <c r="AH443" s="140">
        <v>0</v>
      </c>
      <c r="AI443" s="140">
        <v>0</v>
      </c>
      <c r="AJ443" s="140">
        <v>0</v>
      </c>
      <c r="AK443" s="140">
        <v>0</v>
      </c>
      <c r="AL443" s="140">
        <v>0</v>
      </c>
      <c r="AM443" s="140">
        <v>0</v>
      </c>
      <c r="AN443" s="143">
        <v>0</v>
      </c>
      <c r="AO443" s="144"/>
    </row>
    <row r="444" spans="1:41" s="114" customFormat="1" ht="3.75" hidden="1" customHeight="1" outlineLevel="1">
      <c r="A444" s="113"/>
      <c r="C444" s="145"/>
      <c r="D444" s="146"/>
      <c r="E444" s="117"/>
      <c r="F444" s="128"/>
      <c r="G444" s="129"/>
      <c r="H444" s="129"/>
      <c r="I444" s="130"/>
      <c r="J444" s="129"/>
      <c r="K444" s="129"/>
      <c r="L444" s="129"/>
      <c r="M444" s="129"/>
      <c r="N444" s="129"/>
      <c r="O444" s="131"/>
      <c r="P444" s="132"/>
      <c r="Q444" s="129"/>
      <c r="R444" s="129"/>
      <c r="S444" s="129"/>
      <c r="T444" s="129"/>
      <c r="U444" s="129"/>
      <c r="V444" s="129"/>
      <c r="W444" s="129"/>
      <c r="X444" s="129"/>
      <c r="Y444" s="129"/>
      <c r="Z444" s="129"/>
      <c r="AA444" s="129"/>
      <c r="AB444" s="133"/>
      <c r="AC444" s="129"/>
      <c r="AD444" s="129"/>
      <c r="AE444" s="129"/>
      <c r="AF444" s="129"/>
      <c r="AG444" s="129"/>
      <c r="AH444" s="129"/>
      <c r="AI444" s="129"/>
      <c r="AJ444" s="129"/>
      <c r="AK444" s="129"/>
      <c r="AL444" s="129"/>
      <c r="AM444" s="129"/>
      <c r="AN444" s="133"/>
      <c r="AO444" s="134"/>
    </row>
    <row r="445" spans="1:41" s="114" customFormat="1" ht="15" hidden="1" customHeight="1" outlineLevel="1">
      <c r="A445" s="113" t="s">
        <v>1342</v>
      </c>
      <c r="B445" s="114" t="s">
        <v>2</v>
      </c>
      <c r="C445" s="126" t="s">
        <v>1343</v>
      </c>
      <c r="D445" s="147" t="s">
        <v>1344</v>
      </c>
      <c r="E445" s="117"/>
      <c r="F445" s="128">
        <v>0</v>
      </c>
      <c r="G445" s="129">
        <v>0</v>
      </c>
      <c r="H445" s="129">
        <f>+F445-G445</f>
        <v>0</v>
      </c>
      <c r="I445" s="130"/>
      <c r="J445" s="129">
        <v>0</v>
      </c>
      <c r="K445" s="129">
        <f>+F445-J445</f>
        <v>0</v>
      </c>
      <c r="L445" s="129"/>
      <c r="M445" s="129">
        <v>0</v>
      </c>
      <c r="N445" s="129">
        <f>+F445-M445</f>
        <v>0</v>
      </c>
      <c r="O445" s="131"/>
      <c r="P445" s="132">
        <v>0</v>
      </c>
      <c r="Q445" s="129">
        <v>0</v>
      </c>
      <c r="R445" s="129">
        <v>0</v>
      </c>
      <c r="S445" s="129">
        <v>0</v>
      </c>
      <c r="T445" s="129">
        <v>0</v>
      </c>
      <c r="U445" s="129">
        <v>0</v>
      </c>
      <c r="V445" s="129">
        <v>0</v>
      </c>
      <c r="W445" s="129">
        <v>0</v>
      </c>
      <c r="X445" s="129">
        <v>0</v>
      </c>
      <c r="Y445" s="129">
        <v>0</v>
      </c>
      <c r="Z445" s="129">
        <v>0</v>
      </c>
      <c r="AA445" s="129">
        <v>0</v>
      </c>
      <c r="AB445" s="133">
        <v>0</v>
      </c>
      <c r="AC445" s="129">
        <v>0</v>
      </c>
      <c r="AD445" s="129">
        <v>0</v>
      </c>
      <c r="AE445" s="129">
        <v>0</v>
      </c>
      <c r="AF445" s="129">
        <v>0</v>
      </c>
      <c r="AG445" s="129">
        <v>0</v>
      </c>
      <c r="AH445" s="129">
        <v>0</v>
      </c>
      <c r="AI445" s="129">
        <v>0</v>
      </c>
      <c r="AJ445" s="129">
        <v>0</v>
      </c>
      <c r="AK445" s="129">
        <v>0</v>
      </c>
      <c r="AL445" s="129">
        <v>0</v>
      </c>
      <c r="AM445" s="129">
        <v>0</v>
      </c>
      <c r="AN445" s="133">
        <v>0</v>
      </c>
      <c r="AO445" s="134"/>
    </row>
    <row r="446" spans="1:41" s="114" customFormat="1" ht="15" hidden="1" customHeight="1" outlineLevel="1">
      <c r="A446" s="113" t="s">
        <v>1345</v>
      </c>
      <c r="B446" s="114" t="s">
        <v>2</v>
      </c>
      <c r="C446" s="126" t="s">
        <v>1346</v>
      </c>
      <c r="D446" s="147" t="s">
        <v>1344</v>
      </c>
      <c r="E446" s="117"/>
      <c r="F446" s="128">
        <v>0</v>
      </c>
      <c r="G446" s="129">
        <v>0</v>
      </c>
      <c r="H446" s="129">
        <f>+F446-G446</f>
        <v>0</v>
      </c>
      <c r="I446" s="130"/>
      <c r="J446" s="129">
        <v>0</v>
      </c>
      <c r="K446" s="129">
        <f>+F446-J446</f>
        <v>0</v>
      </c>
      <c r="L446" s="129"/>
      <c r="M446" s="129">
        <v>0</v>
      </c>
      <c r="N446" s="129">
        <f>+F446-M446</f>
        <v>0</v>
      </c>
      <c r="O446" s="131"/>
      <c r="P446" s="132">
        <v>0</v>
      </c>
      <c r="Q446" s="129">
        <v>0</v>
      </c>
      <c r="R446" s="129">
        <v>0</v>
      </c>
      <c r="S446" s="129">
        <v>0</v>
      </c>
      <c r="T446" s="129">
        <v>0</v>
      </c>
      <c r="U446" s="129">
        <v>0</v>
      </c>
      <c r="V446" s="129">
        <v>0</v>
      </c>
      <c r="W446" s="129">
        <v>0</v>
      </c>
      <c r="X446" s="129">
        <v>0</v>
      </c>
      <c r="Y446" s="129">
        <v>0</v>
      </c>
      <c r="Z446" s="129">
        <v>0</v>
      </c>
      <c r="AA446" s="129">
        <v>0</v>
      </c>
      <c r="AB446" s="133">
        <v>0</v>
      </c>
      <c r="AC446" s="129">
        <v>0</v>
      </c>
      <c r="AD446" s="129">
        <v>0</v>
      </c>
      <c r="AE446" s="129">
        <v>0</v>
      </c>
      <c r="AF446" s="129">
        <v>0</v>
      </c>
      <c r="AG446" s="129">
        <v>0</v>
      </c>
      <c r="AH446" s="129">
        <v>0</v>
      </c>
      <c r="AI446" s="129">
        <v>0</v>
      </c>
      <c r="AJ446" s="129">
        <v>0</v>
      </c>
      <c r="AK446" s="129">
        <v>0</v>
      </c>
      <c r="AL446" s="129">
        <v>0</v>
      </c>
      <c r="AM446" s="129">
        <v>0</v>
      </c>
      <c r="AN446" s="133">
        <v>0</v>
      </c>
      <c r="AO446" s="134"/>
    </row>
    <row r="447" spans="1:41" s="62" customFormat="1" hidden="1" outlineLevel="2">
      <c r="A447" s="61" t="s">
        <v>321</v>
      </c>
      <c r="B447" s="61" t="s">
        <v>322</v>
      </c>
      <c r="C447" s="71" t="s">
        <v>323</v>
      </c>
      <c r="D447" s="72" t="s">
        <v>1344</v>
      </c>
      <c r="E447" s="73"/>
      <c r="F447" s="62">
        <v>448285.28</v>
      </c>
      <c r="G447" s="62">
        <v>466175.19</v>
      </c>
      <c r="H447" s="62">
        <f>+F447-G447</f>
        <v>-17889.909999999974</v>
      </c>
      <c r="J447" s="62">
        <v>466175.19</v>
      </c>
      <c r="K447" s="62">
        <f>+F447-J447</f>
        <v>-17889.909999999974</v>
      </c>
      <c r="M447" s="62">
        <v>455945.55</v>
      </c>
      <c r="N447" s="62">
        <f>+F447-M447</f>
        <v>-7660.2699999999604</v>
      </c>
      <c r="P447" s="74">
        <v>531528.69999999995</v>
      </c>
      <c r="Q447" s="61">
        <v>492382.79000000004</v>
      </c>
      <c r="R447" s="61">
        <v>477627.78</v>
      </c>
      <c r="S447" s="61">
        <v>480881.28</v>
      </c>
      <c r="T447" s="62">
        <v>504527.64</v>
      </c>
      <c r="U447" s="61">
        <v>502040.62</v>
      </c>
      <c r="V447" s="61">
        <v>499747.44</v>
      </c>
      <c r="W447" s="61">
        <v>498182.94</v>
      </c>
      <c r="X447" s="61">
        <v>499959.68</v>
      </c>
      <c r="Y447" s="61">
        <v>494977.55</v>
      </c>
      <c r="Z447" s="61">
        <v>492053.61</v>
      </c>
      <c r="AA447" s="61">
        <v>470180.62</v>
      </c>
      <c r="AB447" s="75">
        <v>466175.19</v>
      </c>
      <c r="AC447" s="61">
        <v>475689.21</v>
      </c>
      <c r="AD447" s="61">
        <v>473761.78</v>
      </c>
      <c r="AE447" s="61">
        <v>470876.94</v>
      </c>
      <c r="AF447" s="62">
        <v>477547.64</v>
      </c>
      <c r="AG447" s="61">
        <v>478367.21</v>
      </c>
      <c r="AH447" s="61">
        <v>485576.8</v>
      </c>
      <c r="AI447" s="61">
        <v>475088.25</v>
      </c>
      <c r="AJ447" s="61">
        <v>471405.8</v>
      </c>
      <c r="AK447" s="61">
        <v>465820.81</v>
      </c>
      <c r="AL447" s="61">
        <v>459597.76</v>
      </c>
      <c r="AM447" s="61">
        <v>455945.55</v>
      </c>
      <c r="AN447" s="75">
        <v>448285.28</v>
      </c>
    </row>
    <row r="448" spans="1:41" s="62" customFormat="1" hidden="1" outlineLevel="2">
      <c r="A448" s="61" t="s">
        <v>324</v>
      </c>
      <c r="B448" s="61" t="s">
        <v>325</v>
      </c>
      <c r="C448" s="71" t="s">
        <v>326</v>
      </c>
      <c r="D448" s="72" t="s">
        <v>1344</v>
      </c>
      <c r="E448" s="73"/>
      <c r="F448" s="62">
        <v>669.36</v>
      </c>
      <c r="G448" s="62">
        <v>5852.18</v>
      </c>
      <c r="H448" s="62">
        <f>+F448-G448</f>
        <v>-5182.8200000000006</v>
      </c>
      <c r="J448" s="62">
        <v>5852.18</v>
      </c>
      <c r="K448" s="62">
        <f>+F448-J448</f>
        <v>-5182.8200000000006</v>
      </c>
      <c r="M448" s="62">
        <v>1078.81</v>
      </c>
      <c r="N448" s="62">
        <f>+F448-M448</f>
        <v>-409.44999999999993</v>
      </c>
      <c r="P448" s="74">
        <v>2734.9900000000002</v>
      </c>
      <c r="Q448" s="61">
        <v>1595.3500000000001</v>
      </c>
      <c r="R448" s="61">
        <v>11905.66</v>
      </c>
      <c r="S448" s="61">
        <v>22249.65</v>
      </c>
      <c r="T448" s="62">
        <v>0</v>
      </c>
      <c r="U448" s="61">
        <v>0</v>
      </c>
      <c r="V448" s="61">
        <v>0</v>
      </c>
      <c r="W448" s="61">
        <v>4170.03</v>
      </c>
      <c r="X448" s="61">
        <v>190.56</v>
      </c>
      <c r="Y448" s="61">
        <v>2406.3000000000002</v>
      </c>
      <c r="Z448" s="61">
        <v>4133.2700000000004</v>
      </c>
      <c r="AA448" s="61">
        <v>2010.5900000000001</v>
      </c>
      <c r="AB448" s="75">
        <v>5852.18</v>
      </c>
      <c r="AC448" s="61">
        <v>6703.4400000000005</v>
      </c>
      <c r="AD448" s="61">
        <v>8459</v>
      </c>
      <c r="AE448" s="61">
        <v>19719.14</v>
      </c>
      <c r="AF448" s="62">
        <v>12476.04</v>
      </c>
      <c r="AG448" s="61">
        <v>8239.130000000001</v>
      </c>
      <c r="AH448" s="61">
        <v>651</v>
      </c>
      <c r="AI448" s="61">
        <v>0</v>
      </c>
      <c r="AJ448" s="61">
        <v>2204.7600000000002</v>
      </c>
      <c r="AK448" s="61">
        <v>2621.2800000000002</v>
      </c>
      <c r="AL448" s="61">
        <v>2385.6</v>
      </c>
      <c r="AM448" s="61">
        <v>1078.81</v>
      </c>
      <c r="AN448" s="75">
        <v>669.36</v>
      </c>
    </row>
    <row r="449" spans="1:41" s="114" customFormat="1" ht="15" hidden="1" customHeight="1" outlineLevel="1">
      <c r="A449" s="113" t="s">
        <v>1347</v>
      </c>
      <c r="B449" s="114" t="s">
        <v>2</v>
      </c>
      <c r="C449" s="126" t="s">
        <v>1348</v>
      </c>
      <c r="D449" s="147" t="s">
        <v>1344</v>
      </c>
      <c r="E449" s="117"/>
      <c r="F449" s="128">
        <v>448954.64</v>
      </c>
      <c r="G449" s="129">
        <v>472027.37</v>
      </c>
      <c r="H449" s="129">
        <f>+F449-G449</f>
        <v>-23072.729999999981</v>
      </c>
      <c r="I449" s="130"/>
      <c r="J449" s="129">
        <v>472027.37</v>
      </c>
      <c r="K449" s="129">
        <f>+F449-J449</f>
        <v>-23072.729999999981</v>
      </c>
      <c r="L449" s="129"/>
      <c r="M449" s="129">
        <v>457024.36</v>
      </c>
      <c r="N449" s="129">
        <f>+F449-M449</f>
        <v>-8069.7199999999721</v>
      </c>
      <c r="O449" s="131"/>
      <c r="P449" s="132">
        <v>534263.68999999994</v>
      </c>
      <c r="Q449" s="129">
        <v>493978.14</v>
      </c>
      <c r="R449" s="129">
        <v>489533.44</v>
      </c>
      <c r="S449" s="129">
        <v>503130.93000000005</v>
      </c>
      <c r="T449" s="129">
        <v>504527.64</v>
      </c>
      <c r="U449" s="129">
        <v>502040.62</v>
      </c>
      <c r="V449" s="129">
        <v>499747.44</v>
      </c>
      <c r="W449" s="129">
        <v>502352.97000000003</v>
      </c>
      <c r="X449" s="129">
        <v>500150.24</v>
      </c>
      <c r="Y449" s="129">
        <v>497383.85</v>
      </c>
      <c r="Z449" s="129">
        <v>496186.88</v>
      </c>
      <c r="AA449" s="129">
        <v>472191.21</v>
      </c>
      <c r="AB449" s="133">
        <v>472027.37</v>
      </c>
      <c r="AC449" s="129">
        <v>482392.65</v>
      </c>
      <c r="AD449" s="129">
        <v>482220.78</v>
      </c>
      <c r="AE449" s="129">
        <v>490596.08</v>
      </c>
      <c r="AF449" s="129">
        <v>490023.67999999999</v>
      </c>
      <c r="AG449" s="129">
        <v>486606.34</v>
      </c>
      <c r="AH449" s="129">
        <v>486227.8</v>
      </c>
      <c r="AI449" s="129">
        <v>475088.25</v>
      </c>
      <c r="AJ449" s="129">
        <v>473610.56</v>
      </c>
      <c r="AK449" s="129">
        <v>468442.09</v>
      </c>
      <c r="AL449" s="129">
        <v>461983.36</v>
      </c>
      <c r="AM449" s="129">
        <v>457024.36</v>
      </c>
      <c r="AN449" s="133">
        <v>448954.64</v>
      </c>
      <c r="AO449" s="134"/>
    </row>
    <row r="450" spans="1:41" s="114" customFormat="1" ht="3.75" hidden="1" customHeight="1" outlineLevel="1">
      <c r="A450" s="113"/>
      <c r="C450" s="150"/>
      <c r="D450" s="147" t="s">
        <v>1344</v>
      </c>
      <c r="E450" s="117"/>
      <c r="F450" s="128"/>
      <c r="G450" s="129"/>
      <c r="H450" s="129"/>
      <c r="I450" s="130"/>
      <c r="J450" s="129"/>
      <c r="K450" s="129"/>
      <c r="L450" s="129"/>
      <c r="M450" s="129"/>
      <c r="N450" s="129"/>
      <c r="O450" s="131"/>
      <c r="P450" s="132"/>
      <c r="Q450" s="129"/>
      <c r="R450" s="129"/>
      <c r="S450" s="129"/>
      <c r="T450" s="129"/>
      <c r="U450" s="129"/>
      <c r="V450" s="129"/>
      <c r="W450" s="129"/>
      <c r="X450" s="129"/>
      <c r="Y450" s="129"/>
      <c r="Z450" s="129"/>
      <c r="AA450" s="129"/>
      <c r="AB450" s="133"/>
      <c r="AC450" s="129"/>
      <c r="AD450" s="129"/>
      <c r="AE450" s="129"/>
      <c r="AF450" s="129"/>
      <c r="AG450" s="129"/>
      <c r="AH450" s="129"/>
      <c r="AI450" s="129"/>
      <c r="AJ450" s="129"/>
      <c r="AK450" s="129"/>
      <c r="AL450" s="129"/>
      <c r="AM450" s="129"/>
      <c r="AN450" s="133"/>
      <c r="AO450" s="134"/>
    </row>
    <row r="451" spans="1:41" s="62" customFormat="1" hidden="1" outlineLevel="2">
      <c r="A451" s="61" t="s">
        <v>835</v>
      </c>
      <c r="B451" s="61" t="s">
        <v>836</v>
      </c>
      <c r="C451" s="71" t="s">
        <v>837</v>
      </c>
      <c r="D451" s="72" t="s">
        <v>1344</v>
      </c>
      <c r="E451" s="73"/>
      <c r="F451" s="62">
        <v>0</v>
      </c>
      <c r="G451" s="62">
        <v>0</v>
      </c>
      <c r="H451" s="62">
        <f t="shared" ref="H451:H514" si="76">+F451-G451</f>
        <v>0</v>
      </c>
      <c r="J451" s="62">
        <v>0</v>
      </c>
      <c r="K451" s="62">
        <f t="shared" ref="K451:K514" si="77">+F451-J451</f>
        <v>0</v>
      </c>
      <c r="M451" s="62">
        <v>0</v>
      </c>
      <c r="N451" s="62">
        <f t="shared" ref="N451:N514" si="78">+F451-M451</f>
        <v>0</v>
      </c>
      <c r="P451" s="74">
        <v>0</v>
      </c>
      <c r="Q451" s="61">
        <v>0</v>
      </c>
      <c r="R451" s="61">
        <v>0</v>
      </c>
      <c r="S451" s="61">
        <v>0</v>
      </c>
      <c r="T451" s="62">
        <v>0</v>
      </c>
      <c r="U451" s="61">
        <v>114882.82</v>
      </c>
      <c r="V451" s="61">
        <v>0</v>
      </c>
      <c r="W451" s="61">
        <v>0</v>
      </c>
      <c r="X451" s="61">
        <v>0</v>
      </c>
      <c r="Y451" s="61">
        <v>0</v>
      </c>
      <c r="Z451" s="61">
        <v>111664.33</v>
      </c>
      <c r="AA451" s="61">
        <v>0</v>
      </c>
      <c r="AB451" s="75">
        <v>0</v>
      </c>
      <c r="AC451" s="61">
        <v>0</v>
      </c>
      <c r="AD451" s="61">
        <v>0</v>
      </c>
      <c r="AE451" s="61">
        <v>0</v>
      </c>
      <c r="AF451" s="62">
        <v>111195.32</v>
      </c>
      <c r="AG451" s="61">
        <v>0</v>
      </c>
      <c r="AH451" s="61">
        <v>0</v>
      </c>
      <c r="AI451" s="61">
        <v>0</v>
      </c>
      <c r="AJ451" s="61">
        <v>0</v>
      </c>
      <c r="AK451" s="61">
        <v>115638.12</v>
      </c>
      <c r="AL451" s="61">
        <v>0</v>
      </c>
      <c r="AM451" s="61">
        <v>0</v>
      </c>
      <c r="AN451" s="75">
        <v>0</v>
      </c>
    </row>
    <row r="452" spans="1:41" s="62" customFormat="1" hidden="1" outlineLevel="2">
      <c r="A452" s="61" t="s">
        <v>333</v>
      </c>
      <c r="B452" s="61" t="s">
        <v>334</v>
      </c>
      <c r="C452" s="71" t="s">
        <v>335</v>
      </c>
      <c r="D452" s="72" t="s">
        <v>1344</v>
      </c>
      <c r="E452" s="73"/>
      <c r="F452" s="62">
        <v>44085.61</v>
      </c>
      <c r="G452" s="62">
        <v>39881.07</v>
      </c>
      <c r="H452" s="62">
        <f t="shared" si="76"/>
        <v>4204.5400000000009</v>
      </c>
      <c r="J452" s="62">
        <v>39881.07</v>
      </c>
      <c r="K452" s="62">
        <f t="shared" si="77"/>
        <v>4204.5400000000009</v>
      </c>
      <c r="M452" s="62">
        <v>41199.910000000003</v>
      </c>
      <c r="N452" s="62">
        <f t="shared" si="78"/>
        <v>2885.6999999999971</v>
      </c>
      <c r="P452" s="74">
        <v>38798.9</v>
      </c>
      <c r="Q452" s="61">
        <v>37601.15</v>
      </c>
      <c r="R452" s="61">
        <v>49516.19</v>
      </c>
      <c r="S452" s="61">
        <v>60121.65</v>
      </c>
      <c r="T452" s="62">
        <v>45492.32</v>
      </c>
      <c r="U452" s="61">
        <v>46448.72</v>
      </c>
      <c r="V452" s="61">
        <v>41287.78</v>
      </c>
      <c r="W452" s="61">
        <v>62996.55</v>
      </c>
      <c r="X452" s="61">
        <v>40732.480000000003</v>
      </c>
      <c r="Y452" s="61">
        <v>40753.83</v>
      </c>
      <c r="Z452" s="61">
        <v>81516.44</v>
      </c>
      <c r="AA452" s="61">
        <v>41274.47</v>
      </c>
      <c r="AB452" s="75">
        <v>39881.07</v>
      </c>
      <c r="AC452" s="61">
        <v>41078.22</v>
      </c>
      <c r="AD452" s="61">
        <v>38667.660000000003</v>
      </c>
      <c r="AE452" s="61">
        <v>57242.020000000004</v>
      </c>
      <c r="AF452" s="62">
        <v>45035.99</v>
      </c>
      <c r="AG452" s="61">
        <v>43583.39</v>
      </c>
      <c r="AH452" s="61">
        <v>41392.94</v>
      </c>
      <c r="AI452" s="61">
        <v>49691.49</v>
      </c>
      <c r="AJ452" s="61">
        <v>43472.79</v>
      </c>
      <c r="AK452" s="61">
        <v>81152.41</v>
      </c>
      <c r="AL452" s="61">
        <v>53689.46</v>
      </c>
      <c r="AM452" s="61">
        <v>41199.910000000003</v>
      </c>
      <c r="AN452" s="75">
        <v>44085.61</v>
      </c>
    </row>
    <row r="453" spans="1:41" s="62" customFormat="1" hidden="1" outlineLevel="2">
      <c r="A453" s="61" t="s">
        <v>623</v>
      </c>
      <c r="B453" s="61" t="s">
        <v>624</v>
      </c>
      <c r="C453" s="71" t="s">
        <v>625</v>
      </c>
      <c r="D453" s="72" t="s">
        <v>1344</v>
      </c>
      <c r="E453" s="73"/>
      <c r="F453" s="62">
        <v>30843.54</v>
      </c>
      <c r="G453" s="62">
        <v>32913.81</v>
      </c>
      <c r="H453" s="62">
        <f t="shared" si="76"/>
        <v>-2070.2699999999968</v>
      </c>
      <c r="J453" s="62">
        <v>32913.81</v>
      </c>
      <c r="K453" s="62">
        <f t="shared" si="77"/>
        <v>-2070.2699999999968</v>
      </c>
      <c r="M453" s="62">
        <v>20442.84</v>
      </c>
      <c r="N453" s="62">
        <f t="shared" si="78"/>
        <v>10400.700000000001</v>
      </c>
      <c r="P453" s="74">
        <v>21686.27</v>
      </c>
      <c r="Q453" s="61">
        <v>6358.74</v>
      </c>
      <c r="R453" s="61">
        <v>17257.260000000002</v>
      </c>
      <c r="S453" s="61">
        <v>34955.760000000002</v>
      </c>
      <c r="T453" s="62">
        <v>6809.1500000000005</v>
      </c>
      <c r="U453" s="61">
        <v>17635.650000000001</v>
      </c>
      <c r="V453" s="61">
        <v>24453.38</v>
      </c>
      <c r="W453" s="61">
        <v>8709.16</v>
      </c>
      <c r="X453" s="61">
        <v>15722.41</v>
      </c>
      <c r="Y453" s="61">
        <v>23546.83</v>
      </c>
      <c r="Z453" s="61">
        <v>14045.57</v>
      </c>
      <c r="AA453" s="61">
        <v>23407.510000000002</v>
      </c>
      <c r="AB453" s="75">
        <v>32913.81</v>
      </c>
      <c r="AC453" s="61">
        <v>14473.16</v>
      </c>
      <c r="AD453" s="61">
        <v>21286.28</v>
      </c>
      <c r="AE453" s="61">
        <v>51071.29</v>
      </c>
      <c r="AF453" s="62">
        <v>15132.83</v>
      </c>
      <c r="AG453" s="61">
        <v>26396.55</v>
      </c>
      <c r="AH453" s="61">
        <v>36856.32</v>
      </c>
      <c r="AI453" s="61">
        <v>11783.29</v>
      </c>
      <c r="AJ453" s="61">
        <v>22146.66</v>
      </c>
      <c r="AK453" s="61">
        <v>36823.17</v>
      </c>
      <c r="AL453" s="61">
        <v>10983.28</v>
      </c>
      <c r="AM453" s="61">
        <v>20442.84</v>
      </c>
      <c r="AN453" s="75">
        <v>30843.54</v>
      </c>
    </row>
    <row r="454" spans="1:41" s="62" customFormat="1" hidden="1" outlineLevel="2">
      <c r="A454" s="61" t="s">
        <v>336</v>
      </c>
      <c r="B454" s="61" t="s">
        <v>337</v>
      </c>
      <c r="C454" s="71" t="s">
        <v>338</v>
      </c>
      <c r="D454" s="72" t="s">
        <v>1344</v>
      </c>
      <c r="E454" s="73"/>
      <c r="F454" s="62">
        <v>747784.49</v>
      </c>
      <c r="G454" s="62">
        <v>686160.8</v>
      </c>
      <c r="H454" s="62">
        <f t="shared" si="76"/>
        <v>61623.689999999944</v>
      </c>
      <c r="J454" s="62">
        <v>686160.8</v>
      </c>
      <c r="K454" s="62">
        <f t="shared" si="77"/>
        <v>61623.689999999944</v>
      </c>
      <c r="M454" s="62">
        <v>639509.32999999996</v>
      </c>
      <c r="N454" s="62">
        <f t="shared" si="78"/>
        <v>108275.16000000003</v>
      </c>
      <c r="P454" s="74">
        <v>750369.81</v>
      </c>
      <c r="Q454" s="61">
        <v>759093.83</v>
      </c>
      <c r="R454" s="61">
        <v>690010.69000000006</v>
      </c>
      <c r="S454" s="61">
        <v>765487.21</v>
      </c>
      <c r="T454" s="62">
        <v>628187.59</v>
      </c>
      <c r="U454" s="61">
        <v>549149.11</v>
      </c>
      <c r="V454" s="61">
        <v>666180.38</v>
      </c>
      <c r="W454" s="61">
        <v>643119.75</v>
      </c>
      <c r="X454" s="61">
        <v>691823.74</v>
      </c>
      <c r="Y454" s="61">
        <v>673957.98</v>
      </c>
      <c r="Z454" s="61">
        <v>683661.45000000007</v>
      </c>
      <c r="AA454" s="61">
        <v>594118.89</v>
      </c>
      <c r="AB454" s="75">
        <v>686160.8</v>
      </c>
      <c r="AC454" s="61">
        <v>723420.66</v>
      </c>
      <c r="AD454" s="61">
        <v>768255</v>
      </c>
      <c r="AE454" s="61">
        <v>718265.62</v>
      </c>
      <c r="AF454" s="62">
        <v>651235.79</v>
      </c>
      <c r="AG454" s="61">
        <v>638278.79</v>
      </c>
      <c r="AH454" s="61">
        <v>706852.83</v>
      </c>
      <c r="AI454" s="61">
        <v>716814.51</v>
      </c>
      <c r="AJ454" s="61">
        <v>715607.19000000006</v>
      </c>
      <c r="AK454" s="61">
        <v>701631.86</v>
      </c>
      <c r="AL454" s="61">
        <v>653542.91</v>
      </c>
      <c r="AM454" s="61">
        <v>639509.32999999996</v>
      </c>
      <c r="AN454" s="75">
        <v>747784.49</v>
      </c>
    </row>
    <row r="455" spans="1:41" s="62" customFormat="1" hidden="1" outlineLevel="2">
      <c r="A455" s="61" t="s">
        <v>838</v>
      </c>
      <c r="B455" s="61" t="s">
        <v>839</v>
      </c>
      <c r="C455" s="71" t="s">
        <v>840</v>
      </c>
      <c r="D455" s="72" t="s">
        <v>1344</v>
      </c>
      <c r="E455" s="73"/>
      <c r="F455" s="62">
        <v>0</v>
      </c>
      <c r="G455" s="62">
        <v>0</v>
      </c>
      <c r="H455" s="62">
        <f t="shared" si="76"/>
        <v>0</v>
      </c>
      <c r="J455" s="62">
        <v>0</v>
      </c>
      <c r="K455" s="62">
        <f t="shared" si="77"/>
        <v>0</v>
      </c>
      <c r="M455" s="62">
        <v>0</v>
      </c>
      <c r="N455" s="62">
        <f t="shared" si="78"/>
        <v>0</v>
      </c>
      <c r="P455" s="74">
        <v>0</v>
      </c>
      <c r="Q455" s="61">
        <v>0</v>
      </c>
      <c r="R455" s="61">
        <v>0</v>
      </c>
      <c r="S455" s="61">
        <v>0</v>
      </c>
      <c r="T455" s="62">
        <v>0</v>
      </c>
      <c r="U455" s="61">
        <v>59568.46</v>
      </c>
      <c r="V455" s="61">
        <v>0</v>
      </c>
      <c r="W455" s="61">
        <v>0</v>
      </c>
      <c r="X455" s="61">
        <v>0</v>
      </c>
      <c r="Y455" s="61">
        <v>0</v>
      </c>
      <c r="Z455" s="61">
        <v>55843.47</v>
      </c>
      <c r="AA455" s="61">
        <v>0</v>
      </c>
      <c r="AB455" s="75">
        <v>0</v>
      </c>
      <c r="AC455" s="61">
        <v>0</v>
      </c>
      <c r="AD455" s="61">
        <v>0</v>
      </c>
      <c r="AE455" s="61">
        <v>0</v>
      </c>
      <c r="AF455" s="62">
        <v>58437.89</v>
      </c>
      <c r="AG455" s="61">
        <v>0</v>
      </c>
      <c r="AH455" s="61">
        <v>0</v>
      </c>
      <c r="AI455" s="61">
        <v>0</v>
      </c>
      <c r="AJ455" s="61">
        <v>0</v>
      </c>
      <c r="AK455" s="61">
        <v>56863.81</v>
      </c>
      <c r="AL455" s="61">
        <v>0</v>
      </c>
      <c r="AM455" s="61">
        <v>0</v>
      </c>
      <c r="AN455" s="75">
        <v>0</v>
      </c>
    </row>
    <row r="456" spans="1:41" s="62" customFormat="1" hidden="1" outlineLevel="2">
      <c r="A456" s="61" t="s">
        <v>626</v>
      </c>
      <c r="B456" s="61" t="s">
        <v>627</v>
      </c>
      <c r="C456" s="71" t="s">
        <v>628</v>
      </c>
      <c r="D456" s="72" t="s">
        <v>1344</v>
      </c>
      <c r="E456" s="73"/>
      <c r="F456" s="62">
        <v>501858.54000000004</v>
      </c>
      <c r="G456" s="62">
        <v>420755.36</v>
      </c>
      <c r="H456" s="62">
        <f t="shared" si="76"/>
        <v>81103.180000000051</v>
      </c>
      <c r="J456" s="62">
        <v>420755.36</v>
      </c>
      <c r="K456" s="62">
        <f t="shared" si="77"/>
        <v>81103.180000000051</v>
      </c>
      <c r="M456" s="62">
        <v>322576.73</v>
      </c>
      <c r="N456" s="62">
        <f t="shared" si="78"/>
        <v>179281.81000000006</v>
      </c>
      <c r="P456" s="74">
        <v>460761.17</v>
      </c>
      <c r="Q456" s="61">
        <v>205241.35</v>
      </c>
      <c r="R456" s="61">
        <v>335267.66000000003</v>
      </c>
      <c r="S456" s="61">
        <v>492043.94</v>
      </c>
      <c r="T456" s="62">
        <v>154976.54</v>
      </c>
      <c r="U456" s="61">
        <v>246368.7</v>
      </c>
      <c r="V456" s="61">
        <v>384334.57</v>
      </c>
      <c r="W456" s="61">
        <v>182540.02</v>
      </c>
      <c r="X456" s="61">
        <v>339215.59</v>
      </c>
      <c r="Y456" s="61">
        <v>471529.56</v>
      </c>
      <c r="Z456" s="61">
        <v>171960.79</v>
      </c>
      <c r="AA456" s="61">
        <v>276601.32</v>
      </c>
      <c r="AB456" s="75">
        <v>420755.36</v>
      </c>
      <c r="AC456" s="61">
        <v>214576.27000000002</v>
      </c>
      <c r="AD456" s="61">
        <v>380039.91000000003</v>
      </c>
      <c r="AE456" s="61">
        <v>512477.76</v>
      </c>
      <c r="AF456" s="62">
        <v>170032.74</v>
      </c>
      <c r="AG456" s="61">
        <v>297740.15000000002</v>
      </c>
      <c r="AH456" s="61">
        <v>461807.09</v>
      </c>
      <c r="AI456" s="61">
        <v>232726.11000000002</v>
      </c>
      <c r="AJ456" s="61">
        <v>411056.28</v>
      </c>
      <c r="AK456" s="61">
        <v>585017.95000000007</v>
      </c>
      <c r="AL456" s="61">
        <v>195558.84</v>
      </c>
      <c r="AM456" s="61">
        <v>322576.73</v>
      </c>
      <c r="AN456" s="75">
        <v>501858.54000000004</v>
      </c>
    </row>
    <row r="457" spans="1:41" s="62" customFormat="1" hidden="1" outlineLevel="2">
      <c r="A457" s="61" t="s">
        <v>629</v>
      </c>
      <c r="B457" s="61" t="s">
        <v>630</v>
      </c>
      <c r="C457" s="71" t="s">
        <v>631</v>
      </c>
      <c r="D457" s="72" t="s">
        <v>1344</v>
      </c>
      <c r="E457" s="73"/>
      <c r="F457" s="62">
        <v>1194295.3900000001</v>
      </c>
      <c r="G457" s="62">
        <v>984696.26</v>
      </c>
      <c r="H457" s="62">
        <f t="shared" si="76"/>
        <v>209599.13000000012</v>
      </c>
      <c r="J457" s="62">
        <v>984696.26</v>
      </c>
      <c r="K457" s="62">
        <f t="shared" si="77"/>
        <v>209599.13000000012</v>
      </c>
      <c r="M457" s="62">
        <v>843580.92</v>
      </c>
      <c r="N457" s="62">
        <f t="shared" si="78"/>
        <v>350714.47000000009</v>
      </c>
      <c r="P457" s="74">
        <v>1113408.18</v>
      </c>
      <c r="Q457" s="61">
        <v>1168909.1400000001</v>
      </c>
      <c r="R457" s="61">
        <v>1110763.1000000001</v>
      </c>
      <c r="S457" s="61">
        <v>1181622.6299999999</v>
      </c>
      <c r="T457" s="62">
        <v>788537.86</v>
      </c>
      <c r="U457" s="61">
        <v>656035.49</v>
      </c>
      <c r="V457" s="61">
        <v>834679.57000000007</v>
      </c>
      <c r="W457" s="61">
        <v>797227.3</v>
      </c>
      <c r="X457" s="61">
        <v>903017.98</v>
      </c>
      <c r="Y457" s="61">
        <v>841133.75</v>
      </c>
      <c r="Z457" s="61">
        <v>786946.03</v>
      </c>
      <c r="AA457" s="61">
        <v>741382.37</v>
      </c>
      <c r="AB457" s="75">
        <v>984696.26</v>
      </c>
      <c r="AC457" s="61">
        <v>1182914.57</v>
      </c>
      <c r="AD457" s="61">
        <v>1273004.3999999999</v>
      </c>
      <c r="AE457" s="61">
        <v>1036908.49</v>
      </c>
      <c r="AF457" s="62">
        <v>861953.67</v>
      </c>
      <c r="AG457" s="61">
        <v>790978.22</v>
      </c>
      <c r="AH457" s="61">
        <v>930029.53</v>
      </c>
      <c r="AI457" s="61">
        <v>1012875.61</v>
      </c>
      <c r="AJ457" s="61">
        <v>1043435.69</v>
      </c>
      <c r="AK457" s="61">
        <v>1004974.15</v>
      </c>
      <c r="AL457" s="61">
        <v>843456.99</v>
      </c>
      <c r="AM457" s="61">
        <v>843580.92</v>
      </c>
      <c r="AN457" s="75">
        <v>1194295.3900000001</v>
      </c>
    </row>
    <row r="458" spans="1:41" s="114" customFormat="1" ht="15" hidden="1" customHeight="1" outlineLevel="1">
      <c r="A458" s="113" t="s">
        <v>1349</v>
      </c>
      <c r="B458" s="114" t="s">
        <v>2</v>
      </c>
      <c r="C458" s="135" t="s">
        <v>1350</v>
      </c>
      <c r="D458" s="147" t="s">
        <v>1344</v>
      </c>
      <c r="E458" s="117"/>
      <c r="F458" s="128">
        <v>2518867.5700000003</v>
      </c>
      <c r="G458" s="129">
        <v>2164407.2999999998</v>
      </c>
      <c r="H458" s="129">
        <f t="shared" si="76"/>
        <v>354460.27000000048</v>
      </c>
      <c r="I458" s="130"/>
      <c r="J458" s="129">
        <v>2164407.2999999998</v>
      </c>
      <c r="K458" s="129">
        <f t="shared" si="77"/>
        <v>354460.27000000048</v>
      </c>
      <c r="L458" s="129"/>
      <c r="M458" s="129">
        <v>1867309.73</v>
      </c>
      <c r="N458" s="129">
        <f t="shared" si="78"/>
        <v>651557.84000000032</v>
      </c>
      <c r="O458" s="131"/>
      <c r="P458" s="132">
        <v>2385024.33</v>
      </c>
      <c r="Q458" s="129">
        <v>2177204.21</v>
      </c>
      <c r="R458" s="129">
        <v>2202814.9000000004</v>
      </c>
      <c r="S458" s="129">
        <v>2534231.19</v>
      </c>
      <c r="T458" s="129">
        <v>1624003.46</v>
      </c>
      <c r="U458" s="129">
        <v>1690088.95</v>
      </c>
      <c r="V458" s="129">
        <v>1950935.6800000002</v>
      </c>
      <c r="W458" s="129">
        <v>1694592.78</v>
      </c>
      <c r="X458" s="129">
        <v>1990512.2</v>
      </c>
      <c r="Y458" s="129">
        <v>2050921.95</v>
      </c>
      <c r="Z458" s="129">
        <v>1905638.08</v>
      </c>
      <c r="AA458" s="129">
        <v>1676784.56</v>
      </c>
      <c r="AB458" s="133">
        <v>2164407.2999999998</v>
      </c>
      <c r="AC458" s="129">
        <v>2176462.88</v>
      </c>
      <c r="AD458" s="129">
        <v>2481253.25</v>
      </c>
      <c r="AE458" s="129">
        <v>2375965.1799999997</v>
      </c>
      <c r="AF458" s="129">
        <v>1913024.23</v>
      </c>
      <c r="AG458" s="129">
        <v>1796977.1</v>
      </c>
      <c r="AH458" s="129">
        <v>2176938.71</v>
      </c>
      <c r="AI458" s="129">
        <v>2023891.01</v>
      </c>
      <c r="AJ458" s="129">
        <v>2235718.61</v>
      </c>
      <c r="AK458" s="129">
        <v>2582101.4700000002</v>
      </c>
      <c r="AL458" s="129">
        <v>1757231.48</v>
      </c>
      <c r="AM458" s="129">
        <v>1867309.73</v>
      </c>
      <c r="AN458" s="133">
        <v>2518867.5700000003</v>
      </c>
      <c r="AO458" s="134"/>
    </row>
    <row r="459" spans="1:41" s="62" customFormat="1" hidden="1" outlineLevel="2">
      <c r="A459" s="61" t="s">
        <v>1351</v>
      </c>
      <c r="B459" s="61" t="s">
        <v>1352</v>
      </c>
      <c r="C459" s="71" t="s">
        <v>1353</v>
      </c>
      <c r="D459" s="72" t="s">
        <v>1344</v>
      </c>
      <c r="E459" s="73"/>
      <c r="F459" s="62">
        <v>0</v>
      </c>
      <c r="G459" s="62">
        <v>0</v>
      </c>
      <c r="H459" s="62">
        <f t="shared" si="76"/>
        <v>0</v>
      </c>
      <c r="J459" s="62">
        <v>0</v>
      </c>
      <c r="K459" s="62">
        <f t="shared" si="77"/>
        <v>0</v>
      </c>
      <c r="M459" s="62">
        <v>0</v>
      </c>
      <c r="N459" s="62">
        <f t="shared" si="78"/>
        <v>0</v>
      </c>
      <c r="P459" s="74">
        <v>0</v>
      </c>
      <c r="Q459" s="61">
        <v>0</v>
      </c>
      <c r="R459" s="61">
        <v>0</v>
      </c>
      <c r="S459" s="61">
        <v>0</v>
      </c>
      <c r="T459" s="62">
        <v>0</v>
      </c>
      <c r="U459" s="61">
        <v>0</v>
      </c>
      <c r="V459" s="61">
        <v>0</v>
      </c>
      <c r="W459" s="61">
        <v>0</v>
      </c>
      <c r="X459" s="61">
        <v>0</v>
      </c>
      <c r="Y459" s="61">
        <v>0</v>
      </c>
      <c r="Z459" s="61">
        <v>0</v>
      </c>
      <c r="AA459" s="61">
        <v>0</v>
      </c>
      <c r="AB459" s="75">
        <v>0</v>
      </c>
      <c r="AC459" s="61">
        <v>0</v>
      </c>
      <c r="AD459" s="61">
        <v>0</v>
      </c>
      <c r="AE459" s="61">
        <v>0</v>
      </c>
      <c r="AF459" s="62">
        <v>0</v>
      </c>
      <c r="AG459" s="61">
        <v>0</v>
      </c>
      <c r="AH459" s="61">
        <v>0</v>
      </c>
      <c r="AI459" s="61">
        <v>0</v>
      </c>
      <c r="AJ459" s="61">
        <v>0</v>
      </c>
      <c r="AK459" s="61">
        <v>0</v>
      </c>
      <c r="AL459" s="61">
        <v>0</v>
      </c>
      <c r="AM459" s="61">
        <v>0</v>
      </c>
      <c r="AN459" s="75">
        <v>0</v>
      </c>
    </row>
    <row r="460" spans="1:41" s="62" customFormat="1" hidden="1" outlineLevel="2">
      <c r="A460" s="61" t="s">
        <v>339</v>
      </c>
      <c r="B460" s="61" t="s">
        <v>340</v>
      </c>
      <c r="C460" s="71" t="s">
        <v>341</v>
      </c>
      <c r="D460" s="72" t="s">
        <v>1344</v>
      </c>
      <c r="E460" s="73"/>
      <c r="F460" s="62">
        <v>0</v>
      </c>
      <c r="G460" s="62">
        <v>0</v>
      </c>
      <c r="H460" s="62">
        <f t="shared" si="76"/>
        <v>0</v>
      </c>
      <c r="J460" s="62">
        <v>0</v>
      </c>
      <c r="K460" s="62">
        <f t="shared" si="77"/>
        <v>0</v>
      </c>
      <c r="M460" s="62">
        <v>0</v>
      </c>
      <c r="N460" s="62">
        <f t="shared" si="78"/>
        <v>0</v>
      </c>
      <c r="P460" s="74">
        <v>31032875.09</v>
      </c>
      <c r="Q460" s="61">
        <v>33982489.090000004</v>
      </c>
      <c r="R460" s="61">
        <v>27723152.359999999</v>
      </c>
      <c r="S460" s="61">
        <v>24455290.010000002</v>
      </c>
      <c r="T460" s="62">
        <v>21166497.469999999</v>
      </c>
      <c r="U460" s="61">
        <v>17877704.93</v>
      </c>
      <c r="V460" s="61">
        <v>17877704.93</v>
      </c>
      <c r="W460" s="61">
        <v>14898087.439999999</v>
      </c>
      <c r="X460" s="61">
        <v>11918469.949999999</v>
      </c>
      <c r="Y460" s="61">
        <v>8938852.4600000009</v>
      </c>
      <c r="Z460" s="61">
        <v>5959234.9699999997</v>
      </c>
      <c r="AA460" s="61">
        <v>2979617.48</v>
      </c>
      <c r="AB460" s="75">
        <v>0</v>
      </c>
      <c r="AC460" s="61">
        <v>0</v>
      </c>
      <c r="AD460" s="61">
        <v>0</v>
      </c>
      <c r="AE460" s="61">
        <v>0</v>
      </c>
      <c r="AF460" s="62">
        <v>0</v>
      </c>
      <c r="AG460" s="61">
        <v>0</v>
      </c>
      <c r="AH460" s="61">
        <v>0</v>
      </c>
      <c r="AI460" s="61">
        <v>0</v>
      </c>
      <c r="AJ460" s="61">
        <v>0</v>
      </c>
      <c r="AK460" s="61">
        <v>0</v>
      </c>
      <c r="AL460" s="61">
        <v>0</v>
      </c>
      <c r="AM460" s="61">
        <v>0</v>
      </c>
      <c r="AN460" s="75">
        <v>0</v>
      </c>
    </row>
    <row r="461" spans="1:41" s="114" customFormat="1" ht="15" hidden="1" customHeight="1" outlineLevel="1">
      <c r="A461" s="113" t="s">
        <v>1354</v>
      </c>
      <c r="B461" s="114" t="s">
        <v>2</v>
      </c>
      <c r="C461" s="135" t="s">
        <v>1355</v>
      </c>
      <c r="D461" s="147" t="s">
        <v>1344</v>
      </c>
      <c r="E461" s="117"/>
      <c r="F461" s="128">
        <v>0</v>
      </c>
      <c r="G461" s="129">
        <v>0</v>
      </c>
      <c r="H461" s="129">
        <f t="shared" si="76"/>
        <v>0</v>
      </c>
      <c r="I461" s="130"/>
      <c r="J461" s="129">
        <v>0</v>
      </c>
      <c r="K461" s="129">
        <f t="shared" si="77"/>
        <v>0</v>
      </c>
      <c r="L461" s="129"/>
      <c r="M461" s="129">
        <v>0</v>
      </c>
      <c r="N461" s="129">
        <f t="shared" si="78"/>
        <v>0</v>
      </c>
      <c r="O461" s="131"/>
      <c r="P461" s="132">
        <v>31032875.09</v>
      </c>
      <c r="Q461" s="129">
        <v>33982489.090000004</v>
      </c>
      <c r="R461" s="129">
        <v>27723152.359999999</v>
      </c>
      <c r="S461" s="129">
        <v>24455290.010000002</v>
      </c>
      <c r="T461" s="129">
        <v>21166497.469999999</v>
      </c>
      <c r="U461" s="129">
        <v>17877704.93</v>
      </c>
      <c r="V461" s="129">
        <v>17877704.93</v>
      </c>
      <c r="W461" s="129">
        <v>14898087.439999999</v>
      </c>
      <c r="X461" s="129">
        <v>11918469.949999999</v>
      </c>
      <c r="Y461" s="129">
        <v>8938852.4600000009</v>
      </c>
      <c r="Z461" s="129">
        <v>5959234.9699999997</v>
      </c>
      <c r="AA461" s="129">
        <v>2979617.48</v>
      </c>
      <c r="AB461" s="133">
        <v>0</v>
      </c>
      <c r="AC461" s="129">
        <v>0</v>
      </c>
      <c r="AD461" s="129">
        <v>0</v>
      </c>
      <c r="AE461" s="129">
        <v>0</v>
      </c>
      <c r="AF461" s="129">
        <v>0</v>
      </c>
      <c r="AG461" s="129">
        <v>0</v>
      </c>
      <c r="AH461" s="129">
        <v>0</v>
      </c>
      <c r="AI461" s="129">
        <v>0</v>
      </c>
      <c r="AJ461" s="129">
        <v>0</v>
      </c>
      <c r="AK461" s="129">
        <v>0</v>
      </c>
      <c r="AL461" s="129">
        <v>0</v>
      </c>
      <c r="AM461" s="129">
        <v>0</v>
      </c>
      <c r="AN461" s="133">
        <v>0</v>
      </c>
      <c r="AO461" s="134"/>
    </row>
    <row r="462" spans="1:41" s="114" customFormat="1" ht="15" hidden="1" customHeight="1" outlineLevel="1">
      <c r="A462" s="113" t="s">
        <v>1356</v>
      </c>
      <c r="B462" s="114" t="s">
        <v>2</v>
      </c>
      <c r="C462" s="135" t="s">
        <v>1357</v>
      </c>
      <c r="D462" s="147" t="s">
        <v>1344</v>
      </c>
      <c r="E462" s="117"/>
      <c r="F462" s="128">
        <v>0</v>
      </c>
      <c r="G462" s="129">
        <v>0</v>
      </c>
      <c r="H462" s="129">
        <f t="shared" si="76"/>
        <v>0</v>
      </c>
      <c r="I462" s="130"/>
      <c r="J462" s="129">
        <v>0</v>
      </c>
      <c r="K462" s="129">
        <f t="shared" si="77"/>
        <v>0</v>
      </c>
      <c r="L462" s="129"/>
      <c r="M462" s="129">
        <v>0</v>
      </c>
      <c r="N462" s="129">
        <f t="shared" si="78"/>
        <v>0</v>
      </c>
      <c r="O462" s="131"/>
      <c r="P462" s="132">
        <v>0</v>
      </c>
      <c r="Q462" s="129">
        <v>0</v>
      </c>
      <c r="R462" s="129">
        <v>0</v>
      </c>
      <c r="S462" s="129">
        <v>0</v>
      </c>
      <c r="T462" s="129">
        <v>0</v>
      </c>
      <c r="U462" s="129">
        <v>0</v>
      </c>
      <c r="V462" s="129">
        <v>0</v>
      </c>
      <c r="W462" s="129">
        <v>0</v>
      </c>
      <c r="X462" s="129">
        <v>0</v>
      </c>
      <c r="Y462" s="129">
        <v>0</v>
      </c>
      <c r="Z462" s="129">
        <v>0</v>
      </c>
      <c r="AA462" s="129">
        <v>0</v>
      </c>
      <c r="AB462" s="133">
        <v>0</v>
      </c>
      <c r="AC462" s="129">
        <v>0</v>
      </c>
      <c r="AD462" s="129">
        <v>0</v>
      </c>
      <c r="AE462" s="129">
        <v>0</v>
      </c>
      <c r="AF462" s="129">
        <v>0</v>
      </c>
      <c r="AG462" s="129">
        <v>0</v>
      </c>
      <c r="AH462" s="129">
        <v>0</v>
      </c>
      <c r="AI462" s="129">
        <v>0</v>
      </c>
      <c r="AJ462" s="129">
        <v>0</v>
      </c>
      <c r="AK462" s="129">
        <v>0</v>
      </c>
      <c r="AL462" s="129">
        <v>0</v>
      </c>
      <c r="AM462" s="129">
        <v>0</v>
      </c>
      <c r="AN462" s="133">
        <v>0</v>
      </c>
      <c r="AO462" s="134"/>
    </row>
    <row r="463" spans="1:41" s="62" customFormat="1" hidden="1" outlineLevel="2">
      <c r="A463" s="61" t="s">
        <v>383</v>
      </c>
      <c r="B463" s="61" t="s">
        <v>384</v>
      </c>
      <c r="C463" s="71" t="s">
        <v>385</v>
      </c>
      <c r="D463" s="72" t="s">
        <v>1344</v>
      </c>
      <c r="E463" s="73"/>
      <c r="F463" s="62">
        <v>724250.88</v>
      </c>
      <c r="G463" s="62">
        <v>630083.29</v>
      </c>
      <c r="H463" s="62">
        <f t="shared" si="76"/>
        <v>94167.589999999967</v>
      </c>
      <c r="J463" s="62">
        <v>630083.29</v>
      </c>
      <c r="K463" s="62">
        <f t="shared" si="77"/>
        <v>94167.589999999967</v>
      </c>
      <c r="M463" s="62">
        <v>579458.80000000005</v>
      </c>
      <c r="N463" s="62">
        <f t="shared" si="78"/>
        <v>144792.07999999996</v>
      </c>
      <c r="P463" s="74">
        <v>538056.81000000006</v>
      </c>
      <c r="Q463" s="61">
        <v>670955.30000000005</v>
      </c>
      <c r="R463" s="61">
        <v>674212.78</v>
      </c>
      <c r="S463" s="61">
        <v>782485.58</v>
      </c>
      <c r="T463" s="62">
        <v>949105.17</v>
      </c>
      <c r="U463" s="61">
        <v>344268.24</v>
      </c>
      <c r="V463" s="61">
        <v>484939.59</v>
      </c>
      <c r="W463" s="61">
        <v>610166.12</v>
      </c>
      <c r="X463" s="61">
        <v>769783.95000000007</v>
      </c>
      <c r="Y463" s="61">
        <v>895020</v>
      </c>
      <c r="Z463" s="61">
        <v>348114.94</v>
      </c>
      <c r="AA463" s="61">
        <v>419893.23</v>
      </c>
      <c r="AB463" s="75">
        <v>630083.29</v>
      </c>
      <c r="AC463" s="61">
        <v>700462.39</v>
      </c>
      <c r="AD463" s="61">
        <v>762553.08</v>
      </c>
      <c r="AE463" s="61">
        <v>955019.94000000006</v>
      </c>
      <c r="AF463" s="62">
        <v>354523.44</v>
      </c>
      <c r="AG463" s="61">
        <v>502176.61</v>
      </c>
      <c r="AH463" s="61">
        <v>647223.84</v>
      </c>
      <c r="AI463" s="61">
        <v>703092.74</v>
      </c>
      <c r="AJ463" s="61">
        <v>922336.14</v>
      </c>
      <c r="AK463" s="61">
        <v>358635.39</v>
      </c>
      <c r="AL463" s="61">
        <v>420059.51</v>
      </c>
      <c r="AM463" s="61">
        <v>579458.80000000005</v>
      </c>
      <c r="AN463" s="75">
        <v>724250.88</v>
      </c>
    </row>
    <row r="464" spans="1:41" s="114" customFormat="1" ht="15" hidden="1" customHeight="1" outlineLevel="1">
      <c r="A464" s="113" t="s">
        <v>1358</v>
      </c>
      <c r="B464" s="114" t="s">
        <v>2</v>
      </c>
      <c r="C464" s="135" t="s">
        <v>1359</v>
      </c>
      <c r="D464" s="147" t="s">
        <v>1344</v>
      </c>
      <c r="E464" s="117"/>
      <c r="F464" s="128">
        <v>724250.88</v>
      </c>
      <c r="G464" s="129">
        <v>630083.29</v>
      </c>
      <c r="H464" s="129">
        <f t="shared" si="76"/>
        <v>94167.589999999967</v>
      </c>
      <c r="I464" s="130"/>
      <c r="J464" s="129">
        <v>630083.29</v>
      </c>
      <c r="K464" s="129">
        <f t="shared" si="77"/>
        <v>94167.589999999967</v>
      </c>
      <c r="L464" s="129"/>
      <c r="M464" s="129">
        <v>579458.80000000005</v>
      </c>
      <c r="N464" s="129">
        <f t="shared" si="78"/>
        <v>144792.07999999996</v>
      </c>
      <c r="O464" s="131"/>
      <c r="P464" s="132">
        <v>538056.81000000006</v>
      </c>
      <c r="Q464" s="129">
        <v>670955.30000000005</v>
      </c>
      <c r="R464" s="129">
        <v>674212.78</v>
      </c>
      <c r="S464" s="129">
        <v>782485.58</v>
      </c>
      <c r="T464" s="129">
        <v>949105.17</v>
      </c>
      <c r="U464" s="129">
        <v>344268.24</v>
      </c>
      <c r="V464" s="129">
        <v>484939.59</v>
      </c>
      <c r="W464" s="129">
        <v>610166.12</v>
      </c>
      <c r="X464" s="129">
        <v>769783.95000000007</v>
      </c>
      <c r="Y464" s="129">
        <v>895020</v>
      </c>
      <c r="Z464" s="129">
        <v>348114.94</v>
      </c>
      <c r="AA464" s="129">
        <v>419893.23</v>
      </c>
      <c r="AB464" s="133">
        <v>630083.29</v>
      </c>
      <c r="AC464" s="129">
        <v>700462.39</v>
      </c>
      <c r="AD464" s="129">
        <v>762553.08</v>
      </c>
      <c r="AE464" s="129">
        <v>955019.94000000006</v>
      </c>
      <c r="AF464" s="129">
        <v>354523.44</v>
      </c>
      <c r="AG464" s="129">
        <v>502176.61</v>
      </c>
      <c r="AH464" s="129">
        <v>647223.84</v>
      </c>
      <c r="AI464" s="129">
        <v>703092.74</v>
      </c>
      <c r="AJ464" s="129">
        <v>922336.14</v>
      </c>
      <c r="AK464" s="129">
        <v>358635.39</v>
      </c>
      <c r="AL464" s="129">
        <v>420059.51</v>
      </c>
      <c r="AM464" s="129">
        <v>579458.80000000005</v>
      </c>
      <c r="AN464" s="133">
        <v>724250.88</v>
      </c>
      <c r="AO464" s="134"/>
    </row>
    <row r="465" spans="1:41" s="62" customFormat="1" hidden="1" outlineLevel="2">
      <c r="A465" s="61" t="s">
        <v>632</v>
      </c>
      <c r="B465" s="61" t="s">
        <v>633</v>
      </c>
      <c r="C465" s="71" t="s">
        <v>634</v>
      </c>
      <c r="D465" s="72" t="s">
        <v>1344</v>
      </c>
      <c r="E465" s="73"/>
      <c r="F465" s="62">
        <v>0</v>
      </c>
      <c r="G465" s="62">
        <v>0</v>
      </c>
      <c r="H465" s="62">
        <f t="shared" si="76"/>
        <v>0</v>
      </c>
      <c r="J465" s="62">
        <v>0</v>
      </c>
      <c r="K465" s="62">
        <f t="shared" si="77"/>
        <v>0</v>
      </c>
      <c r="M465" s="62">
        <v>-10695.81</v>
      </c>
      <c r="N465" s="62">
        <f t="shared" si="78"/>
        <v>10695.81</v>
      </c>
      <c r="P465" s="74">
        <v>1520.83</v>
      </c>
      <c r="Q465" s="61">
        <v>2912.43</v>
      </c>
      <c r="R465" s="61">
        <v>4719.4800000000005</v>
      </c>
      <c r="S465" s="61">
        <v>2205.85</v>
      </c>
      <c r="T465" s="62">
        <v>-3493.7200000000003</v>
      </c>
      <c r="U465" s="61">
        <v>-1564.29</v>
      </c>
      <c r="V465" s="61">
        <v>0</v>
      </c>
      <c r="W465" s="61">
        <v>-1992.89</v>
      </c>
      <c r="X465" s="61">
        <v>-1027.3499999999999</v>
      </c>
      <c r="Y465" s="61">
        <v>0</v>
      </c>
      <c r="Z465" s="61">
        <v>442.23</v>
      </c>
      <c r="AA465" s="61">
        <v>-4787.7</v>
      </c>
      <c r="AB465" s="75">
        <v>0</v>
      </c>
      <c r="AC465" s="61">
        <v>-5043.87</v>
      </c>
      <c r="AD465" s="61">
        <v>-3086.41</v>
      </c>
      <c r="AE465" s="61">
        <v>0</v>
      </c>
      <c r="AF465" s="62">
        <v>-1792.91</v>
      </c>
      <c r="AG465" s="61">
        <v>-1493.54</v>
      </c>
      <c r="AH465" s="61">
        <v>0</v>
      </c>
      <c r="AI465" s="61">
        <v>-1786.8500000000001</v>
      </c>
      <c r="AJ465" s="61">
        <v>393.29</v>
      </c>
      <c r="AK465" s="61">
        <v>0</v>
      </c>
      <c r="AL465" s="61">
        <v>-2915.82</v>
      </c>
      <c r="AM465" s="61">
        <v>-10695.81</v>
      </c>
      <c r="AN465" s="75">
        <v>0</v>
      </c>
    </row>
    <row r="466" spans="1:41" s="114" customFormat="1" ht="15" hidden="1" customHeight="1" outlineLevel="1">
      <c r="A466" s="113" t="s">
        <v>1360</v>
      </c>
      <c r="B466" s="114" t="s">
        <v>2</v>
      </c>
      <c r="C466" s="135" t="s">
        <v>1361</v>
      </c>
      <c r="D466" s="147" t="s">
        <v>1344</v>
      </c>
      <c r="E466" s="117"/>
      <c r="F466" s="128">
        <v>0</v>
      </c>
      <c r="G466" s="129">
        <v>0</v>
      </c>
      <c r="H466" s="129">
        <f t="shared" si="76"/>
        <v>0</v>
      </c>
      <c r="I466" s="130"/>
      <c r="J466" s="129">
        <v>0</v>
      </c>
      <c r="K466" s="129">
        <f t="shared" si="77"/>
        <v>0</v>
      </c>
      <c r="L466" s="129"/>
      <c r="M466" s="129">
        <v>-10695.81</v>
      </c>
      <c r="N466" s="129">
        <f t="shared" si="78"/>
        <v>10695.81</v>
      </c>
      <c r="O466" s="131"/>
      <c r="P466" s="132">
        <v>1520.83</v>
      </c>
      <c r="Q466" s="129">
        <v>2912.43</v>
      </c>
      <c r="R466" s="129">
        <v>4719.4800000000005</v>
      </c>
      <c r="S466" s="129">
        <v>2205.85</v>
      </c>
      <c r="T466" s="129">
        <v>-3493.7200000000003</v>
      </c>
      <c r="U466" s="129">
        <v>-1564.29</v>
      </c>
      <c r="V466" s="129">
        <v>0</v>
      </c>
      <c r="W466" s="129">
        <v>-1992.89</v>
      </c>
      <c r="X466" s="129">
        <v>-1027.3499999999999</v>
      </c>
      <c r="Y466" s="129">
        <v>0</v>
      </c>
      <c r="Z466" s="129">
        <v>442.23</v>
      </c>
      <c r="AA466" s="129">
        <v>-4787.7</v>
      </c>
      <c r="AB466" s="133">
        <v>0</v>
      </c>
      <c r="AC466" s="129">
        <v>-5043.87</v>
      </c>
      <c r="AD466" s="129">
        <v>-3086.41</v>
      </c>
      <c r="AE466" s="129">
        <v>0</v>
      </c>
      <c r="AF466" s="129">
        <v>-1792.91</v>
      </c>
      <c r="AG466" s="129">
        <v>-1493.54</v>
      </c>
      <c r="AH466" s="129">
        <v>0</v>
      </c>
      <c r="AI466" s="129">
        <v>-1786.8500000000001</v>
      </c>
      <c r="AJ466" s="129">
        <v>393.29</v>
      </c>
      <c r="AK466" s="129">
        <v>0</v>
      </c>
      <c r="AL466" s="129">
        <v>-2915.82</v>
      </c>
      <c r="AM466" s="129">
        <v>-10695.81</v>
      </c>
      <c r="AN466" s="133">
        <v>0</v>
      </c>
      <c r="AO466" s="134"/>
    </row>
    <row r="467" spans="1:41" s="62" customFormat="1" hidden="1" outlineLevel="2">
      <c r="A467" s="61" t="s">
        <v>351</v>
      </c>
      <c r="B467" s="61" t="s">
        <v>352</v>
      </c>
      <c r="C467" s="71" t="s">
        <v>231</v>
      </c>
      <c r="D467" s="72" t="s">
        <v>1344</v>
      </c>
      <c r="E467" s="73"/>
      <c r="F467" s="62">
        <v>272874</v>
      </c>
      <c r="G467" s="62">
        <v>168995</v>
      </c>
      <c r="H467" s="62">
        <f t="shared" si="76"/>
        <v>103879</v>
      </c>
      <c r="J467" s="62">
        <v>168995</v>
      </c>
      <c r="K467" s="62">
        <f t="shared" si="77"/>
        <v>103879</v>
      </c>
      <c r="M467" s="62">
        <v>0</v>
      </c>
      <c r="N467" s="62">
        <f t="shared" si="78"/>
        <v>272874</v>
      </c>
      <c r="P467" s="74">
        <v>180057.52</v>
      </c>
      <c r="Q467" s="61">
        <v>0</v>
      </c>
      <c r="R467" s="61">
        <v>0</v>
      </c>
      <c r="S467" s="61">
        <v>150396.96</v>
      </c>
      <c r="T467" s="62">
        <v>0</v>
      </c>
      <c r="U467" s="61">
        <v>0</v>
      </c>
      <c r="V467" s="61">
        <v>108858.66</v>
      </c>
      <c r="W467" s="61">
        <v>0</v>
      </c>
      <c r="X467" s="61">
        <v>0</v>
      </c>
      <c r="Y467" s="61">
        <v>136007</v>
      </c>
      <c r="Z467" s="61">
        <v>0</v>
      </c>
      <c r="AA467" s="61">
        <v>0</v>
      </c>
      <c r="AB467" s="75">
        <v>168995</v>
      </c>
      <c r="AC467" s="61">
        <v>0</v>
      </c>
      <c r="AD467" s="61">
        <v>0</v>
      </c>
      <c r="AE467" s="61">
        <v>234030</v>
      </c>
      <c r="AF467" s="62">
        <v>0</v>
      </c>
      <c r="AG467" s="61">
        <v>0</v>
      </c>
      <c r="AH467" s="61">
        <v>231855</v>
      </c>
      <c r="AI467" s="61">
        <v>0</v>
      </c>
      <c r="AJ467" s="61">
        <v>0</v>
      </c>
      <c r="AK467" s="61">
        <v>255969</v>
      </c>
      <c r="AL467" s="61">
        <v>0</v>
      </c>
      <c r="AM467" s="61">
        <v>0</v>
      </c>
      <c r="AN467" s="75">
        <v>272874</v>
      </c>
    </row>
    <row r="468" spans="1:41" s="62" customFormat="1" hidden="1" outlineLevel="2">
      <c r="A468" s="61" t="s">
        <v>371</v>
      </c>
      <c r="B468" s="61" t="s">
        <v>372</v>
      </c>
      <c r="C468" s="71" t="s">
        <v>373</v>
      </c>
      <c r="D468" s="72" t="s">
        <v>1344</v>
      </c>
      <c r="E468" s="73"/>
      <c r="F468" s="62">
        <v>131246.394</v>
      </c>
      <c r="G468" s="62">
        <v>120068.094</v>
      </c>
      <c r="H468" s="62">
        <f t="shared" si="76"/>
        <v>11178.300000000003</v>
      </c>
      <c r="J468" s="62">
        <v>120068.094</v>
      </c>
      <c r="K468" s="62">
        <f t="shared" si="77"/>
        <v>11178.300000000003</v>
      </c>
      <c r="M468" s="62">
        <v>76921.894</v>
      </c>
      <c r="N468" s="62">
        <f t="shared" si="78"/>
        <v>54324.5</v>
      </c>
      <c r="P468" s="74">
        <v>105489.94</v>
      </c>
      <c r="Q468" s="61">
        <v>86395.930000000008</v>
      </c>
      <c r="R468" s="61">
        <v>91511.37</v>
      </c>
      <c r="S468" s="61">
        <v>17862.274000000001</v>
      </c>
      <c r="T468" s="62">
        <v>23816.274000000001</v>
      </c>
      <c r="U468" s="61">
        <v>29770.334000000003</v>
      </c>
      <c r="V468" s="61">
        <v>45265.004000000001</v>
      </c>
      <c r="W468" s="61">
        <v>54399.254000000001</v>
      </c>
      <c r="X468" s="61">
        <v>63533.514000000003</v>
      </c>
      <c r="Y468" s="61">
        <v>89901.584000000003</v>
      </c>
      <c r="Z468" s="61">
        <v>104780.314</v>
      </c>
      <c r="AA468" s="61">
        <v>119659.084</v>
      </c>
      <c r="AB468" s="75">
        <v>120068.094</v>
      </c>
      <c r="AC468" s="61">
        <v>126128.304</v>
      </c>
      <c r="AD468" s="61">
        <v>126013.754</v>
      </c>
      <c r="AE468" s="61">
        <v>18180.513999999999</v>
      </c>
      <c r="AF468" s="62">
        <v>23950.083999999999</v>
      </c>
      <c r="AG468" s="61">
        <v>30010.254000000001</v>
      </c>
      <c r="AH468" s="61">
        <v>36644.194000000003</v>
      </c>
      <c r="AI468" s="61">
        <v>42798.584000000003</v>
      </c>
      <c r="AJ468" s="61">
        <v>48952.983999999997</v>
      </c>
      <c r="AK468" s="61">
        <v>60811.284</v>
      </c>
      <c r="AL468" s="61">
        <v>68866.604000000007</v>
      </c>
      <c r="AM468" s="61">
        <v>76921.894</v>
      </c>
      <c r="AN468" s="75">
        <v>131246.394</v>
      </c>
    </row>
    <row r="469" spans="1:41" s="62" customFormat="1" hidden="1" outlineLevel="2">
      <c r="A469" s="61" t="s">
        <v>647</v>
      </c>
      <c r="B469" s="61" t="s">
        <v>648</v>
      </c>
      <c r="C469" s="71" t="s">
        <v>649</v>
      </c>
      <c r="D469" s="72" t="s">
        <v>1344</v>
      </c>
      <c r="E469" s="73"/>
      <c r="F469" s="62">
        <v>2946802</v>
      </c>
      <c r="G469" s="62">
        <v>2619440.16</v>
      </c>
      <c r="H469" s="62">
        <f t="shared" si="76"/>
        <v>327361.83999999985</v>
      </c>
      <c r="J469" s="62">
        <v>2619440.16</v>
      </c>
      <c r="K469" s="62">
        <f t="shared" si="77"/>
        <v>327361.83999999985</v>
      </c>
      <c r="M469" s="62">
        <v>1715427.22</v>
      </c>
      <c r="N469" s="62">
        <f t="shared" si="78"/>
        <v>1231374.78</v>
      </c>
      <c r="P469" s="74">
        <v>2421958.9900000002</v>
      </c>
      <c r="Q469" s="61">
        <v>1946577.99</v>
      </c>
      <c r="R469" s="61">
        <v>2062456.07</v>
      </c>
      <c r="S469" s="61">
        <v>398180.11</v>
      </c>
      <c r="T469" s="62">
        <v>530897.03</v>
      </c>
      <c r="U469" s="61">
        <v>663623.07999999996</v>
      </c>
      <c r="V469" s="61">
        <v>1009770.2</v>
      </c>
      <c r="W469" s="61">
        <v>1213636.21</v>
      </c>
      <c r="X469" s="61">
        <v>1417502.25</v>
      </c>
      <c r="Y469" s="61">
        <v>2001324.28</v>
      </c>
      <c r="Z469" s="61">
        <v>2331840.25</v>
      </c>
      <c r="AA469" s="61">
        <v>2662339.0499999998</v>
      </c>
      <c r="AB469" s="75">
        <v>2619440.16</v>
      </c>
      <c r="AC469" s="61">
        <v>2753504.16</v>
      </c>
      <c r="AD469" s="61">
        <v>2731258.71</v>
      </c>
      <c r="AE469" s="61">
        <v>409447.58</v>
      </c>
      <c r="AF469" s="62">
        <v>536244.64</v>
      </c>
      <c r="AG469" s="61">
        <v>670308.72</v>
      </c>
      <c r="AH469" s="61">
        <v>819738.91</v>
      </c>
      <c r="AI469" s="61">
        <v>956502.97</v>
      </c>
      <c r="AJ469" s="61">
        <v>1093267</v>
      </c>
      <c r="AK469" s="61">
        <v>1357163.03</v>
      </c>
      <c r="AL469" s="61">
        <v>1536295.13</v>
      </c>
      <c r="AM469" s="61">
        <v>1715427.22</v>
      </c>
      <c r="AN469" s="75">
        <v>2946802</v>
      </c>
    </row>
    <row r="470" spans="1:41" s="62" customFormat="1" hidden="1" outlineLevel="2">
      <c r="A470" s="61" t="s">
        <v>386</v>
      </c>
      <c r="B470" s="61" t="s">
        <v>387</v>
      </c>
      <c r="C470" s="71" t="s">
        <v>388</v>
      </c>
      <c r="D470" s="72" t="s">
        <v>1344</v>
      </c>
      <c r="E470" s="73"/>
      <c r="F470" s="62">
        <v>341599.01</v>
      </c>
      <c r="G470" s="62">
        <v>382232.75</v>
      </c>
      <c r="H470" s="62">
        <f t="shared" si="76"/>
        <v>-40633.739999999991</v>
      </c>
      <c r="J470" s="62">
        <v>382232.75</v>
      </c>
      <c r="K470" s="62">
        <f t="shared" si="77"/>
        <v>-40633.739999999991</v>
      </c>
      <c r="M470" s="62">
        <v>214861.52000000002</v>
      </c>
      <c r="N470" s="62">
        <f t="shared" si="78"/>
        <v>126737.48999999999</v>
      </c>
      <c r="P470" s="74">
        <v>277563.08</v>
      </c>
      <c r="Q470" s="61">
        <v>275594.08</v>
      </c>
      <c r="R470" s="61">
        <v>287602.08</v>
      </c>
      <c r="S470" s="61">
        <v>48375.74</v>
      </c>
      <c r="T470" s="62">
        <v>64499.75</v>
      </c>
      <c r="U470" s="61">
        <v>80624.75</v>
      </c>
      <c r="V470" s="61">
        <v>121844.75</v>
      </c>
      <c r="W470" s="61">
        <v>146334.75</v>
      </c>
      <c r="X470" s="61">
        <v>170824.75</v>
      </c>
      <c r="Y470" s="61">
        <v>246203.75</v>
      </c>
      <c r="Z470" s="61">
        <v>287654.75</v>
      </c>
      <c r="AA470" s="61">
        <v>329108.75</v>
      </c>
      <c r="AB470" s="75">
        <v>382232.75</v>
      </c>
      <c r="AC470" s="61">
        <v>399673.75</v>
      </c>
      <c r="AD470" s="61">
        <v>419044.75</v>
      </c>
      <c r="AE470" s="61">
        <v>52321.520000000004</v>
      </c>
      <c r="AF470" s="62">
        <v>69763.520000000004</v>
      </c>
      <c r="AG470" s="61">
        <v>87203.520000000004</v>
      </c>
      <c r="AH470" s="61">
        <v>103608.52</v>
      </c>
      <c r="AI470" s="61">
        <v>120704.52</v>
      </c>
      <c r="AJ470" s="61">
        <v>137800.51999999999</v>
      </c>
      <c r="AK470" s="61">
        <v>170361.52</v>
      </c>
      <c r="AL470" s="61">
        <v>192611.52</v>
      </c>
      <c r="AM470" s="61">
        <v>214861.52000000002</v>
      </c>
      <c r="AN470" s="75">
        <v>341599.01</v>
      </c>
    </row>
    <row r="471" spans="1:41" s="114" customFormat="1" ht="15" hidden="1" customHeight="1" outlineLevel="1">
      <c r="A471" s="113" t="s">
        <v>1362</v>
      </c>
      <c r="B471" s="114" t="s">
        <v>2</v>
      </c>
      <c r="C471" s="135" t="s">
        <v>1363</v>
      </c>
      <c r="D471" s="147" t="s">
        <v>1344</v>
      </c>
      <c r="E471" s="117"/>
      <c r="F471" s="128">
        <v>3692521.4040000001</v>
      </c>
      <c r="G471" s="129">
        <v>3290736.0040000002</v>
      </c>
      <c r="H471" s="129">
        <f t="shared" si="76"/>
        <v>401785.39999999991</v>
      </c>
      <c r="I471" s="130"/>
      <c r="J471" s="129">
        <v>3290736.0040000002</v>
      </c>
      <c r="K471" s="129">
        <f t="shared" si="77"/>
        <v>401785.39999999991</v>
      </c>
      <c r="L471" s="129"/>
      <c r="M471" s="129">
        <v>2007210.6340000001</v>
      </c>
      <c r="N471" s="129">
        <f t="shared" si="78"/>
        <v>1685310.77</v>
      </c>
      <c r="O471" s="131"/>
      <c r="P471" s="132">
        <v>2985069.5300000003</v>
      </c>
      <c r="Q471" s="129">
        <v>2308568</v>
      </c>
      <c r="R471" s="129">
        <v>2441569.52</v>
      </c>
      <c r="S471" s="129">
        <v>614815.08400000003</v>
      </c>
      <c r="T471" s="129">
        <v>619213.054</v>
      </c>
      <c r="U471" s="129">
        <v>774018.16399999999</v>
      </c>
      <c r="V471" s="129">
        <v>1285738.6140000001</v>
      </c>
      <c r="W471" s="129">
        <v>1414370.2139999999</v>
      </c>
      <c r="X471" s="129">
        <v>1651860.514</v>
      </c>
      <c r="Y471" s="129">
        <v>2473436.6140000001</v>
      </c>
      <c r="Z471" s="129">
        <v>2724275.3139999998</v>
      </c>
      <c r="AA471" s="129">
        <v>3111106.8839999996</v>
      </c>
      <c r="AB471" s="133">
        <v>3290736.0040000002</v>
      </c>
      <c r="AC471" s="129">
        <v>3279306.2140000002</v>
      </c>
      <c r="AD471" s="129">
        <v>3276317.2140000002</v>
      </c>
      <c r="AE471" s="129">
        <v>713979.61400000006</v>
      </c>
      <c r="AF471" s="129">
        <v>629958.24400000006</v>
      </c>
      <c r="AG471" s="129">
        <v>787522.49399999995</v>
      </c>
      <c r="AH471" s="129">
        <v>1191846.6240000001</v>
      </c>
      <c r="AI471" s="129">
        <v>1120006.074</v>
      </c>
      <c r="AJ471" s="129">
        <v>1280020.504</v>
      </c>
      <c r="AK471" s="129">
        <v>1844304.834</v>
      </c>
      <c r="AL471" s="129">
        <v>1797773.254</v>
      </c>
      <c r="AM471" s="129">
        <v>2007210.6340000001</v>
      </c>
      <c r="AN471" s="133">
        <v>3692521.4040000001</v>
      </c>
      <c r="AO471" s="134"/>
    </row>
    <row r="472" spans="1:41" s="62" customFormat="1" hidden="1" outlineLevel="2">
      <c r="A472" s="61" t="s">
        <v>342</v>
      </c>
      <c r="B472" s="61" t="s">
        <v>343</v>
      </c>
      <c r="C472" s="71" t="s">
        <v>344</v>
      </c>
      <c r="D472" s="72" t="s">
        <v>1344</v>
      </c>
      <c r="E472" s="73"/>
      <c r="F472" s="62">
        <v>0</v>
      </c>
      <c r="G472" s="62">
        <v>0</v>
      </c>
      <c r="H472" s="62">
        <f t="shared" si="76"/>
        <v>0</v>
      </c>
      <c r="J472" s="62">
        <v>0</v>
      </c>
      <c r="K472" s="62">
        <f t="shared" si="77"/>
        <v>0</v>
      </c>
      <c r="M472" s="62">
        <v>670134.82900000003</v>
      </c>
      <c r="N472" s="62">
        <f t="shared" si="78"/>
        <v>-670134.82900000003</v>
      </c>
      <c r="P472" s="74">
        <v>0</v>
      </c>
      <c r="Q472" s="61">
        <v>1823069.6429999999</v>
      </c>
      <c r="R472" s="61">
        <v>1792031.1429999999</v>
      </c>
      <c r="S472" s="61">
        <v>1729365.6429999999</v>
      </c>
      <c r="T472" s="62">
        <v>1621142.473</v>
      </c>
      <c r="U472" s="61">
        <v>1486447.8130000001</v>
      </c>
      <c r="V472" s="61">
        <v>1313784.8130000001</v>
      </c>
      <c r="W472" s="61">
        <v>1153961.743</v>
      </c>
      <c r="X472" s="61">
        <v>1024567.2830000001</v>
      </c>
      <c r="Y472" s="61">
        <v>912135.68099999998</v>
      </c>
      <c r="Z472" s="61">
        <v>779483.321</v>
      </c>
      <c r="AA472" s="61">
        <v>622328.84100000001</v>
      </c>
      <c r="AB472" s="75">
        <v>0</v>
      </c>
      <c r="AC472" s="61">
        <v>2003700.088</v>
      </c>
      <c r="AD472" s="61">
        <v>1972241.5379999999</v>
      </c>
      <c r="AE472" s="61">
        <v>1891910.1769999999</v>
      </c>
      <c r="AF472" s="62">
        <v>1775493.727</v>
      </c>
      <c r="AG472" s="61">
        <v>1613492.7169999999</v>
      </c>
      <c r="AH472" s="61">
        <v>1429506.007</v>
      </c>
      <c r="AI472" s="61">
        <v>1246358.1869999999</v>
      </c>
      <c r="AJ472" s="61">
        <v>1107534.1270000001</v>
      </c>
      <c r="AK472" s="61">
        <v>940658.76699999999</v>
      </c>
      <c r="AL472" s="61">
        <v>811781.77899999998</v>
      </c>
      <c r="AM472" s="61">
        <v>670134.82900000003</v>
      </c>
      <c r="AN472" s="75">
        <v>0</v>
      </c>
    </row>
    <row r="473" spans="1:41" s="62" customFormat="1" hidden="1" outlineLevel="2">
      <c r="A473" s="61" t="s">
        <v>345</v>
      </c>
      <c r="B473" s="61" t="s">
        <v>346</v>
      </c>
      <c r="C473" s="71" t="s">
        <v>347</v>
      </c>
      <c r="D473" s="72" t="s">
        <v>1344</v>
      </c>
      <c r="E473" s="73"/>
      <c r="F473" s="62">
        <v>2098526.0279999999</v>
      </c>
      <c r="G473" s="62">
        <v>2072831.4669999999</v>
      </c>
      <c r="H473" s="62">
        <f t="shared" si="76"/>
        <v>25694.560999999987</v>
      </c>
      <c r="J473" s="62">
        <v>2072831.4669999999</v>
      </c>
      <c r="K473" s="62">
        <f t="shared" si="77"/>
        <v>25694.560999999987</v>
      </c>
      <c r="M473" s="62">
        <v>1550117.649</v>
      </c>
      <c r="N473" s="62">
        <f t="shared" si="78"/>
        <v>548408.37899999996</v>
      </c>
      <c r="P473" s="74">
        <v>1958238.433</v>
      </c>
      <c r="Q473" s="61">
        <v>162491.26</v>
      </c>
      <c r="R473" s="61">
        <v>300150.95799999998</v>
      </c>
      <c r="S473" s="61">
        <v>440905.16800000001</v>
      </c>
      <c r="T473" s="62">
        <v>587974.69799999997</v>
      </c>
      <c r="U473" s="61">
        <v>727035.38800000004</v>
      </c>
      <c r="V473" s="61">
        <v>869079.20200000005</v>
      </c>
      <c r="W473" s="61">
        <v>1006956.622</v>
      </c>
      <c r="X473" s="61">
        <v>1154606.7819999999</v>
      </c>
      <c r="Y473" s="61">
        <v>1308241.699</v>
      </c>
      <c r="Z473" s="61">
        <v>1462794.0090000001</v>
      </c>
      <c r="AA473" s="61">
        <v>1610876.3689999999</v>
      </c>
      <c r="AB473" s="75">
        <v>2072831.4669999999</v>
      </c>
      <c r="AC473" s="61">
        <v>166405.12</v>
      </c>
      <c r="AD473" s="61">
        <v>299704.39</v>
      </c>
      <c r="AE473" s="61">
        <v>434906.32</v>
      </c>
      <c r="AF473" s="62">
        <v>568048.49</v>
      </c>
      <c r="AG473" s="61">
        <v>700460.39599999995</v>
      </c>
      <c r="AH473" s="61">
        <v>845439.48699999996</v>
      </c>
      <c r="AI473" s="61">
        <v>966816.85699999996</v>
      </c>
      <c r="AJ473" s="61">
        <v>1119047.054</v>
      </c>
      <c r="AK473" s="61">
        <v>1255938.254</v>
      </c>
      <c r="AL473" s="61">
        <v>1406553.625</v>
      </c>
      <c r="AM473" s="61">
        <v>1550117.649</v>
      </c>
      <c r="AN473" s="75">
        <v>2098526.0279999999</v>
      </c>
    </row>
    <row r="474" spans="1:41" s="114" customFormat="1" ht="15" hidden="1" customHeight="1" outlineLevel="1">
      <c r="A474" s="113" t="s">
        <v>1364</v>
      </c>
      <c r="B474" s="114" t="s">
        <v>2</v>
      </c>
      <c r="C474" s="135" t="s">
        <v>1365</v>
      </c>
      <c r="D474" s="147" t="s">
        <v>1344</v>
      </c>
      <c r="E474" s="117"/>
      <c r="F474" s="128">
        <v>2098526.0279999999</v>
      </c>
      <c r="G474" s="129">
        <v>2072831.4669999999</v>
      </c>
      <c r="H474" s="129">
        <f t="shared" si="76"/>
        <v>25694.560999999987</v>
      </c>
      <c r="I474" s="130"/>
      <c r="J474" s="129">
        <v>2072831.4669999999</v>
      </c>
      <c r="K474" s="129">
        <f t="shared" si="77"/>
        <v>25694.560999999987</v>
      </c>
      <c r="L474" s="129"/>
      <c r="M474" s="129">
        <v>2220252.4780000001</v>
      </c>
      <c r="N474" s="129">
        <f t="shared" si="78"/>
        <v>-121726.45000000019</v>
      </c>
      <c r="O474" s="131"/>
      <c r="P474" s="132">
        <v>1958238.433</v>
      </c>
      <c r="Q474" s="129">
        <v>1985560.9029999999</v>
      </c>
      <c r="R474" s="129">
        <v>2092182.1009999998</v>
      </c>
      <c r="S474" s="129">
        <v>2170270.8109999998</v>
      </c>
      <c r="T474" s="129">
        <v>2209117.1710000001</v>
      </c>
      <c r="U474" s="129">
        <v>2213483.2010000004</v>
      </c>
      <c r="V474" s="129">
        <v>2182864.0150000001</v>
      </c>
      <c r="W474" s="129">
        <v>2160918.3650000002</v>
      </c>
      <c r="X474" s="129">
        <v>2179174.0649999999</v>
      </c>
      <c r="Y474" s="129">
        <v>2220377.38</v>
      </c>
      <c r="Z474" s="129">
        <v>2242277.33</v>
      </c>
      <c r="AA474" s="129">
        <v>2233205.21</v>
      </c>
      <c r="AB474" s="133">
        <v>2072831.4669999999</v>
      </c>
      <c r="AC474" s="129">
        <v>2170105.2080000001</v>
      </c>
      <c r="AD474" s="129">
        <v>2271945.9279999998</v>
      </c>
      <c r="AE474" s="129">
        <v>2326816.497</v>
      </c>
      <c r="AF474" s="129">
        <v>2343542.2170000002</v>
      </c>
      <c r="AG474" s="129">
        <v>2313953.1129999999</v>
      </c>
      <c r="AH474" s="129">
        <v>2274945.4939999999</v>
      </c>
      <c r="AI474" s="129">
        <v>2213175.0439999998</v>
      </c>
      <c r="AJ474" s="129">
        <v>2226581.1809999999</v>
      </c>
      <c r="AK474" s="129">
        <v>2196597.0209999997</v>
      </c>
      <c r="AL474" s="129">
        <v>2218335.4040000001</v>
      </c>
      <c r="AM474" s="129">
        <v>2220252.4780000001</v>
      </c>
      <c r="AN474" s="133">
        <v>2098526.0279999999</v>
      </c>
      <c r="AO474" s="134"/>
    </row>
    <row r="475" spans="1:41" s="62" customFormat="1" hidden="1" outlineLevel="2">
      <c r="A475" s="61" t="s">
        <v>365</v>
      </c>
      <c r="B475" s="61" t="s">
        <v>366</v>
      </c>
      <c r="C475" s="71" t="s">
        <v>367</v>
      </c>
      <c r="D475" s="72" t="s">
        <v>1344</v>
      </c>
      <c r="E475" s="73"/>
      <c r="F475" s="62">
        <v>264448</v>
      </c>
      <c r="G475" s="62">
        <v>421557</v>
      </c>
      <c r="H475" s="62">
        <f t="shared" si="76"/>
        <v>-157109</v>
      </c>
      <c r="J475" s="62">
        <v>421557</v>
      </c>
      <c r="K475" s="62">
        <f t="shared" si="77"/>
        <v>-157109</v>
      </c>
      <c r="M475" s="62">
        <v>264448</v>
      </c>
      <c r="N475" s="62">
        <f t="shared" si="78"/>
        <v>0</v>
      </c>
      <c r="P475" s="74">
        <v>435440</v>
      </c>
      <c r="Q475" s="61">
        <v>435440</v>
      </c>
      <c r="R475" s="61">
        <v>435440</v>
      </c>
      <c r="S475" s="61">
        <v>421557</v>
      </c>
      <c r="T475" s="62">
        <v>421557</v>
      </c>
      <c r="U475" s="61">
        <v>421557</v>
      </c>
      <c r="V475" s="61">
        <v>421557</v>
      </c>
      <c r="W475" s="61">
        <v>421557</v>
      </c>
      <c r="X475" s="61">
        <v>421557</v>
      </c>
      <c r="Y475" s="61">
        <v>421557</v>
      </c>
      <c r="Z475" s="61">
        <v>421557</v>
      </c>
      <c r="AA475" s="61">
        <v>421557</v>
      </c>
      <c r="AB475" s="75">
        <v>421557</v>
      </c>
      <c r="AC475" s="61">
        <v>421557</v>
      </c>
      <c r="AD475" s="61">
        <v>421557</v>
      </c>
      <c r="AE475" s="61">
        <v>264448</v>
      </c>
      <c r="AF475" s="62">
        <v>264448</v>
      </c>
      <c r="AG475" s="61">
        <v>264448</v>
      </c>
      <c r="AH475" s="61">
        <v>264448</v>
      </c>
      <c r="AI475" s="61">
        <v>264448</v>
      </c>
      <c r="AJ475" s="61">
        <v>264448</v>
      </c>
      <c r="AK475" s="61">
        <v>264448</v>
      </c>
      <c r="AL475" s="61">
        <v>264448</v>
      </c>
      <c r="AM475" s="61">
        <v>264448</v>
      </c>
      <c r="AN475" s="75">
        <v>264448</v>
      </c>
    </row>
    <row r="476" spans="1:41" s="62" customFormat="1" hidden="1" outlineLevel="2">
      <c r="A476" s="61" t="s">
        <v>635</v>
      </c>
      <c r="B476" s="61" t="s">
        <v>636</v>
      </c>
      <c r="C476" s="71" t="s">
        <v>637</v>
      </c>
      <c r="D476" s="72" t="s">
        <v>1344</v>
      </c>
      <c r="E476" s="73"/>
      <c r="F476" s="62">
        <v>143</v>
      </c>
      <c r="G476" s="62">
        <v>81</v>
      </c>
      <c r="H476" s="62">
        <f t="shared" si="76"/>
        <v>62</v>
      </c>
      <c r="J476" s="62">
        <v>81</v>
      </c>
      <c r="K476" s="62">
        <f t="shared" si="77"/>
        <v>62</v>
      </c>
      <c r="M476" s="62">
        <v>81</v>
      </c>
      <c r="N476" s="62">
        <f t="shared" si="78"/>
        <v>62</v>
      </c>
      <c r="P476" s="74">
        <v>30</v>
      </c>
      <c r="Q476" s="61">
        <v>30</v>
      </c>
      <c r="R476" s="61">
        <v>30</v>
      </c>
      <c r="S476" s="61">
        <v>30</v>
      </c>
      <c r="T476" s="62">
        <v>30</v>
      </c>
      <c r="U476" s="61">
        <v>30</v>
      </c>
      <c r="V476" s="61">
        <v>30</v>
      </c>
      <c r="W476" s="61">
        <v>30</v>
      </c>
      <c r="X476" s="61">
        <v>30</v>
      </c>
      <c r="Y476" s="61">
        <v>30</v>
      </c>
      <c r="Z476" s="61">
        <v>30</v>
      </c>
      <c r="AA476" s="61">
        <v>30</v>
      </c>
      <c r="AB476" s="75">
        <v>81</v>
      </c>
      <c r="AC476" s="61">
        <v>81</v>
      </c>
      <c r="AD476" s="61">
        <v>81</v>
      </c>
      <c r="AE476" s="61">
        <v>81</v>
      </c>
      <c r="AF476" s="62">
        <v>81</v>
      </c>
      <c r="AG476" s="61">
        <v>81</v>
      </c>
      <c r="AH476" s="61">
        <v>81</v>
      </c>
      <c r="AI476" s="61">
        <v>81</v>
      </c>
      <c r="AJ476" s="61">
        <v>81</v>
      </c>
      <c r="AK476" s="61">
        <v>81</v>
      </c>
      <c r="AL476" s="61">
        <v>81</v>
      </c>
      <c r="AM476" s="61">
        <v>81</v>
      </c>
      <c r="AN476" s="75">
        <v>143</v>
      </c>
    </row>
    <row r="477" spans="1:41" s="62" customFormat="1" hidden="1" outlineLevel="2">
      <c r="A477" s="61" t="s">
        <v>348</v>
      </c>
      <c r="B477" s="61" t="s">
        <v>349</v>
      </c>
      <c r="C477" s="71" t="s">
        <v>350</v>
      </c>
      <c r="D477" s="72" t="s">
        <v>1344</v>
      </c>
      <c r="E477" s="73"/>
      <c r="F477" s="62">
        <v>112047.67200000001</v>
      </c>
      <c r="G477" s="62">
        <v>21882.23</v>
      </c>
      <c r="H477" s="62">
        <f t="shared" si="76"/>
        <v>90165.44200000001</v>
      </c>
      <c r="J477" s="62">
        <v>21882.23</v>
      </c>
      <c r="K477" s="62">
        <f t="shared" si="77"/>
        <v>90165.44200000001</v>
      </c>
      <c r="M477" s="62">
        <v>124327.932</v>
      </c>
      <c r="N477" s="62">
        <f t="shared" si="78"/>
        <v>-12280.259999999995</v>
      </c>
      <c r="P477" s="74">
        <v>33573.815000000002</v>
      </c>
      <c r="Q477" s="61">
        <v>-23205.294999999998</v>
      </c>
      <c r="R477" s="61">
        <v>34349.995000000003</v>
      </c>
      <c r="S477" s="61">
        <v>91724.664999999994</v>
      </c>
      <c r="T477" s="62">
        <v>99494.354999999996</v>
      </c>
      <c r="U477" s="61">
        <v>75108.255000000005</v>
      </c>
      <c r="V477" s="61">
        <v>24803.656999999999</v>
      </c>
      <c r="W477" s="61">
        <v>50505.997000000003</v>
      </c>
      <c r="X477" s="61">
        <v>139852.177</v>
      </c>
      <c r="Y477" s="61">
        <v>138622.97700000001</v>
      </c>
      <c r="Z477" s="61">
        <v>230220.10699999999</v>
      </c>
      <c r="AA477" s="61">
        <v>172792.34700000001</v>
      </c>
      <c r="AB477" s="75">
        <v>21882.23</v>
      </c>
      <c r="AC477" s="61">
        <v>-30834.963</v>
      </c>
      <c r="AD477" s="61">
        <v>404.27700000000004</v>
      </c>
      <c r="AE477" s="61">
        <v>-3.0000000000000001E-3</v>
      </c>
      <c r="AF477" s="62">
        <v>-15472.273000000001</v>
      </c>
      <c r="AG477" s="61">
        <v>-28037.863000000001</v>
      </c>
      <c r="AH477" s="61">
        <v>38759.426999999996</v>
      </c>
      <c r="AI477" s="61">
        <v>24980.879000000001</v>
      </c>
      <c r="AJ477" s="61">
        <v>99712.929000000004</v>
      </c>
      <c r="AK477" s="61">
        <v>84406.828999999998</v>
      </c>
      <c r="AL477" s="61">
        <v>189725.53399999999</v>
      </c>
      <c r="AM477" s="61">
        <v>124327.932</v>
      </c>
      <c r="AN477" s="75">
        <v>112047.67200000001</v>
      </c>
    </row>
    <row r="478" spans="1:41" s="114" customFormat="1" ht="15" hidden="1" customHeight="1" outlineLevel="1">
      <c r="A478" s="113" t="s">
        <v>1366</v>
      </c>
      <c r="B478" s="114" t="s">
        <v>2</v>
      </c>
      <c r="C478" s="135" t="s">
        <v>1367</v>
      </c>
      <c r="D478" s="147" t="s">
        <v>1344</v>
      </c>
      <c r="E478" s="117"/>
      <c r="F478" s="128">
        <v>376638.67200000002</v>
      </c>
      <c r="G478" s="129">
        <v>443520.23</v>
      </c>
      <c r="H478" s="129">
        <f t="shared" si="76"/>
        <v>-66881.557999999961</v>
      </c>
      <c r="I478" s="130"/>
      <c r="J478" s="129">
        <v>443520.23</v>
      </c>
      <c r="K478" s="129">
        <f t="shared" si="77"/>
        <v>-66881.557999999961</v>
      </c>
      <c r="L478" s="129"/>
      <c r="M478" s="129">
        <v>388856.93200000003</v>
      </c>
      <c r="N478" s="129">
        <f t="shared" si="78"/>
        <v>-12218.260000000009</v>
      </c>
      <c r="O478" s="131"/>
      <c r="P478" s="132">
        <v>469043.815</v>
      </c>
      <c r="Q478" s="129">
        <v>412264.70500000002</v>
      </c>
      <c r="R478" s="129">
        <v>469819.995</v>
      </c>
      <c r="S478" s="129">
        <v>513311.66499999998</v>
      </c>
      <c r="T478" s="129">
        <v>521081.35499999998</v>
      </c>
      <c r="U478" s="129">
        <v>496695.255</v>
      </c>
      <c r="V478" s="129">
        <v>446390.65700000001</v>
      </c>
      <c r="W478" s="129">
        <v>472092.99699999997</v>
      </c>
      <c r="X478" s="129">
        <v>561439.17700000003</v>
      </c>
      <c r="Y478" s="129">
        <v>560209.97699999996</v>
      </c>
      <c r="Z478" s="129">
        <v>651807.10699999996</v>
      </c>
      <c r="AA478" s="129">
        <v>594379.34700000007</v>
      </c>
      <c r="AB478" s="133">
        <v>443520.23</v>
      </c>
      <c r="AC478" s="129">
        <v>390803.03700000001</v>
      </c>
      <c r="AD478" s="129">
        <v>422042.277</v>
      </c>
      <c r="AE478" s="129">
        <v>264528.99699999997</v>
      </c>
      <c r="AF478" s="129">
        <v>249056.72700000001</v>
      </c>
      <c r="AG478" s="129">
        <v>236491.13699999999</v>
      </c>
      <c r="AH478" s="129">
        <v>303288.42700000003</v>
      </c>
      <c r="AI478" s="129">
        <v>289509.87900000002</v>
      </c>
      <c r="AJ478" s="129">
        <v>364241.929</v>
      </c>
      <c r="AK478" s="129">
        <v>348935.82900000003</v>
      </c>
      <c r="AL478" s="129">
        <v>454254.53399999999</v>
      </c>
      <c r="AM478" s="129">
        <v>388856.93200000003</v>
      </c>
      <c r="AN478" s="133">
        <v>376638.67200000002</v>
      </c>
      <c r="AO478" s="134"/>
    </row>
    <row r="479" spans="1:41" s="62" customFormat="1" hidden="1" outlineLevel="2">
      <c r="A479" s="61" t="s">
        <v>353</v>
      </c>
      <c r="B479" s="61" t="s">
        <v>354</v>
      </c>
      <c r="C479" s="71" t="s">
        <v>355</v>
      </c>
      <c r="D479" s="72" t="s">
        <v>1344</v>
      </c>
      <c r="E479" s="73"/>
      <c r="F479" s="62">
        <v>61961.79</v>
      </c>
      <c r="G479" s="62">
        <v>69335.09</v>
      </c>
      <c r="H479" s="62">
        <f t="shared" si="76"/>
        <v>-7373.2999999999956</v>
      </c>
      <c r="J479" s="62">
        <v>69335.09</v>
      </c>
      <c r="K479" s="62">
        <f t="shared" si="77"/>
        <v>-7373.2999999999956</v>
      </c>
      <c r="M479" s="62">
        <v>62318.69</v>
      </c>
      <c r="N479" s="62">
        <f t="shared" si="78"/>
        <v>-356.90000000000146</v>
      </c>
      <c r="P479" s="74">
        <v>71659.66</v>
      </c>
      <c r="Q479" s="61">
        <v>69762.64</v>
      </c>
      <c r="R479" s="61">
        <v>69904.41</v>
      </c>
      <c r="S479" s="61">
        <v>70001.09</v>
      </c>
      <c r="T479" s="62">
        <v>70043.88</v>
      </c>
      <c r="U479" s="61">
        <v>69131.180000000008</v>
      </c>
      <c r="V479" s="61">
        <v>69986.34</v>
      </c>
      <c r="W479" s="61">
        <v>70081.100000000006</v>
      </c>
      <c r="X479" s="61">
        <v>70087.570000000007</v>
      </c>
      <c r="Y479" s="61">
        <v>68921.759999999995</v>
      </c>
      <c r="Z479" s="61">
        <v>68558.19</v>
      </c>
      <c r="AA479" s="61">
        <v>69495.850000000006</v>
      </c>
      <c r="AB479" s="75">
        <v>69335.09</v>
      </c>
      <c r="AC479" s="61">
        <v>66690.350000000006</v>
      </c>
      <c r="AD479" s="61">
        <v>61787.94</v>
      </c>
      <c r="AE479" s="61">
        <v>65737.460000000006</v>
      </c>
      <c r="AF479" s="62">
        <v>62420.99</v>
      </c>
      <c r="AG479" s="61">
        <v>63909.99</v>
      </c>
      <c r="AH479" s="61">
        <v>62815.840000000004</v>
      </c>
      <c r="AI479" s="61">
        <v>62451.83</v>
      </c>
      <c r="AJ479" s="61">
        <v>62873.97</v>
      </c>
      <c r="AK479" s="61">
        <v>0</v>
      </c>
      <c r="AL479" s="61">
        <v>62157.36</v>
      </c>
      <c r="AM479" s="61">
        <v>62318.69</v>
      </c>
      <c r="AN479" s="75">
        <v>61961.79</v>
      </c>
    </row>
    <row r="480" spans="1:41" s="62" customFormat="1" hidden="1" outlineLevel="2">
      <c r="A480" s="61" t="s">
        <v>356</v>
      </c>
      <c r="B480" s="61" t="s">
        <v>357</v>
      </c>
      <c r="C480" s="71" t="s">
        <v>358</v>
      </c>
      <c r="D480" s="72" t="s">
        <v>1344</v>
      </c>
      <c r="E480" s="73"/>
      <c r="F480" s="62">
        <v>6419.2300000000005</v>
      </c>
      <c r="G480" s="62">
        <v>5071.96</v>
      </c>
      <c r="H480" s="62">
        <f t="shared" si="76"/>
        <v>1347.2700000000004</v>
      </c>
      <c r="J480" s="62">
        <v>5071.96</v>
      </c>
      <c r="K480" s="62">
        <f t="shared" si="77"/>
        <v>1347.2700000000004</v>
      </c>
      <c r="M480" s="62">
        <v>6451.63</v>
      </c>
      <c r="N480" s="62">
        <f t="shared" si="78"/>
        <v>-32.399999999999636</v>
      </c>
      <c r="P480" s="74">
        <v>5421.86</v>
      </c>
      <c r="Q480" s="61">
        <v>5175.22</v>
      </c>
      <c r="R480" s="61">
        <v>5180.1000000000004</v>
      </c>
      <c r="S480" s="61">
        <v>5195.83</v>
      </c>
      <c r="T480" s="62">
        <v>5196.09</v>
      </c>
      <c r="U480" s="61">
        <v>5051.9800000000005</v>
      </c>
      <c r="V480" s="61">
        <v>5165.84</v>
      </c>
      <c r="W480" s="61">
        <v>5157.3500000000004</v>
      </c>
      <c r="X480" s="61">
        <v>5153.5200000000004</v>
      </c>
      <c r="Y480" s="61">
        <v>5083.4800000000005</v>
      </c>
      <c r="Z480" s="61">
        <v>5024.38</v>
      </c>
      <c r="AA480" s="61">
        <v>5074.6900000000005</v>
      </c>
      <c r="AB480" s="75">
        <v>5071.96</v>
      </c>
      <c r="AC480" s="61">
        <v>6708.56</v>
      </c>
      <c r="AD480" s="61">
        <v>6390.46</v>
      </c>
      <c r="AE480" s="61">
        <v>6745.85</v>
      </c>
      <c r="AF480" s="62">
        <v>6486.42</v>
      </c>
      <c r="AG480" s="61">
        <v>6527.26</v>
      </c>
      <c r="AH480" s="61">
        <v>6485.27</v>
      </c>
      <c r="AI480" s="61">
        <v>6452.74</v>
      </c>
      <c r="AJ480" s="61">
        <v>6457.26</v>
      </c>
      <c r="AK480" s="61">
        <v>0</v>
      </c>
      <c r="AL480" s="61">
        <v>6172.6900000000005</v>
      </c>
      <c r="AM480" s="61">
        <v>6451.63</v>
      </c>
      <c r="AN480" s="75">
        <v>6419.2300000000005</v>
      </c>
    </row>
    <row r="481" spans="1:41" s="62" customFormat="1" hidden="1" outlineLevel="2">
      <c r="A481" s="61" t="s">
        <v>841</v>
      </c>
      <c r="B481" s="61" t="s">
        <v>842</v>
      </c>
      <c r="C481" s="71" t="s">
        <v>843</v>
      </c>
      <c r="D481" s="72" t="s">
        <v>1344</v>
      </c>
      <c r="E481" s="73"/>
      <c r="F481" s="62">
        <v>0</v>
      </c>
      <c r="G481" s="62">
        <v>0</v>
      </c>
      <c r="H481" s="62">
        <f t="shared" si="76"/>
        <v>0</v>
      </c>
      <c r="J481" s="62">
        <v>0</v>
      </c>
      <c r="K481" s="62">
        <f t="shared" si="77"/>
        <v>0</v>
      </c>
      <c r="M481" s="62">
        <v>0</v>
      </c>
      <c r="N481" s="62">
        <f t="shared" si="78"/>
        <v>0</v>
      </c>
      <c r="P481" s="74">
        <v>233.25</v>
      </c>
      <c r="Q481" s="61">
        <v>0</v>
      </c>
      <c r="R481" s="61">
        <v>0</v>
      </c>
      <c r="S481" s="61">
        <v>0</v>
      </c>
      <c r="T481" s="62">
        <v>0</v>
      </c>
      <c r="U481" s="61">
        <v>0</v>
      </c>
      <c r="V481" s="61">
        <v>0</v>
      </c>
      <c r="W481" s="61">
        <v>0</v>
      </c>
      <c r="X481" s="61">
        <v>0</v>
      </c>
      <c r="Y481" s="61">
        <v>0</v>
      </c>
      <c r="Z481" s="61">
        <v>0</v>
      </c>
      <c r="AA481" s="61">
        <v>0</v>
      </c>
      <c r="AB481" s="75">
        <v>0</v>
      </c>
      <c r="AC481" s="61">
        <v>0</v>
      </c>
      <c r="AD481" s="61">
        <v>0</v>
      </c>
      <c r="AE481" s="61">
        <v>0</v>
      </c>
      <c r="AF481" s="62">
        <v>0</v>
      </c>
      <c r="AG481" s="61">
        <v>0</v>
      </c>
      <c r="AH481" s="61">
        <v>0</v>
      </c>
      <c r="AI481" s="61">
        <v>0</v>
      </c>
      <c r="AJ481" s="61">
        <v>0</v>
      </c>
      <c r="AK481" s="61">
        <v>0</v>
      </c>
      <c r="AL481" s="61">
        <v>0</v>
      </c>
      <c r="AM481" s="61">
        <v>0</v>
      </c>
      <c r="AN481" s="75">
        <v>0</v>
      </c>
    </row>
    <row r="482" spans="1:41" s="62" customFormat="1" hidden="1" outlineLevel="2">
      <c r="A482" s="61" t="s">
        <v>359</v>
      </c>
      <c r="B482" s="61" t="s">
        <v>360</v>
      </c>
      <c r="C482" s="71" t="s">
        <v>361</v>
      </c>
      <c r="D482" s="72" t="s">
        <v>1344</v>
      </c>
      <c r="E482" s="73"/>
      <c r="F482" s="62">
        <v>852.28</v>
      </c>
      <c r="G482" s="62">
        <v>735.78</v>
      </c>
      <c r="H482" s="62">
        <f t="shared" si="76"/>
        <v>116.5</v>
      </c>
      <c r="J482" s="62">
        <v>735.78</v>
      </c>
      <c r="K482" s="62">
        <f t="shared" si="77"/>
        <v>116.5</v>
      </c>
      <c r="M482" s="62">
        <v>855.64</v>
      </c>
      <c r="N482" s="62">
        <f t="shared" si="78"/>
        <v>-3.3600000000000136</v>
      </c>
      <c r="P482" s="74">
        <v>575.84</v>
      </c>
      <c r="Q482" s="61">
        <v>684.62</v>
      </c>
      <c r="R482" s="61">
        <v>685.9</v>
      </c>
      <c r="S482" s="61">
        <v>687.12</v>
      </c>
      <c r="T482" s="62">
        <v>675.69</v>
      </c>
      <c r="U482" s="61">
        <v>685.98</v>
      </c>
      <c r="V482" s="61">
        <v>706.80000000000007</v>
      </c>
      <c r="W482" s="61">
        <v>702.88</v>
      </c>
      <c r="X482" s="61">
        <v>702.86</v>
      </c>
      <c r="Y482" s="61">
        <v>710.44</v>
      </c>
      <c r="Z482" s="61">
        <v>710.31000000000006</v>
      </c>
      <c r="AA482" s="61">
        <v>720.26</v>
      </c>
      <c r="AB482" s="75">
        <v>735.78</v>
      </c>
      <c r="AC482" s="61">
        <v>827.82</v>
      </c>
      <c r="AD482" s="61">
        <v>818.98</v>
      </c>
      <c r="AE482" s="61">
        <v>822.95</v>
      </c>
      <c r="AF482" s="62">
        <v>834.5</v>
      </c>
      <c r="AG482" s="61">
        <v>865.06000000000006</v>
      </c>
      <c r="AH482" s="61">
        <v>860.14</v>
      </c>
      <c r="AI482" s="61">
        <v>835.86</v>
      </c>
      <c r="AJ482" s="61">
        <v>850.73</v>
      </c>
      <c r="AK482" s="61">
        <v>0</v>
      </c>
      <c r="AL482" s="61">
        <v>854.62</v>
      </c>
      <c r="AM482" s="61">
        <v>855.64</v>
      </c>
      <c r="AN482" s="75">
        <v>852.28</v>
      </c>
    </row>
    <row r="483" spans="1:41" s="62" customFormat="1" hidden="1" outlineLevel="2">
      <c r="A483" s="61" t="s">
        <v>844</v>
      </c>
      <c r="B483" s="61" t="s">
        <v>845</v>
      </c>
      <c r="C483" s="71" t="s">
        <v>846</v>
      </c>
      <c r="D483" s="72" t="s">
        <v>1344</v>
      </c>
      <c r="E483" s="73"/>
      <c r="F483" s="62">
        <v>0</v>
      </c>
      <c r="G483" s="62">
        <v>0</v>
      </c>
      <c r="H483" s="62">
        <f t="shared" si="76"/>
        <v>0</v>
      </c>
      <c r="J483" s="62">
        <v>0</v>
      </c>
      <c r="K483" s="62">
        <f t="shared" si="77"/>
        <v>0</v>
      </c>
      <c r="M483" s="62">
        <v>0</v>
      </c>
      <c r="N483" s="62">
        <f t="shared" si="78"/>
        <v>0</v>
      </c>
      <c r="P483" s="74">
        <v>923.35</v>
      </c>
      <c r="Q483" s="61">
        <v>0</v>
      </c>
      <c r="R483" s="61">
        <v>0</v>
      </c>
      <c r="S483" s="61">
        <v>0</v>
      </c>
      <c r="T483" s="62">
        <v>0</v>
      </c>
      <c r="U483" s="61">
        <v>0</v>
      </c>
      <c r="V483" s="61">
        <v>0</v>
      </c>
      <c r="W483" s="61">
        <v>0</v>
      </c>
      <c r="X483" s="61">
        <v>0</v>
      </c>
      <c r="Y483" s="61">
        <v>0</v>
      </c>
      <c r="Z483" s="61">
        <v>0</v>
      </c>
      <c r="AA483" s="61">
        <v>0</v>
      </c>
      <c r="AB483" s="75">
        <v>0</v>
      </c>
      <c r="AC483" s="61">
        <v>0</v>
      </c>
      <c r="AD483" s="61">
        <v>0</v>
      </c>
      <c r="AE483" s="61">
        <v>0</v>
      </c>
      <c r="AF483" s="62">
        <v>0</v>
      </c>
      <c r="AG483" s="61">
        <v>0</v>
      </c>
      <c r="AH483" s="61">
        <v>0</v>
      </c>
      <c r="AI483" s="61">
        <v>0</v>
      </c>
      <c r="AJ483" s="61">
        <v>0</v>
      </c>
      <c r="AK483" s="61">
        <v>0</v>
      </c>
      <c r="AL483" s="61">
        <v>0</v>
      </c>
      <c r="AM483" s="61">
        <v>0</v>
      </c>
      <c r="AN483" s="75">
        <v>0</v>
      </c>
    </row>
    <row r="484" spans="1:41" s="62" customFormat="1" hidden="1" outlineLevel="2">
      <c r="A484" s="61" t="s">
        <v>847</v>
      </c>
      <c r="B484" s="61" t="s">
        <v>848</v>
      </c>
      <c r="C484" s="71" t="s">
        <v>849</v>
      </c>
      <c r="D484" s="72" t="s">
        <v>1344</v>
      </c>
      <c r="E484" s="73"/>
      <c r="F484" s="62">
        <v>0</v>
      </c>
      <c r="G484" s="62">
        <v>0</v>
      </c>
      <c r="H484" s="62">
        <f t="shared" si="76"/>
        <v>0</v>
      </c>
      <c r="J484" s="62">
        <v>0</v>
      </c>
      <c r="K484" s="62">
        <f t="shared" si="77"/>
        <v>0</v>
      </c>
      <c r="M484" s="62">
        <v>0</v>
      </c>
      <c r="N484" s="62">
        <f t="shared" si="78"/>
        <v>0</v>
      </c>
      <c r="P484" s="74">
        <v>0</v>
      </c>
      <c r="Q484" s="61">
        <v>0</v>
      </c>
      <c r="R484" s="61">
        <v>0</v>
      </c>
      <c r="S484" s="61">
        <v>0</v>
      </c>
      <c r="T484" s="62">
        <v>0</v>
      </c>
      <c r="U484" s="61">
        <v>0</v>
      </c>
      <c r="V484" s="61">
        <v>0</v>
      </c>
      <c r="W484" s="61">
        <v>0</v>
      </c>
      <c r="X484" s="61">
        <v>0</v>
      </c>
      <c r="Y484" s="61">
        <v>0</v>
      </c>
      <c r="Z484" s="61">
        <v>0</v>
      </c>
      <c r="AA484" s="61">
        <v>0</v>
      </c>
      <c r="AB484" s="75">
        <v>0</v>
      </c>
      <c r="AC484" s="61">
        <v>0</v>
      </c>
      <c r="AD484" s="61">
        <v>0</v>
      </c>
      <c r="AE484" s="61">
        <v>0</v>
      </c>
      <c r="AF484" s="62">
        <v>0</v>
      </c>
      <c r="AG484" s="61">
        <v>0</v>
      </c>
      <c r="AH484" s="61">
        <v>0</v>
      </c>
      <c r="AI484" s="61">
        <v>0</v>
      </c>
      <c r="AJ484" s="61">
        <v>0</v>
      </c>
      <c r="AK484" s="61">
        <v>0</v>
      </c>
      <c r="AL484" s="61">
        <v>0</v>
      </c>
      <c r="AM484" s="61">
        <v>0</v>
      </c>
      <c r="AN484" s="75">
        <v>0</v>
      </c>
    </row>
    <row r="485" spans="1:41" s="62" customFormat="1" hidden="1" outlineLevel="2">
      <c r="A485" s="61" t="s">
        <v>368</v>
      </c>
      <c r="B485" s="61" t="s">
        <v>369</v>
      </c>
      <c r="C485" s="71" t="s">
        <v>370</v>
      </c>
      <c r="D485" s="72" t="s">
        <v>1344</v>
      </c>
      <c r="E485" s="73"/>
      <c r="F485" s="62">
        <v>2683.08</v>
      </c>
      <c r="G485" s="62">
        <v>2748.17</v>
      </c>
      <c r="H485" s="62">
        <f t="shared" si="76"/>
        <v>-65.090000000000146</v>
      </c>
      <c r="J485" s="62">
        <v>2748.17</v>
      </c>
      <c r="K485" s="62">
        <f t="shared" si="77"/>
        <v>-65.090000000000146</v>
      </c>
      <c r="M485" s="62">
        <v>2686.4900000000002</v>
      </c>
      <c r="N485" s="62">
        <f t="shared" si="78"/>
        <v>-3.4100000000003092</v>
      </c>
      <c r="P485" s="74">
        <v>2442.87</v>
      </c>
      <c r="Q485" s="61">
        <v>2730.62</v>
      </c>
      <c r="R485" s="61">
        <v>2740.83</v>
      </c>
      <c r="S485" s="61">
        <v>2751.04</v>
      </c>
      <c r="T485" s="62">
        <v>2768.73</v>
      </c>
      <c r="U485" s="61">
        <v>2734.7000000000003</v>
      </c>
      <c r="V485" s="61">
        <v>2738.1</v>
      </c>
      <c r="W485" s="61">
        <v>2743.56</v>
      </c>
      <c r="X485" s="61">
        <v>2727.56</v>
      </c>
      <c r="Y485" s="61">
        <v>2710.88</v>
      </c>
      <c r="Z485" s="61">
        <v>2711.56</v>
      </c>
      <c r="AA485" s="61">
        <v>2747.5</v>
      </c>
      <c r="AB485" s="75">
        <v>2748.17</v>
      </c>
      <c r="AC485" s="61">
        <v>2748.7400000000002</v>
      </c>
      <c r="AD485" s="61">
        <v>2725.26</v>
      </c>
      <c r="AE485" s="61">
        <v>2715.07</v>
      </c>
      <c r="AF485" s="62">
        <v>2711.31</v>
      </c>
      <c r="AG485" s="61">
        <v>2723.2400000000002</v>
      </c>
      <c r="AH485" s="61">
        <v>2697.71</v>
      </c>
      <c r="AI485" s="61">
        <v>2690.54</v>
      </c>
      <c r="AJ485" s="61">
        <v>2689.2000000000003</v>
      </c>
      <c r="AK485" s="61">
        <v>2697.03</v>
      </c>
      <c r="AL485" s="61">
        <v>2689.9</v>
      </c>
      <c r="AM485" s="61">
        <v>2686.4900000000002</v>
      </c>
      <c r="AN485" s="75">
        <v>2683.08</v>
      </c>
    </row>
    <row r="486" spans="1:41" s="62" customFormat="1" hidden="1" outlineLevel="2">
      <c r="A486" s="61" t="s">
        <v>850</v>
      </c>
      <c r="B486" s="61" t="s">
        <v>851</v>
      </c>
      <c r="C486" s="71" t="s">
        <v>852</v>
      </c>
      <c r="D486" s="72" t="s">
        <v>1344</v>
      </c>
      <c r="E486" s="73"/>
      <c r="F486" s="62">
        <v>0</v>
      </c>
      <c r="G486" s="62">
        <v>0</v>
      </c>
      <c r="H486" s="62">
        <f t="shared" si="76"/>
        <v>0</v>
      </c>
      <c r="J486" s="62">
        <v>0</v>
      </c>
      <c r="K486" s="62">
        <f t="shared" si="77"/>
        <v>0</v>
      </c>
      <c r="M486" s="62">
        <v>0</v>
      </c>
      <c r="N486" s="62">
        <f t="shared" si="78"/>
        <v>0</v>
      </c>
      <c r="P486" s="74">
        <v>0</v>
      </c>
      <c r="Q486" s="61">
        <v>0</v>
      </c>
      <c r="R486" s="61">
        <v>0</v>
      </c>
      <c r="S486" s="61">
        <v>0</v>
      </c>
      <c r="T486" s="62">
        <v>0</v>
      </c>
      <c r="U486" s="61">
        <v>0</v>
      </c>
      <c r="V486" s="61">
        <v>0</v>
      </c>
      <c r="W486" s="61">
        <v>0</v>
      </c>
      <c r="X486" s="61">
        <v>0</v>
      </c>
      <c r="Y486" s="61">
        <v>0</v>
      </c>
      <c r="Z486" s="61">
        <v>0</v>
      </c>
      <c r="AA486" s="61">
        <v>0</v>
      </c>
      <c r="AB486" s="75">
        <v>0</v>
      </c>
      <c r="AC486" s="61">
        <v>0</v>
      </c>
      <c r="AD486" s="61">
        <v>-328.91</v>
      </c>
      <c r="AE486" s="61">
        <v>0</v>
      </c>
      <c r="AF486" s="62">
        <v>0</v>
      </c>
      <c r="AG486" s="61">
        <v>0</v>
      </c>
      <c r="AH486" s="61">
        <v>0</v>
      </c>
      <c r="AI486" s="61">
        <v>0</v>
      </c>
      <c r="AJ486" s="61">
        <v>0</v>
      </c>
      <c r="AK486" s="61">
        <v>0</v>
      </c>
      <c r="AL486" s="61">
        <v>0</v>
      </c>
      <c r="AM486" s="61">
        <v>0</v>
      </c>
      <c r="AN486" s="75">
        <v>0</v>
      </c>
    </row>
    <row r="487" spans="1:41" s="114" customFormat="1" ht="15" hidden="1" customHeight="1" outlineLevel="1">
      <c r="A487" s="113" t="s">
        <v>1368</v>
      </c>
      <c r="B487" s="114" t="s">
        <v>2</v>
      </c>
      <c r="C487" s="135" t="s">
        <v>1369</v>
      </c>
      <c r="D487" s="147" t="s">
        <v>1344</v>
      </c>
      <c r="E487" s="117"/>
      <c r="F487" s="128">
        <v>71916.38</v>
      </c>
      <c r="G487" s="129">
        <v>77891</v>
      </c>
      <c r="H487" s="129">
        <f t="shared" si="76"/>
        <v>-5974.6199999999953</v>
      </c>
      <c r="I487" s="130"/>
      <c r="J487" s="129">
        <v>77891</v>
      </c>
      <c r="K487" s="129">
        <f t="shared" si="77"/>
        <v>-5974.6199999999953</v>
      </c>
      <c r="L487" s="129"/>
      <c r="M487" s="129">
        <v>72312.450000000012</v>
      </c>
      <c r="N487" s="129">
        <f t="shared" si="78"/>
        <v>-396.07000000000698</v>
      </c>
      <c r="O487" s="131"/>
      <c r="P487" s="132">
        <v>81256.83</v>
      </c>
      <c r="Q487" s="129">
        <v>78353.099999999991</v>
      </c>
      <c r="R487" s="129">
        <v>78511.240000000005</v>
      </c>
      <c r="S487" s="129">
        <v>78635.079999999987</v>
      </c>
      <c r="T487" s="129">
        <v>78684.39</v>
      </c>
      <c r="U487" s="129">
        <v>77603.839999999997</v>
      </c>
      <c r="V487" s="129">
        <v>78597.08</v>
      </c>
      <c r="W487" s="129">
        <v>78684.890000000014</v>
      </c>
      <c r="X487" s="129">
        <v>78671.510000000009</v>
      </c>
      <c r="Y487" s="129">
        <v>77426.559999999998</v>
      </c>
      <c r="Z487" s="129">
        <v>77004.44</v>
      </c>
      <c r="AA487" s="129">
        <v>78038.3</v>
      </c>
      <c r="AB487" s="133">
        <v>77891</v>
      </c>
      <c r="AC487" s="129">
        <v>76975.470000000016</v>
      </c>
      <c r="AD487" s="129">
        <v>71393.73</v>
      </c>
      <c r="AE487" s="129">
        <v>76021.330000000016</v>
      </c>
      <c r="AF487" s="129">
        <v>72453.22</v>
      </c>
      <c r="AG487" s="129">
        <v>74025.55</v>
      </c>
      <c r="AH487" s="129">
        <v>72858.960000000006</v>
      </c>
      <c r="AI487" s="129">
        <v>72430.97</v>
      </c>
      <c r="AJ487" s="129">
        <v>72871.159999999989</v>
      </c>
      <c r="AK487" s="129">
        <v>2697.03</v>
      </c>
      <c r="AL487" s="129">
        <v>71874.569999999992</v>
      </c>
      <c r="AM487" s="129">
        <v>72312.450000000012</v>
      </c>
      <c r="AN487" s="133">
        <v>71916.38</v>
      </c>
      <c r="AO487" s="134"/>
    </row>
    <row r="488" spans="1:41" s="62" customFormat="1" hidden="1" outlineLevel="2">
      <c r="A488" s="61" t="s">
        <v>1370</v>
      </c>
      <c r="B488" s="61" t="s">
        <v>1371</v>
      </c>
      <c r="C488" s="71" t="s">
        <v>1372</v>
      </c>
      <c r="D488" s="72" t="s">
        <v>1344</v>
      </c>
      <c r="E488" s="73"/>
      <c r="F488" s="62">
        <v>146000</v>
      </c>
      <c r="G488" s="62">
        <v>0</v>
      </c>
      <c r="H488" s="62">
        <f t="shared" si="76"/>
        <v>146000</v>
      </c>
      <c r="J488" s="62">
        <v>0</v>
      </c>
      <c r="K488" s="62">
        <f t="shared" si="77"/>
        <v>146000</v>
      </c>
      <c r="M488" s="62">
        <v>0</v>
      </c>
      <c r="N488" s="62">
        <f t="shared" si="78"/>
        <v>146000</v>
      </c>
      <c r="P488" s="74">
        <v>0</v>
      </c>
      <c r="Q488" s="61">
        <v>0</v>
      </c>
      <c r="R488" s="61">
        <v>0</v>
      </c>
      <c r="S488" s="61">
        <v>0</v>
      </c>
      <c r="T488" s="62">
        <v>0</v>
      </c>
      <c r="U488" s="61">
        <v>0</v>
      </c>
      <c r="V488" s="61">
        <v>0</v>
      </c>
      <c r="W488" s="61">
        <v>0</v>
      </c>
      <c r="X488" s="61">
        <v>0</v>
      </c>
      <c r="Y488" s="61">
        <v>0</v>
      </c>
      <c r="Z488" s="61">
        <v>0</v>
      </c>
      <c r="AA488" s="61">
        <v>0</v>
      </c>
      <c r="AB488" s="75">
        <v>0</v>
      </c>
      <c r="AC488" s="61">
        <v>0</v>
      </c>
      <c r="AD488" s="61">
        <v>0</v>
      </c>
      <c r="AE488" s="61">
        <v>0</v>
      </c>
      <c r="AF488" s="62">
        <v>0</v>
      </c>
      <c r="AG488" s="61">
        <v>0</v>
      </c>
      <c r="AH488" s="61">
        <v>0</v>
      </c>
      <c r="AI488" s="61">
        <v>0</v>
      </c>
      <c r="AJ488" s="61">
        <v>0</v>
      </c>
      <c r="AK488" s="61">
        <v>0</v>
      </c>
      <c r="AL488" s="61">
        <v>0</v>
      </c>
      <c r="AM488" s="61">
        <v>0</v>
      </c>
      <c r="AN488" s="75">
        <v>146000</v>
      </c>
    </row>
    <row r="489" spans="1:41" s="62" customFormat="1" hidden="1" outlineLevel="2">
      <c r="A489" s="61" t="s">
        <v>1373</v>
      </c>
      <c r="B489" s="61" t="s">
        <v>1374</v>
      </c>
      <c r="C489" s="71" t="s">
        <v>1375</v>
      </c>
      <c r="D489" s="72" t="s">
        <v>1344</v>
      </c>
      <c r="E489" s="73"/>
      <c r="F489" s="62">
        <v>0</v>
      </c>
      <c r="G489" s="62">
        <v>0</v>
      </c>
      <c r="H489" s="62">
        <f t="shared" si="76"/>
        <v>0</v>
      </c>
      <c r="J489" s="62">
        <v>0</v>
      </c>
      <c r="K489" s="62">
        <f t="shared" si="77"/>
        <v>0</v>
      </c>
      <c r="M489" s="62">
        <v>0</v>
      </c>
      <c r="N489" s="62">
        <f t="shared" si="78"/>
        <v>0</v>
      </c>
      <c r="P489" s="74">
        <v>0</v>
      </c>
      <c r="Q489" s="61">
        <v>0</v>
      </c>
      <c r="R489" s="61">
        <v>0</v>
      </c>
      <c r="S489" s="61">
        <v>0</v>
      </c>
      <c r="T489" s="62">
        <v>0</v>
      </c>
      <c r="U489" s="61">
        <v>0</v>
      </c>
      <c r="V489" s="61">
        <v>0</v>
      </c>
      <c r="W489" s="61">
        <v>0</v>
      </c>
      <c r="X489" s="61">
        <v>0</v>
      </c>
      <c r="Y489" s="61">
        <v>0</v>
      </c>
      <c r="Z489" s="61">
        <v>0</v>
      </c>
      <c r="AA489" s="61">
        <v>0</v>
      </c>
      <c r="AB489" s="75">
        <v>0</v>
      </c>
      <c r="AC489" s="61">
        <v>0</v>
      </c>
      <c r="AD489" s="61">
        <v>0</v>
      </c>
      <c r="AE489" s="61">
        <v>0</v>
      </c>
      <c r="AF489" s="62">
        <v>0</v>
      </c>
      <c r="AG489" s="61">
        <v>0</v>
      </c>
      <c r="AH489" s="61">
        <v>0</v>
      </c>
      <c r="AI489" s="61">
        <v>0</v>
      </c>
      <c r="AJ489" s="61">
        <v>0</v>
      </c>
      <c r="AK489" s="61">
        <v>0</v>
      </c>
      <c r="AL489" s="61">
        <v>0</v>
      </c>
      <c r="AM489" s="61">
        <v>0</v>
      </c>
      <c r="AN489" s="75">
        <v>0</v>
      </c>
    </row>
    <row r="490" spans="1:41" s="62" customFormat="1" hidden="1" outlineLevel="2">
      <c r="A490" s="61" t="s">
        <v>1376</v>
      </c>
      <c r="B490" s="61" t="s">
        <v>1377</v>
      </c>
      <c r="C490" s="71" t="s">
        <v>1378</v>
      </c>
      <c r="D490" s="72" t="s">
        <v>1344</v>
      </c>
      <c r="E490" s="73"/>
      <c r="F490" s="62">
        <v>0</v>
      </c>
      <c r="G490" s="62">
        <v>0</v>
      </c>
      <c r="H490" s="62">
        <f t="shared" si="76"/>
        <v>0</v>
      </c>
      <c r="J490" s="62">
        <v>0</v>
      </c>
      <c r="K490" s="62">
        <f t="shared" si="77"/>
        <v>0</v>
      </c>
      <c r="M490" s="62">
        <v>0</v>
      </c>
      <c r="N490" s="62">
        <f t="shared" si="78"/>
        <v>0</v>
      </c>
      <c r="P490" s="74">
        <v>0</v>
      </c>
      <c r="Q490" s="61">
        <v>0</v>
      </c>
      <c r="R490" s="61">
        <v>0</v>
      </c>
      <c r="S490" s="61">
        <v>0</v>
      </c>
      <c r="T490" s="62">
        <v>0</v>
      </c>
      <c r="U490" s="61">
        <v>0</v>
      </c>
      <c r="V490" s="61">
        <v>0</v>
      </c>
      <c r="W490" s="61">
        <v>0</v>
      </c>
      <c r="X490" s="61">
        <v>0</v>
      </c>
      <c r="Y490" s="61">
        <v>0</v>
      </c>
      <c r="Z490" s="61">
        <v>0</v>
      </c>
      <c r="AA490" s="61">
        <v>0</v>
      </c>
      <c r="AB490" s="75">
        <v>0</v>
      </c>
      <c r="AC490" s="61">
        <v>0</v>
      </c>
      <c r="AD490" s="61">
        <v>0</v>
      </c>
      <c r="AE490" s="61">
        <v>0</v>
      </c>
      <c r="AF490" s="62">
        <v>0</v>
      </c>
      <c r="AG490" s="61">
        <v>0</v>
      </c>
      <c r="AH490" s="61">
        <v>0</v>
      </c>
      <c r="AI490" s="61">
        <v>0</v>
      </c>
      <c r="AJ490" s="61">
        <v>0</v>
      </c>
      <c r="AK490" s="61">
        <v>0</v>
      </c>
      <c r="AL490" s="61">
        <v>0</v>
      </c>
      <c r="AM490" s="61">
        <v>0</v>
      </c>
      <c r="AN490" s="75">
        <v>0</v>
      </c>
    </row>
    <row r="491" spans="1:41" s="114" customFormat="1" ht="15" hidden="1" customHeight="1" outlineLevel="1">
      <c r="A491" s="113" t="s">
        <v>1379</v>
      </c>
      <c r="B491" s="114" t="s">
        <v>2</v>
      </c>
      <c r="C491" s="135" t="s">
        <v>1380</v>
      </c>
      <c r="D491" s="147" t="s">
        <v>1344</v>
      </c>
      <c r="E491" s="117"/>
      <c r="F491" s="128">
        <v>146000</v>
      </c>
      <c r="G491" s="129">
        <v>0</v>
      </c>
      <c r="H491" s="129">
        <f t="shared" si="76"/>
        <v>146000</v>
      </c>
      <c r="I491" s="130"/>
      <c r="J491" s="129">
        <v>0</v>
      </c>
      <c r="K491" s="129">
        <f t="shared" si="77"/>
        <v>146000</v>
      </c>
      <c r="L491" s="129"/>
      <c r="M491" s="129">
        <v>0</v>
      </c>
      <c r="N491" s="129">
        <f t="shared" si="78"/>
        <v>146000</v>
      </c>
      <c r="O491" s="131"/>
      <c r="P491" s="132">
        <v>0</v>
      </c>
      <c r="Q491" s="129">
        <v>0</v>
      </c>
      <c r="R491" s="129">
        <v>0</v>
      </c>
      <c r="S491" s="129">
        <v>0</v>
      </c>
      <c r="T491" s="129">
        <v>0</v>
      </c>
      <c r="U491" s="129">
        <v>0</v>
      </c>
      <c r="V491" s="129">
        <v>0</v>
      </c>
      <c r="W491" s="129">
        <v>0</v>
      </c>
      <c r="X491" s="129">
        <v>0</v>
      </c>
      <c r="Y491" s="129">
        <v>0</v>
      </c>
      <c r="Z491" s="129">
        <v>0</v>
      </c>
      <c r="AA491" s="129">
        <v>0</v>
      </c>
      <c r="AB491" s="133">
        <v>0</v>
      </c>
      <c r="AC491" s="129">
        <v>0</v>
      </c>
      <c r="AD491" s="129">
        <v>0</v>
      </c>
      <c r="AE491" s="129">
        <v>0</v>
      </c>
      <c r="AF491" s="129">
        <v>0</v>
      </c>
      <c r="AG491" s="129">
        <v>0</v>
      </c>
      <c r="AH491" s="129">
        <v>0</v>
      </c>
      <c r="AI491" s="129">
        <v>0</v>
      </c>
      <c r="AJ491" s="129">
        <v>0</v>
      </c>
      <c r="AK491" s="129">
        <v>0</v>
      </c>
      <c r="AL491" s="129">
        <v>0</v>
      </c>
      <c r="AM491" s="129">
        <v>0</v>
      </c>
      <c r="AN491" s="133">
        <v>146000</v>
      </c>
      <c r="AO491" s="134"/>
    </row>
    <row r="492" spans="1:41" s="62" customFormat="1" hidden="1" outlineLevel="2">
      <c r="A492" s="61" t="s">
        <v>362</v>
      </c>
      <c r="B492" s="61" t="s">
        <v>363</v>
      </c>
      <c r="C492" s="71" t="s">
        <v>364</v>
      </c>
      <c r="D492" s="72" t="s">
        <v>1344</v>
      </c>
      <c r="E492" s="73"/>
      <c r="F492" s="62">
        <v>64324.46</v>
      </c>
      <c r="G492" s="62">
        <v>73197.009999999995</v>
      </c>
      <c r="H492" s="62">
        <f t="shared" si="76"/>
        <v>-8872.5499999999956</v>
      </c>
      <c r="J492" s="62">
        <v>73197.009999999995</v>
      </c>
      <c r="K492" s="62">
        <f t="shared" si="77"/>
        <v>-8872.5499999999956</v>
      </c>
      <c r="M492" s="62">
        <v>79227.78</v>
      </c>
      <c r="N492" s="62">
        <f t="shared" si="78"/>
        <v>-14903.32</v>
      </c>
      <c r="P492" s="74">
        <v>360779.77</v>
      </c>
      <c r="Q492" s="61">
        <v>330427.77</v>
      </c>
      <c r="R492" s="61">
        <v>334303.18</v>
      </c>
      <c r="S492" s="61">
        <v>321806.93</v>
      </c>
      <c r="T492" s="62">
        <v>323880</v>
      </c>
      <c r="U492" s="61">
        <v>282806.38</v>
      </c>
      <c r="V492" s="61">
        <v>226904.23</v>
      </c>
      <c r="W492" s="61">
        <v>68850.13</v>
      </c>
      <c r="X492" s="61">
        <v>77573.2</v>
      </c>
      <c r="Y492" s="61">
        <v>81604.479999999996</v>
      </c>
      <c r="Z492" s="61">
        <v>69669.81</v>
      </c>
      <c r="AA492" s="61">
        <v>77489.05</v>
      </c>
      <c r="AB492" s="75">
        <v>73197.009999999995</v>
      </c>
      <c r="AC492" s="61">
        <v>73197.009999999995</v>
      </c>
      <c r="AD492" s="61">
        <v>33115.090000000004</v>
      </c>
      <c r="AE492" s="61">
        <v>16216.49</v>
      </c>
      <c r="AF492" s="62">
        <v>34973.730000000003</v>
      </c>
      <c r="AG492" s="61">
        <v>42470.47</v>
      </c>
      <c r="AH492" s="61">
        <v>35715.450000000004</v>
      </c>
      <c r="AI492" s="61">
        <v>38312.370000000003</v>
      </c>
      <c r="AJ492" s="61">
        <v>64918.35</v>
      </c>
      <c r="AK492" s="61">
        <v>93548.180000000008</v>
      </c>
      <c r="AL492" s="61">
        <v>92433.930000000008</v>
      </c>
      <c r="AM492" s="61">
        <v>79227.78</v>
      </c>
      <c r="AN492" s="75">
        <v>64324.46</v>
      </c>
    </row>
    <row r="493" spans="1:41" s="114" customFormat="1" ht="15" hidden="1" customHeight="1" outlineLevel="1">
      <c r="A493" s="113" t="s">
        <v>1381</v>
      </c>
      <c r="B493" s="114" t="s">
        <v>2</v>
      </c>
      <c r="C493" s="135" t="s">
        <v>1382</v>
      </c>
      <c r="D493" s="147" t="s">
        <v>1344</v>
      </c>
      <c r="E493" s="117"/>
      <c r="F493" s="128">
        <v>64324.46</v>
      </c>
      <c r="G493" s="129">
        <v>73197.009999999995</v>
      </c>
      <c r="H493" s="129">
        <f t="shared" si="76"/>
        <v>-8872.5499999999956</v>
      </c>
      <c r="I493" s="130"/>
      <c r="J493" s="129">
        <v>73197.009999999995</v>
      </c>
      <c r="K493" s="129">
        <f t="shared" si="77"/>
        <v>-8872.5499999999956</v>
      </c>
      <c r="L493" s="129"/>
      <c r="M493" s="129">
        <v>79227.78</v>
      </c>
      <c r="N493" s="129">
        <f t="shared" si="78"/>
        <v>-14903.32</v>
      </c>
      <c r="O493" s="131"/>
      <c r="P493" s="132">
        <v>360779.77</v>
      </c>
      <c r="Q493" s="129">
        <v>330427.77</v>
      </c>
      <c r="R493" s="129">
        <v>334303.18</v>
      </c>
      <c r="S493" s="129">
        <v>321806.93</v>
      </c>
      <c r="T493" s="129">
        <v>323880</v>
      </c>
      <c r="U493" s="129">
        <v>282806.38</v>
      </c>
      <c r="V493" s="129">
        <v>226904.23</v>
      </c>
      <c r="W493" s="129">
        <v>68850.13</v>
      </c>
      <c r="X493" s="129">
        <v>77573.2</v>
      </c>
      <c r="Y493" s="129">
        <v>81604.479999999996</v>
      </c>
      <c r="Z493" s="129">
        <v>69669.81</v>
      </c>
      <c r="AA493" s="129">
        <v>77489.05</v>
      </c>
      <c r="AB493" s="133">
        <v>73197.009999999995</v>
      </c>
      <c r="AC493" s="129">
        <v>73197.009999999995</v>
      </c>
      <c r="AD493" s="129">
        <v>33115.090000000004</v>
      </c>
      <c r="AE493" s="129">
        <v>16216.49</v>
      </c>
      <c r="AF493" s="129">
        <v>34973.730000000003</v>
      </c>
      <c r="AG493" s="129">
        <v>42470.47</v>
      </c>
      <c r="AH493" s="129">
        <v>35715.450000000004</v>
      </c>
      <c r="AI493" s="129">
        <v>38312.370000000003</v>
      </c>
      <c r="AJ493" s="129">
        <v>64918.35</v>
      </c>
      <c r="AK493" s="129">
        <v>93548.180000000008</v>
      </c>
      <c r="AL493" s="129">
        <v>92433.930000000008</v>
      </c>
      <c r="AM493" s="129">
        <v>79227.78</v>
      </c>
      <c r="AN493" s="133">
        <v>64324.46</v>
      </c>
      <c r="AO493" s="134"/>
    </row>
    <row r="494" spans="1:41" s="62" customFormat="1" hidden="1" outlineLevel="2">
      <c r="A494" s="61" t="s">
        <v>662</v>
      </c>
      <c r="B494" s="61" t="s">
        <v>663</v>
      </c>
      <c r="C494" s="71" t="s">
        <v>664</v>
      </c>
      <c r="D494" s="72" t="s">
        <v>1344</v>
      </c>
      <c r="E494" s="73"/>
      <c r="F494" s="62">
        <v>1620542.1099999999</v>
      </c>
      <c r="G494" s="62">
        <v>4459000.0999999996</v>
      </c>
      <c r="H494" s="62">
        <f t="shared" si="76"/>
        <v>-2838457.9899999998</v>
      </c>
      <c r="J494" s="62">
        <v>4459000.0999999996</v>
      </c>
      <c r="K494" s="62">
        <f t="shared" si="77"/>
        <v>-2838457.9899999998</v>
      </c>
      <c r="M494" s="62">
        <v>1956028.54</v>
      </c>
      <c r="N494" s="62">
        <f t="shared" si="78"/>
        <v>-335486.43000000017</v>
      </c>
      <c r="P494" s="74">
        <v>1376129.07</v>
      </c>
      <c r="Q494" s="61">
        <v>1354215.99</v>
      </c>
      <c r="R494" s="61">
        <v>1859742.03</v>
      </c>
      <c r="S494" s="61">
        <v>1112454.75</v>
      </c>
      <c r="T494" s="62">
        <v>1415734.05</v>
      </c>
      <c r="U494" s="61">
        <v>2274869.65</v>
      </c>
      <c r="V494" s="61">
        <v>2254159.4300000002</v>
      </c>
      <c r="W494" s="61">
        <v>2203553.3199999998</v>
      </c>
      <c r="X494" s="61">
        <v>2489193.17</v>
      </c>
      <c r="Y494" s="61">
        <v>3217902.64</v>
      </c>
      <c r="Z494" s="61">
        <v>3598170.11</v>
      </c>
      <c r="AA494" s="61">
        <v>4732607.8600000003</v>
      </c>
      <c r="AB494" s="75">
        <v>4459000.0999999996</v>
      </c>
      <c r="AC494" s="61">
        <v>3379612.13</v>
      </c>
      <c r="AD494" s="61">
        <v>1987742.13</v>
      </c>
      <c r="AE494" s="61">
        <v>1903070.1800000002</v>
      </c>
      <c r="AF494" s="62">
        <v>1641853</v>
      </c>
      <c r="AG494" s="61">
        <v>2099077.71</v>
      </c>
      <c r="AH494" s="61">
        <v>1993310.9500000002</v>
      </c>
      <c r="AI494" s="61">
        <v>1964766.01</v>
      </c>
      <c r="AJ494" s="61">
        <v>1494571.15</v>
      </c>
      <c r="AK494" s="61">
        <v>1612598.3599999999</v>
      </c>
      <c r="AL494" s="61">
        <v>1616669.73</v>
      </c>
      <c r="AM494" s="61">
        <v>1956028.54</v>
      </c>
      <c r="AN494" s="75">
        <v>1620542.1099999999</v>
      </c>
    </row>
    <row r="495" spans="1:41" s="114" customFormat="1" ht="15" hidden="1" customHeight="1" outlineLevel="1">
      <c r="A495" s="113" t="s">
        <v>1383</v>
      </c>
      <c r="B495" s="114" t="s">
        <v>2</v>
      </c>
      <c r="C495" s="135" t="s">
        <v>1384</v>
      </c>
      <c r="D495" s="147" t="s">
        <v>1344</v>
      </c>
      <c r="E495" s="117"/>
      <c r="F495" s="128">
        <v>1620542.1099999999</v>
      </c>
      <c r="G495" s="129">
        <v>4459000.0999999996</v>
      </c>
      <c r="H495" s="129">
        <f t="shared" si="76"/>
        <v>-2838457.9899999998</v>
      </c>
      <c r="I495" s="130"/>
      <c r="J495" s="129">
        <v>4459000.0999999996</v>
      </c>
      <c r="K495" s="129">
        <f t="shared" si="77"/>
        <v>-2838457.9899999998</v>
      </c>
      <c r="L495" s="129"/>
      <c r="M495" s="129">
        <v>1956028.54</v>
      </c>
      <c r="N495" s="129">
        <f t="shared" si="78"/>
        <v>-335486.43000000017</v>
      </c>
      <c r="O495" s="131"/>
      <c r="P495" s="132">
        <v>1376129.07</v>
      </c>
      <c r="Q495" s="129">
        <v>1354215.99</v>
      </c>
      <c r="R495" s="129">
        <v>1859742.03</v>
      </c>
      <c r="S495" s="129">
        <v>1112454.75</v>
      </c>
      <c r="T495" s="129">
        <v>1415734.05</v>
      </c>
      <c r="U495" s="129">
        <v>2274869.65</v>
      </c>
      <c r="V495" s="129">
        <v>2254159.4300000002</v>
      </c>
      <c r="W495" s="129">
        <v>2203553.3199999998</v>
      </c>
      <c r="X495" s="129">
        <v>2489193.17</v>
      </c>
      <c r="Y495" s="129">
        <v>3217902.64</v>
      </c>
      <c r="Z495" s="129">
        <v>3598170.11</v>
      </c>
      <c r="AA495" s="129">
        <v>4732607.8600000003</v>
      </c>
      <c r="AB495" s="133">
        <v>4459000.0999999996</v>
      </c>
      <c r="AC495" s="129">
        <v>3379612.13</v>
      </c>
      <c r="AD495" s="129">
        <v>1987742.13</v>
      </c>
      <c r="AE495" s="129">
        <v>1903070.1800000002</v>
      </c>
      <c r="AF495" s="129">
        <v>1641853</v>
      </c>
      <c r="AG495" s="129">
        <v>2099077.71</v>
      </c>
      <c r="AH495" s="129">
        <v>1993310.9500000002</v>
      </c>
      <c r="AI495" s="129">
        <v>1964766.01</v>
      </c>
      <c r="AJ495" s="129">
        <v>1494571.15</v>
      </c>
      <c r="AK495" s="129">
        <v>1612598.3599999999</v>
      </c>
      <c r="AL495" s="129">
        <v>1616669.73</v>
      </c>
      <c r="AM495" s="129">
        <v>1956028.54</v>
      </c>
      <c r="AN495" s="133">
        <v>1620542.1099999999</v>
      </c>
      <c r="AO495" s="134"/>
    </row>
    <row r="496" spans="1:41" s="62" customFormat="1" hidden="1" outlineLevel="2">
      <c r="A496" s="61" t="s">
        <v>638</v>
      </c>
      <c r="B496" s="61" t="s">
        <v>639</v>
      </c>
      <c r="C496" s="71" t="s">
        <v>640</v>
      </c>
      <c r="D496" s="72" t="s">
        <v>1344</v>
      </c>
      <c r="E496" s="73"/>
      <c r="F496" s="62">
        <v>3142377.2420000001</v>
      </c>
      <c r="G496" s="62">
        <v>4989947.1919999998</v>
      </c>
      <c r="H496" s="62">
        <f t="shared" si="76"/>
        <v>-1847569.9499999997</v>
      </c>
      <c r="J496" s="62">
        <v>4989947.1919999998</v>
      </c>
      <c r="K496" s="62">
        <f t="shared" si="77"/>
        <v>-1847569.9499999997</v>
      </c>
      <c r="M496" s="62">
        <v>819981.81200000003</v>
      </c>
      <c r="N496" s="62">
        <f t="shared" si="78"/>
        <v>2322395.4300000002</v>
      </c>
      <c r="P496" s="74">
        <v>7740435.0420000004</v>
      </c>
      <c r="Q496" s="61">
        <v>7322433.2719999999</v>
      </c>
      <c r="R496" s="61">
        <v>1116722.3019999999</v>
      </c>
      <c r="S496" s="61">
        <v>3814049.102</v>
      </c>
      <c r="T496" s="62">
        <v>6381708.5020000003</v>
      </c>
      <c r="U496" s="61">
        <v>2665588.5219999999</v>
      </c>
      <c r="V496" s="61">
        <v>2175162.392</v>
      </c>
      <c r="W496" s="61">
        <v>4555086.9919999996</v>
      </c>
      <c r="X496" s="61">
        <v>774256.94200000004</v>
      </c>
      <c r="Y496" s="61">
        <v>1180467.7819999999</v>
      </c>
      <c r="Z496" s="61">
        <v>7663186.5520000001</v>
      </c>
      <c r="AA496" s="61">
        <v>1949574.352</v>
      </c>
      <c r="AB496" s="75">
        <v>4989947.1919999998</v>
      </c>
      <c r="AC496" s="61">
        <v>2935160.452</v>
      </c>
      <c r="AD496" s="61">
        <v>1253303.2620000001</v>
      </c>
      <c r="AE496" s="61">
        <v>2944408.1320000002</v>
      </c>
      <c r="AF496" s="62">
        <v>1701624.912</v>
      </c>
      <c r="AG496" s="61">
        <v>3422715.6719999998</v>
      </c>
      <c r="AH496" s="61">
        <v>3377205.102</v>
      </c>
      <c r="AI496" s="61">
        <v>1882744.7320000001</v>
      </c>
      <c r="AJ496" s="61">
        <v>718496.34199999995</v>
      </c>
      <c r="AK496" s="61">
        <v>1077185.392</v>
      </c>
      <c r="AL496" s="61">
        <v>763531.04200000002</v>
      </c>
      <c r="AM496" s="61">
        <v>819981.81200000003</v>
      </c>
      <c r="AN496" s="75">
        <v>3142377.2420000001</v>
      </c>
    </row>
    <row r="497" spans="1:41" s="114" customFormat="1" ht="15" hidden="1" customHeight="1" outlineLevel="1">
      <c r="A497" s="113" t="s">
        <v>1385</v>
      </c>
      <c r="B497" s="114" t="s">
        <v>2</v>
      </c>
      <c r="C497" s="135" t="s">
        <v>1386</v>
      </c>
      <c r="D497" s="147" t="s">
        <v>1344</v>
      </c>
      <c r="E497" s="117"/>
      <c r="F497" s="128">
        <v>3142377.2420000001</v>
      </c>
      <c r="G497" s="129">
        <v>4989947.1919999998</v>
      </c>
      <c r="H497" s="129">
        <f t="shared" si="76"/>
        <v>-1847569.9499999997</v>
      </c>
      <c r="I497" s="130"/>
      <c r="J497" s="129">
        <v>4989947.1919999998</v>
      </c>
      <c r="K497" s="129">
        <f t="shared" si="77"/>
        <v>-1847569.9499999997</v>
      </c>
      <c r="L497" s="129"/>
      <c r="M497" s="129">
        <v>819981.81200000003</v>
      </c>
      <c r="N497" s="129">
        <f t="shared" si="78"/>
        <v>2322395.4300000002</v>
      </c>
      <c r="O497" s="131"/>
      <c r="P497" s="132">
        <v>7740435.0420000004</v>
      </c>
      <c r="Q497" s="129">
        <v>7322433.2719999999</v>
      </c>
      <c r="R497" s="129">
        <v>1116722.3019999999</v>
      </c>
      <c r="S497" s="129">
        <v>3814049.102</v>
      </c>
      <c r="T497" s="129">
        <v>6381708.5020000003</v>
      </c>
      <c r="U497" s="129">
        <v>2665588.5219999999</v>
      </c>
      <c r="V497" s="129">
        <v>2175162.392</v>
      </c>
      <c r="W497" s="129">
        <v>4555086.9919999996</v>
      </c>
      <c r="X497" s="129">
        <v>774256.94200000004</v>
      </c>
      <c r="Y497" s="129">
        <v>1180467.7819999999</v>
      </c>
      <c r="Z497" s="129">
        <v>7663186.5520000001</v>
      </c>
      <c r="AA497" s="129">
        <v>1949574.352</v>
      </c>
      <c r="AB497" s="133">
        <v>4989947.1919999998</v>
      </c>
      <c r="AC497" s="129">
        <v>2935160.452</v>
      </c>
      <c r="AD497" s="129">
        <v>1253303.2620000001</v>
      </c>
      <c r="AE497" s="129">
        <v>2944408.1320000002</v>
      </c>
      <c r="AF497" s="129">
        <v>1701624.912</v>
      </c>
      <c r="AG497" s="129">
        <v>3422715.6719999998</v>
      </c>
      <c r="AH497" s="129">
        <v>3377205.102</v>
      </c>
      <c r="AI497" s="129">
        <v>1882744.7320000001</v>
      </c>
      <c r="AJ497" s="129">
        <v>718496.34199999995</v>
      </c>
      <c r="AK497" s="129">
        <v>1077185.392</v>
      </c>
      <c r="AL497" s="129">
        <v>763531.04200000002</v>
      </c>
      <c r="AM497" s="129">
        <v>819981.81200000003</v>
      </c>
      <c r="AN497" s="133">
        <v>3142377.2420000001</v>
      </c>
      <c r="AO497" s="134"/>
    </row>
    <row r="498" spans="1:41" s="114" customFormat="1" ht="15" hidden="1" customHeight="1" outlineLevel="1">
      <c r="A498" s="113" t="s">
        <v>1387</v>
      </c>
      <c r="B498" s="114" t="s">
        <v>2</v>
      </c>
      <c r="C498" s="135" t="s">
        <v>1388</v>
      </c>
      <c r="D498" s="147" t="s">
        <v>1344</v>
      </c>
      <c r="E498" s="117"/>
      <c r="F498" s="128">
        <v>0</v>
      </c>
      <c r="G498" s="129">
        <v>0</v>
      </c>
      <c r="H498" s="129">
        <f t="shared" si="76"/>
        <v>0</v>
      </c>
      <c r="I498" s="130"/>
      <c r="J498" s="129">
        <v>0</v>
      </c>
      <c r="K498" s="129">
        <f t="shared" si="77"/>
        <v>0</v>
      </c>
      <c r="L498" s="129"/>
      <c r="M498" s="129">
        <v>0</v>
      </c>
      <c r="N498" s="129">
        <f t="shared" si="78"/>
        <v>0</v>
      </c>
      <c r="O498" s="131"/>
      <c r="P498" s="132">
        <v>0</v>
      </c>
      <c r="Q498" s="129">
        <v>0</v>
      </c>
      <c r="R498" s="129">
        <v>0</v>
      </c>
      <c r="S498" s="129">
        <v>0</v>
      </c>
      <c r="T498" s="129">
        <v>0</v>
      </c>
      <c r="U498" s="129">
        <v>0</v>
      </c>
      <c r="V498" s="129">
        <v>0</v>
      </c>
      <c r="W498" s="129">
        <v>0</v>
      </c>
      <c r="X498" s="129">
        <v>0</v>
      </c>
      <c r="Y498" s="129">
        <v>0</v>
      </c>
      <c r="Z498" s="129">
        <v>0</v>
      </c>
      <c r="AA498" s="129">
        <v>0</v>
      </c>
      <c r="AB498" s="133">
        <v>0</v>
      </c>
      <c r="AC498" s="129">
        <v>0</v>
      </c>
      <c r="AD498" s="129">
        <v>0</v>
      </c>
      <c r="AE498" s="129">
        <v>0</v>
      </c>
      <c r="AF498" s="129">
        <v>0</v>
      </c>
      <c r="AG498" s="129">
        <v>0</v>
      </c>
      <c r="AH498" s="129">
        <v>0</v>
      </c>
      <c r="AI498" s="129">
        <v>0</v>
      </c>
      <c r="AJ498" s="129">
        <v>0</v>
      </c>
      <c r="AK498" s="129">
        <v>0</v>
      </c>
      <c r="AL498" s="129">
        <v>0</v>
      </c>
      <c r="AM498" s="129">
        <v>0</v>
      </c>
      <c r="AN498" s="133">
        <v>0</v>
      </c>
      <c r="AO498" s="134"/>
    </row>
    <row r="499" spans="1:41" s="62" customFormat="1" hidden="1" outlineLevel="2">
      <c r="A499" s="61" t="s">
        <v>374</v>
      </c>
      <c r="B499" s="61" t="s">
        <v>375</v>
      </c>
      <c r="C499" s="71" t="s">
        <v>376</v>
      </c>
      <c r="D499" s="72" t="s">
        <v>1344</v>
      </c>
      <c r="E499" s="73"/>
      <c r="F499" s="62">
        <v>0</v>
      </c>
      <c r="G499" s="62">
        <v>142019.29</v>
      </c>
      <c r="H499" s="62">
        <f t="shared" si="76"/>
        <v>-142019.29</v>
      </c>
      <c r="J499" s="62">
        <v>142019.29</v>
      </c>
      <c r="K499" s="62">
        <f t="shared" si="77"/>
        <v>-142019.29</v>
      </c>
      <c r="M499" s="62">
        <v>0</v>
      </c>
      <c r="N499" s="62">
        <f t="shared" si="78"/>
        <v>0</v>
      </c>
      <c r="P499" s="74">
        <v>131391.81</v>
      </c>
      <c r="Q499" s="61">
        <v>0</v>
      </c>
      <c r="R499" s="61">
        <v>0</v>
      </c>
      <c r="S499" s="61">
        <v>0</v>
      </c>
      <c r="T499" s="62">
        <v>0</v>
      </c>
      <c r="U499" s="61">
        <v>0</v>
      </c>
      <c r="V499" s="61">
        <v>0</v>
      </c>
      <c r="W499" s="61">
        <v>0</v>
      </c>
      <c r="X499" s="61">
        <v>0</v>
      </c>
      <c r="Y499" s="61">
        <v>0</v>
      </c>
      <c r="Z499" s="61">
        <v>0</v>
      </c>
      <c r="AA499" s="61">
        <v>0</v>
      </c>
      <c r="AB499" s="75">
        <v>142019.29</v>
      </c>
      <c r="AC499" s="61">
        <v>168384.30000000002</v>
      </c>
      <c r="AD499" s="61">
        <v>0</v>
      </c>
      <c r="AE499" s="61">
        <v>0</v>
      </c>
      <c r="AF499" s="62">
        <v>0</v>
      </c>
      <c r="AG499" s="61">
        <v>0</v>
      </c>
      <c r="AH499" s="61">
        <v>0</v>
      </c>
      <c r="AI499" s="61">
        <v>0</v>
      </c>
      <c r="AJ499" s="61">
        <v>0</v>
      </c>
      <c r="AK499" s="61">
        <v>0</v>
      </c>
      <c r="AL499" s="61">
        <v>0</v>
      </c>
      <c r="AM499" s="61">
        <v>0</v>
      </c>
      <c r="AN499" s="75">
        <v>0</v>
      </c>
    </row>
    <row r="500" spans="1:41" s="62" customFormat="1" hidden="1" outlineLevel="2">
      <c r="A500" s="61" t="s">
        <v>1389</v>
      </c>
      <c r="B500" s="61" t="s">
        <v>1390</v>
      </c>
      <c r="C500" s="71" t="s">
        <v>1391</v>
      </c>
      <c r="D500" s="72" t="s">
        <v>1344</v>
      </c>
      <c r="E500" s="73"/>
      <c r="F500" s="62">
        <v>0</v>
      </c>
      <c r="G500" s="62">
        <v>0</v>
      </c>
      <c r="H500" s="62">
        <f t="shared" si="76"/>
        <v>0</v>
      </c>
      <c r="J500" s="62">
        <v>0</v>
      </c>
      <c r="K500" s="62">
        <f t="shared" si="77"/>
        <v>0</v>
      </c>
      <c r="M500" s="62">
        <v>0</v>
      </c>
      <c r="N500" s="62">
        <f t="shared" si="78"/>
        <v>0</v>
      </c>
      <c r="P500" s="74">
        <v>0</v>
      </c>
      <c r="Q500" s="61">
        <v>0</v>
      </c>
      <c r="R500" s="61">
        <v>0</v>
      </c>
      <c r="S500" s="61">
        <v>0</v>
      </c>
      <c r="T500" s="62">
        <v>0</v>
      </c>
      <c r="U500" s="61">
        <v>0</v>
      </c>
      <c r="V500" s="61">
        <v>0</v>
      </c>
      <c r="W500" s="61">
        <v>0</v>
      </c>
      <c r="X500" s="61">
        <v>0</v>
      </c>
      <c r="Y500" s="61">
        <v>0</v>
      </c>
      <c r="Z500" s="61">
        <v>0</v>
      </c>
      <c r="AA500" s="61">
        <v>0</v>
      </c>
      <c r="AB500" s="75">
        <v>0</v>
      </c>
      <c r="AC500" s="61">
        <v>0</v>
      </c>
      <c r="AD500" s="61">
        <v>0</v>
      </c>
      <c r="AE500" s="61">
        <v>0</v>
      </c>
      <c r="AF500" s="62">
        <v>0</v>
      </c>
      <c r="AG500" s="61">
        <v>0</v>
      </c>
      <c r="AH500" s="61">
        <v>0</v>
      </c>
      <c r="AI500" s="61">
        <v>0</v>
      </c>
      <c r="AJ500" s="61">
        <v>0</v>
      </c>
      <c r="AK500" s="61">
        <v>0</v>
      </c>
      <c r="AL500" s="61">
        <v>0</v>
      </c>
      <c r="AM500" s="61">
        <v>0</v>
      </c>
      <c r="AN500" s="75">
        <v>0</v>
      </c>
    </row>
    <row r="501" spans="1:41" s="62" customFormat="1" hidden="1" outlineLevel="2">
      <c r="A501" s="61" t="s">
        <v>377</v>
      </c>
      <c r="B501" s="61" t="s">
        <v>378</v>
      </c>
      <c r="C501" s="71" t="s">
        <v>379</v>
      </c>
      <c r="D501" s="72" t="s">
        <v>1344</v>
      </c>
      <c r="E501" s="73"/>
      <c r="F501" s="62">
        <v>233668.14</v>
      </c>
      <c r="G501" s="62">
        <v>279280.14</v>
      </c>
      <c r="H501" s="62">
        <f t="shared" si="76"/>
        <v>-45612</v>
      </c>
      <c r="J501" s="62">
        <v>279280.14</v>
      </c>
      <c r="K501" s="62">
        <f t="shared" si="77"/>
        <v>-45612</v>
      </c>
      <c r="M501" s="62">
        <v>557253</v>
      </c>
      <c r="N501" s="62">
        <f t="shared" si="78"/>
        <v>-323584.86</v>
      </c>
      <c r="P501" s="74">
        <v>0</v>
      </c>
      <c r="Q501" s="61">
        <v>0</v>
      </c>
      <c r="R501" s="61">
        <v>0</v>
      </c>
      <c r="S501" s="61">
        <v>0</v>
      </c>
      <c r="T501" s="62">
        <v>0</v>
      </c>
      <c r="U501" s="61">
        <v>0</v>
      </c>
      <c r="V501" s="61">
        <v>0</v>
      </c>
      <c r="W501" s="61">
        <v>0</v>
      </c>
      <c r="X501" s="61">
        <v>0</v>
      </c>
      <c r="Y501" s="61">
        <v>0</v>
      </c>
      <c r="Z501" s="61">
        <v>177690.86000000002</v>
      </c>
      <c r="AA501" s="61">
        <v>228420.46</v>
      </c>
      <c r="AB501" s="75">
        <v>279280.14</v>
      </c>
      <c r="AC501" s="61">
        <v>330160.60000000003</v>
      </c>
      <c r="AD501" s="61">
        <v>381037.52</v>
      </c>
      <c r="AE501" s="61">
        <v>350040.45</v>
      </c>
      <c r="AF501" s="62">
        <v>376496.76</v>
      </c>
      <c r="AG501" s="61">
        <v>352075.82</v>
      </c>
      <c r="AH501" s="61">
        <v>342576.3</v>
      </c>
      <c r="AI501" s="61">
        <v>355540.5</v>
      </c>
      <c r="AJ501" s="61">
        <v>405975.8</v>
      </c>
      <c r="AK501" s="61">
        <v>456534.5</v>
      </c>
      <c r="AL501" s="61">
        <v>506917.8</v>
      </c>
      <c r="AM501" s="61">
        <v>557253</v>
      </c>
      <c r="AN501" s="75">
        <v>233668.14</v>
      </c>
    </row>
    <row r="502" spans="1:41" s="62" customFormat="1" hidden="1" outlineLevel="2">
      <c r="A502" s="61" t="s">
        <v>641</v>
      </c>
      <c r="B502" s="61" t="s">
        <v>642</v>
      </c>
      <c r="C502" s="71" t="s">
        <v>643</v>
      </c>
      <c r="D502" s="72" t="s">
        <v>1344</v>
      </c>
      <c r="E502" s="73"/>
      <c r="F502" s="62">
        <v>5200.4000000000005</v>
      </c>
      <c r="G502" s="62">
        <v>4359.2240000000002</v>
      </c>
      <c r="H502" s="62">
        <f t="shared" si="76"/>
        <v>841.17600000000039</v>
      </c>
      <c r="J502" s="62">
        <v>4359.2240000000002</v>
      </c>
      <c r="K502" s="62">
        <f t="shared" si="77"/>
        <v>841.17600000000039</v>
      </c>
      <c r="M502" s="62">
        <v>5080.4000000000005</v>
      </c>
      <c r="N502" s="62">
        <f t="shared" si="78"/>
        <v>120</v>
      </c>
      <c r="P502" s="74">
        <v>4927.8040000000001</v>
      </c>
      <c r="Q502" s="61">
        <v>4927.8040000000001</v>
      </c>
      <c r="R502" s="61">
        <v>4927.8040000000001</v>
      </c>
      <c r="S502" s="61">
        <v>5317.7440000000006</v>
      </c>
      <c r="T502" s="62">
        <v>5317.7440000000006</v>
      </c>
      <c r="U502" s="61">
        <v>5314.5439999999999</v>
      </c>
      <c r="V502" s="61">
        <v>5484.5439999999999</v>
      </c>
      <c r="W502" s="61">
        <v>56400.364000000001</v>
      </c>
      <c r="X502" s="61">
        <v>51613.374000000003</v>
      </c>
      <c r="Y502" s="61">
        <v>52264.194000000003</v>
      </c>
      <c r="Z502" s="61">
        <v>4359.2240000000002</v>
      </c>
      <c r="AA502" s="61">
        <v>4359.2240000000002</v>
      </c>
      <c r="AB502" s="75">
        <v>4359.2240000000002</v>
      </c>
      <c r="AC502" s="61">
        <v>4359.2240000000002</v>
      </c>
      <c r="AD502" s="61">
        <v>4359.2240000000002</v>
      </c>
      <c r="AE502" s="61">
        <v>4686.6440000000002</v>
      </c>
      <c r="AF502" s="62">
        <v>4686.6400000000003</v>
      </c>
      <c r="AG502" s="61">
        <v>4569.9800000000005</v>
      </c>
      <c r="AH502" s="61">
        <v>4604.9800000000005</v>
      </c>
      <c r="AI502" s="61">
        <v>68675.19</v>
      </c>
      <c r="AJ502" s="61">
        <v>63024.24</v>
      </c>
      <c r="AK502" s="61">
        <v>59807.31</v>
      </c>
      <c r="AL502" s="61">
        <v>5080.4000000000005</v>
      </c>
      <c r="AM502" s="61">
        <v>5080.4000000000005</v>
      </c>
      <c r="AN502" s="75">
        <v>5200.4000000000005</v>
      </c>
    </row>
    <row r="503" spans="1:41" s="62" customFormat="1" hidden="1" outlineLevel="2">
      <c r="A503" s="61" t="s">
        <v>644</v>
      </c>
      <c r="B503" s="61" t="s">
        <v>645</v>
      </c>
      <c r="C503" s="71" t="s">
        <v>646</v>
      </c>
      <c r="D503" s="72" t="s">
        <v>1344</v>
      </c>
      <c r="E503" s="73"/>
      <c r="F503" s="62">
        <v>79529.33</v>
      </c>
      <c r="G503" s="62">
        <v>75226.39</v>
      </c>
      <c r="H503" s="62">
        <f t="shared" si="76"/>
        <v>4302.9400000000023</v>
      </c>
      <c r="J503" s="62">
        <v>75226.39</v>
      </c>
      <c r="K503" s="62">
        <f t="shared" si="77"/>
        <v>4302.9400000000023</v>
      </c>
      <c r="M503" s="62">
        <v>69623.86</v>
      </c>
      <c r="N503" s="62">
        <f t="shared" si="78"/>
        <v>9905.4700000000012</v>
      </c>
      <c r="P503" s="74">
        <v>78866.509999999995</v>
      </c>
      <c r="Q503" s="61">
        <v>73283.59</v>
      </c>
      <c r="R503" s="61">
        <v>83781.16</v>
      </c>
      <c r="S503" s="61">
        <v>93392.180000000008</v>
      </c>
      <c r="T503" s="62">
        <v>86304.99</v>
      </c>
      <c r="U503" s="61">
        <v>94271.48</v>
      </c>
      <c r="V503" s="61">
        <v>82299.520000000004</v>
      </c>
      <c r="W503" s="61">
        <v>60835.05</v>
      </c>
      <c r="X503" s="61">
        <v>57103.340000000004</v>
      </c>
      <c r="Y503" s="61">
        <v>67958.23</v>
      </c>
      <c r="Z503" s="61">
        <v>55392.22</v>
      </c>
      <c r="AA503" s="61">
        <v>66338.12</v>
      </c>
      <c r="AB503" s="75">
        <v>75226.39</v>
      </c>
      <c r="AC503" s="61">
        <v>69769.240000000005</v>
      </c>
      <c r="AD503" s="61">
        <v>81450.73</v>
      </c>
      <c r="AE503" s="61">
        <v>91786.240000000005</v>
      </c>
      <c r="AF503" s="62">
        <v>85026.61</v>
      </c>
      <c r="AG503" s="61">
        <v>93519.07</v>
      </c>
      <c r="AH503" s="61">
        <v>81945.56</v>
      </c>
      <c r="AI503" s="61">
        <v>59255.37</v>
      </c>
      <c r="AJ503" s="61">
        <v>53876.81</v>
      </c>
      <c r="AK503" s="61">
        <v>64802.15</v>
      </c>
      <c r="AL503" s="61">
        <v>57676.770000000004</v>
      </c>
      <c r="AM503" s="61">
        <v>69623.86</v>
      </c>
      <c r="AN503" s="75">
        <v>79529.33</v>
      </c>
    </row>
    <row r="504" spans="1:41" s="62" customFormat="1" hidden="1" outlineLevel="2">
      <c r="A504" s="61" t="s">
        <v>1392</v>
      </c>
      <c r="B504" s="61" t="s">
        <v>1393</v>
      </c>
      <c r="C504" s="71" t="s">
        <v>855</v>
      </c>
      <c r="D504" s="72" t="s">
        <v>1344</v>
      </c>
      <c r="E504" s="73"/>
      <c r="F504" s="62">
        <v>0</v>
      </c>
      <c r="G504" s="62">
        <v>0</v>
      </c>
      <c r="H504" s="62">
        <f t="shared" si="76"/>
        <v>0</v>
      </c>
      <c r="J504" s="62">
        <v>0</v>
      </c>
      <c r="K504" s="62">
        <f t="shared" si="77"/>
        <v>0</v>
      </c>
      <c r="M504" s="62">
        <v>0</v>
      </c>
      <c r="N504" s="62">
        <f t="shared" si="78"/>
        <v>0</v>
      </c>
      <c r="P504" s="74">
        <v>0</v>
      </c>
      <c r="Q504" s="61">
        <v>0</v>
      </c>
      <c r="R504" s="61">
        <v>0</v>
      </c>
      <c r="S504" s="61">
        <v>0</v>
      </c>
      <c r="T504" s="62">
        <v>0</v>
      </c>
      <c r="U504" s="61">
        <v>0</v>
      </c>
      <c r="V504" s="61">
        <v>0</v>
      </c>
      <c r="W504" s="61">
        <v>0</v>
      </c>
      <c r="X504" s="61">
        <v>0</v>
      </c>
      <c r="Y504" s="61">
        <v>0</v>
      </c>
      <c r="Z504" s="61">
        <v>0</v>
      </c>
      <c r="AA504" s="61">
        <v>0</v>
      </c>
      <c r="AB504" s="75">
        <v>0</v>
      </c>
      <c r="AC504" s="61">
        <v>0</v>
      </c>
      <c r="AD504" s="61">
        <v>0</v>
      </c>
      <c r="AE504" s="61">
        <v>0</v>
      </c>
      <c r="AF504" s="62">
        <v>0</v>
      </c>
      <c r="AG504" s="61">
        <v>0</v>
      </c>
      <c r="AH504" s="61">
        <v>0</v>
      </c>
      <c r="AI504" s="61">
        <v>0</v>
      </c>
      <c r="AJ504" s="61">
        <v>0</v>
      </c>
      <c r="AK504" s="61">
        <v>0</v>
      </c>
      <c r="AL504" s="61">
        <v>0</v>
      </c>
      <c r="AM504" s="61">
        <v>0</v>
      </c>
      <c r="AN504" s="75">
        <v>0</v>
      </c>
    </row>
    <row r="505" spans="1:41" s="62" customFormat="1" hidden="1" outlineLevel="2">
      <c r="A505" s="61" t="s">
        <v>1394</v>
      </c>
      <c r="B505" s="61" t="s">
        <v>1395</v>
      </c>
      <c r="C505" s="71" t="s">
        <v>1396</v>
      </c>
      <c r="D505" s="72" t="s">
        <v>1344</v>
      </c>
      <c r="E505" s="73"/>
      <c r="F505" s="62">
        <v>0</v>
      </c>
      <c r="G505" s="62">
        <v>0</v>
      </c>
      <c r="H505" s="62">
        <f t="shared" si="76"/>
        <v>0</v>
      </c>
      <c r="J505" s="62">
        <v>0</v>
      </c>
      <c r="K505" s="62">
        <f t="shared" si="77"/>
        <v>0</v>
      </c>
      <c r="M505" s="62">
        <v>0</v>
      </c>
      <c r="N505" s="62">
        <f t="shared" si="78"/>
        <v>0</v>
      </c>
      <c r="P505" s="74">
        <v>0</v>
      </c>
      <c r="Q505" s="61">
        <v>0</v>
      </c>
      <c r="R505" s="61">
        <v>0</v>
      </c>
      <c r="S505" s="61">
        <v>0</v>
      </c>
      <c r="T505" s="62">
        <v>0</v>
      </c>
      <c r="U505" s="61">
        <v>0</v>
      </c>
      <c r="V505" s="61">
        <v>0</v>
      </c>
      <c r="W505" s="61">
        <v>0</v>
      </c>
      <c r="X505" s="61">
        <v>0</v>
      </c>
      <c r="Y505" s="61">
        <v>0</v>
      </c>
      <c r="Z505" s="61">
        <v>0</v>
      </c>
      <c r="AA505" s="61">
        <v>0</v>
      </c>
      <c r="AB505" s="75">
        <v>0</v>
      </c>
      <c r="AC505" s="61">
        <v>0</v>
      </c>
      <c r="AD505" s="61">
        <v>0</v>
      </c>
      <c r="AE505" s="61">
        <v>0</v>
      </c>
      <c r="AF505" s="62">
        <v>0</v>
      </c>
      <c r="AG505" s="61">
        <v>0</v>
      </c>
      <c r="AH505" s="61">
        <v>0</v>
      </c>
      <c r="AI505" s="61">
        <v>0</v>
      </c>
      <c r="AJ505" s="61">
        <v>0</v>
      </c>
      <c r="AK505" s="61">
        <v>0</v>
      </c>
      <c r="AL505" s="61">
        <v>0</v>
      </c>
      <c r="AM505" s="61">
        <v>0</v>
      </c>
      <c r="AN505" s="75">
        <v>0</v>
      </c>
    </row>
    <row r="506" spans="1:41" s="62" customFormat="1" hidden="1" outlineLevel="2">
      <c r="A506" s="61" t="s">
        <v>853</v>
      </c>
      <c r="B506" s="61" t="s">
        <v>854</v>
      </c>
      <c r="C506" s="71" t="s">
        <v>855</v>
      </c>
      <c r="D506" s="72" t="s">
        <v>1344</v>
      </c>
      <c r="E506" s="73"/>
      <c r="F506" s="62">
        <v>0</v>
      </c>
      <c r="G506" s="62">
        <v>0</v>
      </c>
      <c r="H506" s="62">
        <f t="shared" si="76"/>
        <v>0</v>
      </c>
      <c r="J506" s="62">
        <v>0</v>
      </c>
      <c r="K506" s="62">
        <f t="shared" si="77"/>
        <v>0</v>
      </c>
      <c r="M506" s="62">
        <v>0</v>
      </c>
      <c r="N506" s="62">
        <f t="shared" si="78"/>
        <v>0</v>
      </c>
      <c r="P506" s="74">
        <v>0</v>
      </c>
      <c r="Q506" s="61">
        <v>594.79</v>
      </c>
      <c r="R506" s="61">
        <v>0</v>
      </c>
      <c r="S506" s="61">
        <v>0</v>
      </c>
      <c r="T506" s="62">
        <v>0</v>
      </c>
      <c r="U506" s="61">
        <v>0</v>
      </c>
      <c r="V506" s="61">
        <v>0</v>
      </c>
      <c r="W506" s="61">
        <v>0</v>
      </c>
      <c r="X506" s="61">
        <v>0</v>
      </c>
      <c r="Y506" s="61">
        <v>1753.43</v>
      </c>
      <c r="Z506" s="61">
        <v>0</v>
      </c>
      <c r="AA506" s="61">
        <v>106.46000000000001</v>
      </c>
      <c r="AB506" s="75">
        <v>0</v>
      </c>
      <c r="AC506" s="61">
        <v>0</v>
      </c>
      <c r="AD506" s="61">
        <v>0</v>
      </c>
      <c r="AE506" s="61">
        <v>0</v>
      </c>
      <c r="AF506" s="62">
        <v>0</v>
      </c>
      <c r="AG506" s="61">
        <v>0</v>
      </c>
      <c r="AH506" s="61">
        <v>0</v>
      </c>
      <c r="AI506" s="61">
        <v>0</v>
      </c>
      <c r="AJ506" s="61">
        <v>0</v>
      </c>
      <c r="AK506" s="61">
        <v>0</v>
      </c>
      <c r="AL506" s="61">
        <v>0</v>
      </c>
      <c r="AM506" s="61">
        <v>0</v>
      </c>
      <c r="AN506" s="75">
        <v>0</v>
      </c>
    </row>
    <row r="507" spans="1:41" s="62" customFormat="1" hidden="1" outlineLevel="2">
      <c r="A507" s="61" t="s">
        <v>856</v>
      </c>
      <c r="B507" s="61" t="s">
        <v>857</v>
      </c>
      <c r="C507" s="71" t="s">
        <v>855</v>
      </c>
      <c r="D507" s="72" t="s">
        <v>1344</v>
      </c>
      <c r="E507" s="73"/>
      <c r="F507" s="62">
        <v>0</v>
      </c>
      <c r="G507" s="62">
        <v>0</v>
      </c>
      <c r="H507" s="62">
        <f t="shared" si="76"/>
        <v>0</v>
      </c>
      <c r="J507" s="62">
        <v>0</v>
      </c>
      <c r="K507" s="62">
        <f t="shared" si="77"/>
        <v>0</v>
      </c>
      <c r="M507" s="62">
        <v>3653.23</v>
      </c>
      <c r="N507" s="62">
        <f t="shared" si="78"/>
        <v>-3653.23</v>
      </c>
      <c r="P507" s="74">
        <v>0</v>
      </c>
      <c r="Q507" s="61">
        <v>0</v>
      </c>
      <c r="R507" s="61">
        <v>0</v>
      </c>
      <c r="S507" s="61">
        <v>0</v>
      </c>
      <c r="T507" s="62">
        <v>0</v>
      </c>
      <c r="U507" s="61">
        <v>0</v>
      </c>
      <c r="V507" s="61">
        <v>0</v>
      </c>
      <c r="W507" s="61">
        <v>0</v>
      </c>
      <c r="X507" s="61">
        <v>0</v>
      </c>
      <c r="Y507" s="61">
        <v>0</v>
      </c>
      <c r="Z507" s="61">
        <v>0</v>
      </c>
      <c r="AA507" s="61">
        <v>0</v>
      </c>
      <c r="AB507" s="75">
        <v>0</v>
      </c>
      <c r="AC507" s="61">
        <v>1218.17</v>
      </c>
      <c r="AD507" s="61">
        <v>0</v>
      </c>
      <c r="AE507" s="61">
        <v>0</v>
      </c>
      <c r="AF507" s="62">
        <v>599.76</v>
      </c>
      <c r="AG507" s="61">
        <v>10303.23</v>
      </c>
      <c r="AH507" s="61">
        <v>0</v>
      </c>
      <c r="AI507" s="61">
        <v>0</v>
      </c>
      <c r="AJ507" s="61">
        <v>0</v>
      </c>
      <c r="AK507" s="61">
        <v>0</v>
      </c>
      <c r="AL507" s="61">
        <v>131.52000000000001</v>
      </c>
      <c r="AM507" s="61">
        <v>3653.23</v>
      </c>
      <c r="AN507" s="75">
        <v>0</v>
      </c>
    </row>
    <row r="508" spans="1:41" s="62" customFormat="1" hidden="1" outlineLevel="2">
      <c r="A508" s="61" t="s">
        <v>389</v>
      </c>
      <c r="B508" s="61" t="s">
        <v>390</v>
      </c>
      <c r="C508" s="71" t="s">
        <v>391</v>
      </c>
      <c r="D508" s="72" t="s">
        <v>1344</v>
      </c>
      <c r="E508" s="73"/>
      <c r="F508" s="62">
        <v>42.448</v>
      </c>
      <c r="G508" s="62">
        <v>54.408000000000001</v>
      </c>
      <c r="H508" s="62">
        <f t="shared" si="76"/>
        <v>-11.96</v>
      </c>
      <c r="J508" s="62">
        <v>54.408000000000001</v>
      </c>
      <c r="K508" s="62">
        <f t="shared" si="77"/>
        <v>-11.96</v>
      </c>
      <c r="M508" s="62">
        <v>-10814.802</v>
      </c>
      <c r="N508" s="62">
        <f t="shared" si="78"/>
        <v>10857.25</v>
      </c>
      <c r="P508" s="74">
        <v>228.238</v>
      </c>
      <c r="Q508" s="61">
        <v>10570.958000000001</v>
      </c>
      <c r="R508" s="61">
        <v>21983.027999999998</v>
      </c>
      <c r="S508" s="61">
        <v>33046.067999999999</v>
      </c>
      <c r="T508" s="62">
        <v>43855.188000000002</v>
      </c>
      <c r="U508" s="61">
        <v>-10599.492</v>
      </c>
      <c r="V508" s="61">
        <v>209.62800000000001</v>
      </c>
      <c r="W508" s="61">
        <v>11272.668</v>
      </c>
      <c r="X508" s="61">
        <v>22081.788</v>
      </c>
      <c r="Y508" s="61">
        <v>33144.828000000001</v>
      </c>
      <c r="Z508" s="61">
        <v>-21338.302</v>
      </c>
      <c r="AA508" s="61">
        <v>-10535.062</v>
      </c>
      <c r="AB508" s="75">
        <v>54.408000000000001</v>
      </c>
      <c r="AC508" s="61">
        <v>11034.998</v>
      </c>
      <c r="AD508" s="61">
        <v>22015.588</v>
      </c>
      <c r="AE508" s="61">
        <v>32744.097999999998</v>
      </c>
      <c r="AF508" s="62">
        <v>44432.328000000001</v>
      </c>
      <c r="AG508" s="61">
        <v>-10874.812</v>
      </c>
      <c r="AH508" s="61">
        <v>102.53800000000001</v>
      </c>
      <c r="AI508" s="61">
        <v>11320.088</v>
      </c>
      <c r="AJ508" s="61">
        <v>22537.637999999999</v>
      </c>
      <c r="AK508" s="61">
        <v>33514.987999999998</v>
      </c>
      <c r="AL508" s="61">
        <v>-22032.351999999999</v>
      </c>
      <c r="AM508" s="61">
        <v>-10814.802</v>
      </c>
      <c r="AN508" s="75">
        <v>42.448</v>
      </c>
    </row>
    <row r="509" spans="1:41" s="62" customFormat="1" hidden="1" outlineLevel="2">
      <c r="A509" s="61" t="s">
        <v>665</v>
      </c>
      <c r="B509" s="61" t="s">
        <v>666</v>
      </c>
      <c r="C509" s="71" t="s">
        <v>667</v>
      </c>
      <c r="D509" s="72" t="s">
        <v>1344</v>
      </c>
      <c r="E509" s="73"/>
      <c r="F509" s="62">
        <v>83275.490000000005</v>
      </c>
      <c r="G509" s="62">
        <v>91780.42</v>
      </c>
      <c r="H509" s="62">
        <f t="shared" si="76"/>
        <v>-8504.929999999993</v>
      </c>
      <c r="J509" s="62">
        <v>91780.42</v>
      </c>
      <c r="K509" s="62">
        <f t="shared" si="77"/>
        <v>-8504.929999999993</v>
      </c>
      <c r="M509" s="62">
        <v>129813.18000000001</v>
      </c>
      <c r="N509" s="62">
        <f t="shared" si="78"/>
        <v>-46537.69</v>
      </c>
      <c r="P509" s="74">
        <v>90446.1</v>
      </c>
      <c r="Q509" s="61">
        <v>38185.85</v>
      </c>
      <c r="R509" s="61">
        <v>257158.48</v>
      </c>
      <c r="S509" s="61">
        <v>204199.35</v>
      </c>
      <c r="T509" s="62">
        <v>151240.22</v>
      </c>
      <c r="U509" s="61">
        <v>98281.09</v>
      </c>
      <c r="V509" s="61">
        <v>45321.96</v>
      </c>
      <c r="W509" s="61">
        <v>97643.8</v>
      </c>
      <c r="X509" s="61">
        <v>318235.58</v>
      </c>
      <c r="Y509" s="61">
        <v>233968.93</v>
      </c>
      <c r="Z509" s="61">
        <v>186572.76</v>
      </c>
      <c r="AA509" s="61">
        <v>139176.59</v>
      </c>
      <c r="AB509" s="75">
        <v>91780.42</v>
      </c>
      <c r="AC509" s="61">
        <v>44383.54</v>
      </c>
      <c r="AD509" s="61">
        <v>231577.57</v>
      </c>
      <c r="AE509" s="61">
        <v>183486.71</v>
      </c>
      <c r="AF509" s="62">
        <v>135395.85</v>
      </c>
      <c r="AG509" s="61">
        <v>87304.99</v>
      </c>
      <c r="AH509" s="61">
        <v>39214.129999999997</v>
      </c>
      <c r="AI509" s="61">
        <v>80823.100000000006</v>
      </c>
      <c r="AJ509" s="61">
        <v>269426.25</v>
      </c>
      <c r="AK509" s="61">
        <v>222888.56</v>
      </c>
      <c r="AL509" s="61">
        <v>176350.87</v>
      </c>
      <c r="AM509" s="61">
        <v>129813.18000000001</v>
      </c>
      <c r="AN509" s="75">
        <v>83275.490000000005</v>
      </c>
    </row>
    <row r="510" spans="1:41" s="62" customFormat="1" hidden="1" outlineLevel="2">
      <c r="A510" s="61" t="s">
        <v>860</v>
      </c>
      <c r="B510" s="61" t="s">
        <v>861</v>
      </c>
      <c r="C510" s="71" t="s">
        <v>862</v>
      </c>
      <c r="D510" s="72" t="s">
        <v>1344</v>
      </c>
      <c r="E510" s="73"/>
      <c r="F510" s="62">
        <v>0</v>
      </c>
      <c r="G510" s="62">
        <v>0</v>
      </c>
      <c r="H510" s="62">
        <f t="shared" si="76"/>
        <v>0</v>
      </c>
      <c r="J510" s="62">
        <v>0</v>
      </c>
      <c r="K510" s="62">
        <f t="shared" si="77"/>
        <v>0</v>
      </c>
      <c r="M510" s="62">
        <v>0</v>
      </c>
      <c r="N510" s="62">
        <f t="shared" si="78"/>
        <v>0</v>
      </c>
      <c r="P510" s="74">
        <v>15986.220000000001</v>
      </c>
      <c r="Q510" s="61">
        <v>0</v>
      </c>
      <c r="R510" s="61">
        <v>0</v>
      </c>
      <c r="S510" s="61">
        <v>44991.57</v>
      </c>
      <c r="T510" s="62">
        <v>0</v>
      </c>
      <c r="U510" s="61">
        <v>0</v>
      </c>
      <c r="V510" s="61">
        <v>0</v>
      </c>
      <c r="W510" s="61">
        <v>0</v>
      </c>
      <c r="X510" s="61">
        <v>0</v>
      </c>
      <c r="Y510" s="61">
        <v>0</v>
      </c>
      <c r="Z510" s="61">
        <v>0</v>
      </c>
      <c r="AA510" s="61">
        <v>0</v>
      </c>
      <c r="AB510" s="75">
        <v>0</v>
      </c>
      <c r="AC510" s="61">
        <v>0</v>
      </c>
      <c r="AD510" s="61">
        <v>0</v>
      </c>
      <c r="AE510" s="61">
        <v>0</v>
      </c>
      <c r="AF510" s="62">
        <v>0</v>
      </c>
      <c r="AG510" s="61">
        <v>0</v>
      </c>
      <c r="AH510" s="61">
        <v>0</v>
      </c>
      <c r="AI510" s="61">
        <v>0</v>
      </c>
      <c r="AJ510" s="61">
        <v>0</v>
      </c>
      <c r="AK510" s="61">
        <v>0</v>
      </c>
      <c r="AL510" s="61">
        <v>0</v>
      </c>
      <c r="AM510" s="61">
        <v>0</v>
      </c>
      <c r="AN510" s="75">
        <v>0</v>
      </c>
    </row>
    <row r="511" spans="1:41" s="62" customFormat="1" hidden="1" outlineLevel="2">
      <c r="A511" s="61" t="s">
        <v>674</v>
      </c>
      <c r="B511" s="61" t="s">
        <v>675</v>
      </c>
      <c r="C511" s="71" t="s">
        <v>676</v>
      </c>
      <c r="D511" s="72" t="s">
        <v>1344</v>
      </c>
      <c r="E511" s="73"/>
      <c r="F511" s="62">
        <v>76872.52</v>
      </c>
      <c r="G511" s="62">
        <v>95715.199999999997</v>
      </c>
      <c r="H511" s="62">
        <f t="shared" si="76"/>
        <v>-18842.679999999993</v>
      </c>
      <c r="J511" s="62">
        <v>95715.199999999997</v>
      </c>
      <c r="K511" s="62">
        <f t="shared" si="77"/>
        <v>-18842.679999999993</v>
      </c>
      <c r="M511" s="62">
        <v>59628.51</v>
      </c>
      <c r="N511" s="62">
        <f t="shared" si="78"/>
        <v>17244.010000000002</v>
      </c>
      <c r="P511" s="74">
        <v>89719.86</v>
      </c>
      <c r="Q511" s="61">
        <v>36188.629999999997</v>
      </c>
      <c r="R511" s="61">
        <v>38920.1</v>
      </c>
      <c r="S511" s="61">
        <v>70353.87</v>
      </c>
      <c r="T511" s="62">
        <v>57357.36</v>
      </c>
      <c r="U511" s="61">
        <v>65450.76</v>
      </c>
      <c r="V511" s="61">
        <v>62686.03</v>
      </c>
      <c r="W511" s="61">
        <v>113469.17</v>
      </c>
      <c r="X511" s="61">
        <v>109387.88</v>
      </c>
      <c r="Y511" s="61">
        <v>111929.07</v>
      </c>
      <c r="Z511" s="61">
        <v>121698.94</v>
      </c>
      <c r="AA511" s="61">
        <v>114285.11</v>
      </c>
      <c r="AB511" s="75">
        <v>95715.199999999997</v>
      </c>
      <c r="AC511" s="61">
        <v>27758.720000000001</v>
      </c>
      <c r="AD511" s="61">
        <v>31537.77</v>
      </c>
      <c r="AE511" s="61">
        <v>52704.67</v>
      </c>
      <c r="AF511" s="62">
        <v>55301.71</v>
      </c>
      <c r="AG511" s="61">
        <v>97844.61</v>
      </c>
      <c r="AH511" s="61">
        <v>70091.81</v>
      </c>
      <c r="AI511" s="61">
        <v>72398.98</v>
      </c>
      <c r="AJ511" s="61">
        <v>63870.04</v>
      </c>
      <c r="AK511" s="61">
        <v>65502.44</v>
      </c>
      <c r="AL511" s="61">
        <v>70600.87</v>
      </c>
      <c r="AM511" s="61">
        <v>59628.51</v>
      </c>
      <c r="AN511" s="75">
        <v>76872.52</v>
      </c>
    </row>
    <row r="512" spans="1:41" s="114" customFormat="1" ht="15" hidden="1" customHeight="1" outlineLevel="1">
      <c r="A512" s="113" t="s">
        <v>1397</v>
      </c>
      <c r="B512" s="114" t="s">
        <v>2</v>
      </c>
      <c r="C512" s="135" t="s">
        <v>1398</v>
      </c>
      <c r="D512" s="147" t="s">
        <v>1344</v>
      </c>
      <c r="E512" s="117"/>
      <c r="F512" s="128">
        <v>478588.32799999998</v>
      </c>
      <c r="G512" s="129">
        <v>688435.07200000004</v>
      </c>
      <c r="H512" s="129">
        <f t="shared" si="76"/>
        <v>-209846.74400000006</v>
      </c>
      <c r="I512" s="130"/>
      <c r="J512" s="129">
        <v>688435.07200000004</v>
      </c>
      <c r="K512" s="129">
        <f t="shared" si="77"/>
        <v>-209846.74400000006</v>
      </c>
      <c r="L512" s="129"/>
      <c r="M512" s="129">
        <v>814237.37800000003</v>
      </c>
      <c r="N512" s="129">
        <f t="shared" si="78"/>
        <v>-335649.05000000005</v>
      </c>
      <c r="O512" s="131"/>
      <c r="P512" s="132">
        <v>411566.54200000002</v>
      </c>
      <c r="Q512" s="129">
        <v>163751.622</v>
      </c>
      <c r="R512" s="129">
        <v>406770.57199999999</v>
      </c>
      <c r="S512" s="129">
        <v>451300.78200000006</v>
      </c>
      <c r="T512" s="129">
        <v>344075.50199999998</v>
      </c>
      <c r="U512" s="129">
        <v>252718.38199999998</v>
      </c>
      <c r="V512" s="129">
        <v>196001.682</v>
      </c>
      <c r="W512" s="129">
        <v>339621.05200000003</v>
      </c>
      <c r="X512" s="129">
        <v>558421.96200000006</v>
      </c>
      <c r="Y512" s="129">
        <v>501018.68199999997</v>
      </c>
      <c r="Z512" s="129">
        <v>524375.70200000005</v>
      </c>
      <c r="AA512" s="129">
        <v>542150.902</v>
      </c>
      <c r="AB512" s="133">
        <v>688435.07200000004</v>
      </c>
      <c r="AC512" s="129">
        <v>657068.79200000013</v>
      </c>
      <c r="AD512" s="129">
        <v>751978.402</v>
      </c>
      <c r="AE512" s="129">
        <v>715448.81200000003</v>
      </c>
      <c r="AF512" s="129">
        <v>701939.65799999994</v>
      </c>
      <c r="AG512" s="129">
        <v>634742.88800000004</v>
      </c>
      <c r="AH512" s="129">
        <v>538535.31799999997</v>
      </c>
      <c r="AI512" s="129">
        <v>648013.228</v>
      </c>
      <c r="AJ512" s="129">
        <v>878710.77800000005</v>
      </c>
      <c r="AK512" s="129">
        <v>903049.94799999986</v>
      </c>
      <c r="AL512" s="129">
        <v>794725.87800000003</v>
      </c>
      <c r="AM512" s="129">
        <v>814237.37800000003</v>
      </c>
      <c r="AN512" s="133">
        <v>478588.32799999998</v>
      </c>
      <c r="AO512" s="134"/>
    </row>
    <row r="513" spans="1:41" s="114" customFormat="1" ht="15" hidden="1" customHeight="1" outlineLevel="1">
      <c r="A513" s="113"/>
      <c r="C513" s="126" t="s">
        <v>1399</v>
      </c>
      <c r="D513" s="146"/>
      <c r="E513" s="117"/>
      <c r="F513" s="128">
        <f>+F495+F493+F487+F478+F474+F464+F461+F458+F491+F462+F471+F466+F497+F498+F512</f>
        <v>14934553.074000001</v>
      </c>
      <c r="G513" s="129">
        <f>+G495+G493+G487+G478+G474+G464+G461+G458+G491+G462+G471+G466+G497+G498+G512</f>
        <v>18890048.665000003</v>
      </c>
      <c r="H513" s="129">
        <f t="shared" si="76"/>
        <v>-3955495.5910000019</v>
      </c>
      <c r="I513" s="130"/>
      <c r="J513" s="129">
        <f>+J495+J493+J487+J478+J474+J464+J461+J458+J491+J462+J471+J466+J497+J498+J512</f>
        <v>18890048.665000003</v>
      </c>
      <c r="K513" s="129">
        <f t="shared" si="77"/>
        <v>-3955495.5910000019</v>
      </c>
      <c r="L513" s="129"/>
      <c r="M513" s="129">
        <f>+M495+M493+M487+M478+M474+M464+M461+M458+M491+M462+M471+M466+M497+M498+M512</f>
        <v>10794180.723999999</v>
      </c>
      <c r="N513" s="129">
        <f t="shared" si="78"/>
        <v>4140372.3500000015</v>
      </c>
      <c r="O513" s="131"/>
      <c r="P513" s="132">
        <f t="shared" ref="P513:AN513" si="79">+P495+P493+P487+P478+P474+P464+P461+P458+P491+P462+P471+P466+P497+P498+P512</f>
        <v>49339996.092000008</v>
      </c>
      <c r="Q513" s="129">
        <f t="shared" si="79"/>
        <v>50789136.392000005</v>
      </c>
      <c r="R513" s="129">
        <f t="shared" si="79"/>
        <v>39404520.460000001</v>
      </c>
      <c r="S513" s="129">
        <f t="shared" si="79"/>
        <v>36850856.833999999</v>
      </c>
      <c r="T513" s="129">
        <f t="shared" si="79"/>
        <v>35629606.403999999</v>
      </c>
      <c r="U513" s="129">
        <f t="shared" si="79"/>
        <v>28948281.223999999</v>
      </c>
      <c r="V513" s="129">
        <f t="shared" si="79"/>
        <v>29159398.300000001</v>
      </c>
      <c r="W513" s="129">
        <f t="shared" si="79"/>
        <v>28494031.41</v>
      </c>
      <c r="X513" s="129">
        <f t="shared" si="79"/>
        <v>23048329.289999999</v>
      </c>
      <c r="Y513" s="129">
        <f t="shared" si="79"/>
        <v>22197238.525000002</v>
      </c>
      <c r="Z513" s="129">
        <f t="shared" si="79"/>
        <v>25764196.585000001</v>
      </c>
      <c r="AA513" s="129">
        <f t="shared" si="79"/>
        <v>18390059.474999998</v>
      </c>
      <c r="AB513" s="133">
        <f t="shared" si="79"/>
        <v>18890048.665000003</v>
      </c>
      <c r="AC513" s="129">
        <f t="shared" si="79"/>
        <v>15834109.713</v>
      </c>
      <c r="AD513" s="129">
        <f t="shared" si="79"/>
        <v>13308557.953</v>
      </c>
      <c r="AE513" s="129">
        <f t="shared" si="79"/>
        <v>12291475.172</v>
      </c>
      <c r="AF513" s="129">
        <f t="shared" si="79"/>
        <v>9641156.4680000003</v>
      </c>
      <c r="AG513" s="129">
        <f t="shared" si="79"/>
        <v>11908659.204000002</v>
      </c>
      <c r="AH513" s="129">
        <f t="shared" si="79"/>
        <v>12611868.875</v>
      </c>
      <c r="AI513" s="129">
        <f t="shared" si="79"/>
        <v>10954155.207</v>
      </c>
      <c r="AJ513" s="129">
        <f t="shared" si="79"/>
        <v>10258859.434</v>
      </c>
      <c r="AK513" s="129">
        <f t="shared" si="79"/>
        <v>11019653.454</v>
      </c>
      <c r="AL513" s="129">
        <f t="shared" si="79"/>
        <v>9983973.5120000001</v>
      </c>
      <c r="AM513" s="129">
        <f t="shared" si="79"/>
        <v>10794180.723999999</v>
      </c>
      <c r="AN513" s="133">
        <f t="shared" si="79"/>
        <v>14934553.074000001</v>
      </c>
      <c r="AO513" s="134"/>
    </row>
    <row r="514" spans="1:41" s="137" customFormat="1" ht="15" customHeight="1" collapsed="1">
      <c r="A514" s="195"/>
      <c r="B514" s="137" t="s">
        <v>2</v>
      </c>
      <c r="C514" s="196" t="s">
        <v>1400</v>
      </c>
      <c r="D514" s="153"/>
      <c r="E514" s="154"/>
      <c r="F514" s="197">
        <f>+F513+F449+F446+F445</f>
        <v>15383507.714000002</v>
      </c>
      <c r="G514" s="198">
        <f>+G513+G449+G446+G445</f>
        <v>19362076.035000004</v>
      </c>
      <c r="H514" s="198">
        <f t="shared" si="76"/>
        <v>-3978568.3210000023</v>
      </c>
      <c r="I514" s="141"/>
      <c r="J514" s="198">
        <f>+J513+J449+J446+J445</f>
        <v>19362076.035000004</v>
      </c>
      <c r="K514" s="198">
        <f t="shared" si="77"/>
        <v>-3978568.3210000023</v>
      </c>
      <c r="L514" s="198"/>
      <c r="M514" s="198">
        <f>+M513+M449+M446+M445</f>
        <v>11251205.083999999</v>
      </c>
      <c r="N514" s="198">
        <f t="shared" si="78"/>
        <v>4132302.6300000027</v>
      </c>
      <c r="O514" s="131"/>
      <c r="P514" s="199">
        <f t="shared" ref="P514:AN514" si="80">+P513+P449+P446+P445</f>
        <v>49874259.782000005</v>
      </c>
      <c r="Q514" s="198">
        <f t="shared" si="80"/>
        <v>51283114.532000005</v>
      </c>
      <c r="R514" s="198">
        <f t="shared" si="80"/>
        <v>39894053.899999999</v>
      </c>
      <c r="S514" s="198">
        <f t="shared" si="80"/>
        <v>37353987.763999999</v>
      </c>
      <c r="T514" s="198">
        <f t="shared" si="80"/>
        <v>36134134.044</v>
      </c>
      <c r="U514" s="198">
        <f t="shared" si="80"/>
        <v>29450321.844000001</v>
      </c>
      <c r="V514" s="198">
        <f t="shared" si="80"/>
        <v>29659145.740000002</v>
      </c>
      <c r="W514" s="198">
        <f t="shared" si="80"/>
        <v>28996384.379999999</v>
      </c>
      <c r="X514" s="198">
        <f t="shared" si="80"/>
        <v>23548479.529999997</v>
      </c>
      <c r="Y514" s="198">
        <f t="shared" si="80"/>
        <v>22694622.375000004</v>
      </c>
      <c r="Z514" s="198">
        <f t="shared" si="80"/>
        <v>26260383.465</v>
      </c>
      <c r="AA514" s="198">
        <f t="shared" si="80"/>
        <v>18862250.684999999</v>
      </c>
      <c r="AB514" s="200">
        <f t="shared" si="80"/>
        <v>19362076.035000004</v>
      </c>
      <c r="AC514" s="198">
        <f t="shared" si="80"/>
        <v>16316502.363</v>
      </c>
      <c r="AD514" s="198">
        <f t="shared" si="80"/>
        <v>13790778.732999999</v>
      </c>
      <c r="AE514" s="198">
        <f t="shared" si="80"/>
        <v>12782071.252</v>
      </c>
      <c r="AF514" s="198">
        <f t="shared" si="80"/>
        <v>10131180.148</v>
      </c>
      <c r="AG514" s="198">
        <f t="shared" si="80"/>
        <v>12395265.544000002</v>
      </c>
      <c r="AH514" s="198">
        <f t="shared" si="80"/>
        <v>13098096.675000001</v>
      </c>
      <c r="AI514" s="198">
        <f t="shared" si="80"/>
        <v>11429243.457</v>
      </c>
      <c r="AJ514" s="198">
        <f t="shared" si="80"/>
        <v>10732469.994000001</v>
      </c>
      <c r="AK514" s="198">
        <f t="shared" si="80"/>
        <v>11488095.544</v>
      </c>
      <c r="AL514" s="198">
        <f t="shared" si="80"/>
        <v>10445956.872</v>
      </c>
      <c r="AM514" s="198">
        <f t="shared" si="80"/>
        <v>11251205.083999999</v>
      </c>
      <c r="AN514" s="200">
        <f t="shared" si="80"/>
        <v>15383507.714000002</v>
      </c>
      <c r="AO514" s="144"/>
    </row>
    <row r="515" spans="1:41" s="114" customFormat="1" ht="15" customHeight="1">
      <c r="A515" s="136"/>
      <c r="B515" s="137"/>
      <c r="C515" s="64" t="s">
        <v>1401</v>
      </c>
      <c r="D515" s="146"/>
      <c r="E515" s="117"/>
      <c r="F515" s="139">
        <f>+F514+F440+F437+F434+F407+F363+F357+F354+F350+F343+F443+F346+F351</f>
        <v>245184358.97100002</v>
      </c>
      <c r="G515" s="140">
        <f>+G514+G440+G437+G434+G407+G363+G357+G354+G350+G343+G443+G346+G351</f>
        <v>137872901.234</v>
      </c>
      <c r="H515" s="140">
        <f>+F515-G515</f>
        <v>107311457.73700002</v>
      </c>
      <c r="I515" s="141"/>
      <c r="J515" s="140">
        <f>+J514+J440+J437+J434+J407+J363+J357+J354+J350+J343+J443+J346+J351</f>
        <v>137872901.234</v>
      </c>
      <c r="K515" s="140">
        <f>+F515-J515</f>
        <v>107311457.73700002</v>
      </c>
      <c r="L515" s="140"/>
      <c r="M515" s="140">
        <f>+M514+M440+M437+M434+M407+M363+M357+M354+M350+M343+M443+M346+M351</f>
        <v>226180078.98699999</v>
      </c>
      <c r="N515" s="140">
        <f>+F515-M515</f>
        <v>19004279.984000027</v>
      </c>
      <c r="O515" s="131"/>
      <c r="P515" s="142">
        <f t="shared" ref="P515:AN515" si="81">+P514+P440+P437+P434+P407+P363+P357+P354+P350+P343+P443+P346+P351</f>
        <v>325095765.66600001</v>
      </c>
      <c r="Q515" s="140">
        <f t="shared" si="81"/>
        <v>148487849.85900003</v>
      </c>
      <c r="R515" s="140">
        <f t="shared" si="81"/>
        <v>140741784.31200001</v>
      </c>
      <c r="S515" s="140">
        <f t="shared" si="81"/>
        <v>127472954.24100001</v>
      </c>
      <c r="T515" s="140">
        <f t="shared" si="81"/>
        <v>121611472.18099999</v>
      </c>
      <c r="U515" s="140">
        <f t="shared" si="81"/>
        <v>126668742.891</v>
      </c>
      <c r="V515" s="140">
        <f t="shared" si="81"/>
        <v>128490749.54700001</v>
      </c>
      <c r="W515" s="140">
        <f t="shared" si="81"/>
        <v>124828081.477</v>
      </c>
      <c r="X515" s="140">
        <f t="shared" si="81"/>
        <v>122971572.66699998</v>
      </c>
      <c r="Y515" s="140">
        <f t="shared" si="81"/>
        <v>130242343.972</v>
      </c>
      <c r="Z515" s="140">
        <f t="shared" si="81"/>
        <v>124300775.552</v>
      </c>
      <c r="AA515" s="140">
        <f t="shared" si="81"/>
        <v>112964531.04700002</v>
      </c>
      <c r="AB515" s="143">
        <f t="shared" si="81"/>
        <v>137872901.234</v>
      </c>
      <c r="AC515" s="140">
        <f t="shared" si="81"/>
        <v>141574624.14999998</v>
      </c>
      <c r="AD515" s="140">
        <f t="shared" si="81"/>
        <v>136590058.32999998</v>
      </c>
      <c r="AE515" s="140">
        <f t="shared" si="81"/>
        <v>137060603.48900002</v>
      </c>
      <c r="AF515" s="140">
        <f t="shared" si="81"/>
        <v>125116076.36300002</v>
      </c>
      <c r="AG515" s="140">
        <f t="shared" si="81"/>
        <v>133193720.859</v>
      </c>
      <c r="AH515" s="140">
        <f t="shared" si="81"/>
        <v>130869388.93200001</v>
      </c>
      <c r="AI515" s="140">
        <f t="shared" si="81"/>
        <v>127234136.41999999</v>
      </c>
      <c r="AJ515" s="140">
        <f t="shared" si="81"/>
        <v>125014784.939</v>
      </c>
      <c r="AK515" s="140">
        <f t="shared" si="81"/>
        <v>221267456.521</v>
      </c>
      <c r="AL515" s="140">
        <f t="shared" si="81"/>
        <v>213782994.35700002</v>
      </c>
      <c r="AM515" s="140">
        <f t="shared" si="81"/>
        <v>226180078.98699999</v>
      </c>
      <c r="AN515" s="143">
        <f t="shared" si="81"/>
        <v>245184358.97100002</v>
      </c>
      <c r="AO515" s="144"/>
    </row>
    <row r="516" spans="1:41" s="114" customFormat="1" ht="15" customHeight="1">
      <c r="A516" s="113"/>
      <c r="B516" s="114" t="s">
        <v>2</v>
      </c>
      <c r="C516" s="63"/>
      <c r="D516" s="146"/>
      <c r="E516" s="117"/>
      <c r="F516" s="128"/>
      <c r="G516" s="129"/>
      <c r="H516" s="129"/>
      <c r="I516" s="130"/>
      <c r="J516" s="129"/>
      <c r="K516" s="129"/>
      <c r="L516" s="129"/>
      <c r="M516" s="129"/>
      <c r="N516" s="129"/>
      <c r="O516" s="131"/>
      <c r="P516" s="132"/>
      <c r="Q516" s="129"/>
      <c r="R516" s="129"/>
      <c r="S516" s="129"/>
      <c r="T516" s="129"/>
      <c r="U516" s="129"/>
      <c r="V516" s="129"/>
      <c r="W516" s="129"/>
      <c r="X516" s="129"/>
      <c r="Y516" s="129"/>
      <c r="Z516" s="129"/>
      <c r="AA516" s="129"/>
      <c r="AB516" s="133"/>
      <c r="AC516" s="129"/>
      <c r="AD516" s="129"/>
      <c r="AE516" s="129"/>
      <c r="AF516" s="129"/>
      <c r="AG516" s="129"/>
      <c r="AH516" s="129"/>
      <c r="AI516" s="129"/>
      <c r="AJ516" s="129"/>
      <c r="AK516" s="129"/>
      <c r="AL516" s="129"/>
      <c r="AM516" s="129"/>
      <c r="AN516" s="133"/>
      <c r="AO516" s="134"/>
    </row>
    <row r="517" spans="1:41" s="114" customFormat="1" ht="3.75" hidden="1" customHeight="1" outlineLevel="1">
      <c r="A517" s="113"/>
      <c r="C517" s="63"/>
      <c r="D517" s="146"/>
      <c r="E517" s="117"/>
      <c r="F517" s="128"/>
      <c r="G517" s="129"/>
      <c r="H517" s="129"/>
      <c r="I517" s="130"/>
      <c r="J517" s="129"/>
      <c r="K517" s="129"/>
      <c r="L517" s="129"/>
      <c r="M517" s="129"/>
      <c r="N517" s="129"/>
      <c r="O517" s="131"/>
      <c r="P517" s="132"/>
      <c r="Q517" s="129"/>
      <c r="R517" s="129"/>
      <c r="S517" s="129"/>
      <c r="T517" s="129"/>
      <c r="U517" s="129"/>
      <c r="V517" s="129"/>
      <c r="W517" s="129"/>
      <c r="X517" s="129"/>
      <c r="Y517" s="129"/>
      <c r="Z517" s="129"/>
      <c r="AA517" s="129"/>
      <c r="AB517" s="133"/>
      <c r="AC517" s="129"/>
      <c r="AD517" s="129"/>
      <c r="AE517" s="129"/>
      <c r="AF517" s="129"/>
      <c r="AG517" s="129"/>
      <c r="AH517" s="129"/>
      <c r="AI517" s="129"/>
      <c r="AJ517" s="129"/>
      <c r="AK517" s="129"/>
      <c r="AL517" s="129"/>
      <c r="AM517" s="129"/>
      <c r="AN517" s="133"/>
      <c r="AO517" s="134"/>
    </row>
    <row r="518" spans="1:41" s="62" customFormat="1" hidden="1" outlineLevel="2">
      <c r="A518" s="61" t="s">
        <v>1402</v>
      </c>
      <c r="B518" s="61" t="s">
        <v>1403</v>
      </c>
      <c r="C518" s="71" t="s">
        <v>1404</v>
      </c>
      <c r="D518" s="72" t="s">
        <v>1405</v>
      </c>
      <c r="E518" s="73"/>
      <c r="F518" s="62">
        <v>0</v>
      </c>
      <c r="G518" s="62">
        <v>0</v>
      </c>
      <c r="H518" s="62">
        <f>+F518-G518</f>
        <v>0</v>
      </c>
      <c r="J518" s="62">
        <v>0</v>
      </c>
      <c r="K518" s="62">
        <f>+F518-J518</f>
        <v>0</v>
      </c>
      <c r="M518" s="62">
        <v>0</v>
      </c>
      <c r="N518" s="62">
        <f>+F518-M518</f>
        <v>0</v>
      </c>
      <c r="P518" s="74">
        <v>0</v>
      </c>
      <c r="Q518" s="61">
        <v>0</v>
      </c>
      <c r="R518" s="61">
        <v>0</v>
      </c>
      <c r="S518" s="61">
        <v>0</v>
      </c>
      <c r="T518" s="62">
        <v>0</v>
      </c>
      <c r="U518" s="61">
        <v>0</v>
      </c>
      <c r="V518" s="61">
        <v>0</v>
      </c>
      <c r="W518" s="61">
        <v>0</v>
      </c>
      <c r="X518" s="61">
        <v>0</v>
      </c>
      <c r="Y518" s="61">
        <v>0</v>
      </c>
      <c r="Z518" s="61">
        <v>0</v>
      </c>
      <c r="AA518" s="61">
        <v>0</v>
      </c>
      <c r="AB518" s="75">
        <v>0</v>
      </c>
      <c r="AC518" s="61">
        <v>0</v>
      </c>
      <c r="AD518" s="61">
        <v>0</v>
      </c>
      <c r="AE518" s="61">
        <v>0</v>
      </c>
      <c r="AF518" s="62">
        <v>0</v>
      </c>
      <c r="AG518" s="61">
        <v>0</v>
      </c>
      <c r="AH518" s="61">
        <v>0</v>
      </c>
      <c r="AI518" s="61">
        <v>0</v>
      </c>
      <c r="AJ518" s="61">
        <v>0</v>
      </c>
      <c r="AK518" s="61">
        <v>0</v>
      </c>
      <c r="AL518" s="61">
        <v>0</v>
      </c>
      <c r="AM518" s="61">
        <v>0</v>
      </c>
      <c r="AN518" s="75">
        <v>0</v>
      </c>
    </row>
    <row r="519" spans="1:41" s="137" customFormat="1" ht="15" customHeight="1" collapsed="1">
      <c r="A519" s="136" t="s">
        <v>1406</v>
      </c>
      <c r="B519" s="137" t="s">
        <v>2</v>
      </c>
      <c r="C519" s="138" t="s">
        <v>1407</v>
      </c>
      <c r="D519" s="146" t="s">
        <v>1405</v>
      </c>
      <c r="E519" s="117"/>
      <c r="F519" s="139">
        <v>0</v>
      </c>
      <c r="G519" s="140">
        <v>0</v>
      </c>
      <c r="H519" s="140">
        <f>+F519-G519</f>
        <v>0</v>
      </c>
      <c r="I519" s="141"/>
      <c r="J519" s="140">
        <v>0</v>
      </c>
      <c r="K519" s="140">
        <f>+F519-J519</f>
        <v>0</v>
      </c>
      <c r="L519" s="140"/>
      <c r="M519" s="140">
        <v>0</v>
      </c>
      <c r="N519" s="140">
        <f>+F519-M519</f>
        <v>0</v>
      </c>
      <c r="O519" s="131"/>
      <c r="P519" s="142">
        <v>0</v>
      </c>
      <c r="Q519" s="140">
        <v>0</v>
      </c>
      <c r="R519" s="140">
        <v>0</v>
      </c>
      <c r="S519" s="140">
        <v>0</v>
      </c>
      <c r="T519" s="140">
        <v>0</v>
      </c>
      <c r="U519" s="140">
        <v>0</v>
      </c>
      <c r="V519" s="140">
        <v>0</v>
      </c>
      <c r="W519" s="140">
        <v>0</v>
      </c>
      <c r="X519" s="140">
        <v>0</v>
      </c>
      <c r="Y519" s="140">
        <v>0</v>
      </c>
      <c r="Z519" s="140">
        <v>0</v>
      </c>
      <c r="AA519" s="140">
        <v>0</v>
      </c>
      <c r="AB519" s="143">
        <v>0</v>
      </c>
      <c r="AC519" s="140">
        <v>0</v>
      </c>
      <c r="AD519" s="140">
        <v>0</v>
      </c>
      <c r="AE519" s="140">
        <v>0</v>
      </c>
      <c r="AF519" s="140">
        <v>0</v>
      </c>
      <c r="AG519" s="140">
        <v>0</v>
      </c>
      <c r="AH519" s="140">
        <v>0</v>
      </c>
      <c r="AI519" s="140">
        <v>0</v>
      </c>
      <c r="AJ519" s="140">
        <v>0</v>
      </c>
      <c r="AK519" s="140">
        <v>0</v>
      </c>
      <c r="AL519" s="140">
        <v>0</v>
      </c>
      <c r="AM519" s="140">
        <v>0</v>
      </c>
      <c r="AN519" s="143">
        <v>0</v>
      </c>
      <c r="AO519" s="144"/>
    </row>
    <row r="520" spans="1:41" s="137" customFormat="1" ht="3.75" hidden="1" customHeight="1" outlineLevel="1">
      <c r="A520" s="136"/>
      <c r="C520" s="138"/>
      <c r="D520" s="146"/>
      <c r="E520" s="117"/>
      <c r="F520" s="139"/>
      <c r="G520" s="140"/>
      <c r="H520" s="140"/>
      <c r="I520" s="141"/>
      <c r="J520" s="140"/>
      <c r="K520" s="140"/>
      <c r="L520" s="140"/>
      <c r="M520" s="140"/>
      <c r="N520" s="140"/>
      <c r="O520" s="131"/>
      <c r="P520" s="142"/>
      <c r="Q520" s="140"/>
      <c r="R520" s="140"/>
      <c r="S520" s="140"/>
      <c r="T520" s="140"/>
      <c r="U520" s="140"/>
      <c r="V520" s="140"/>
      <c r="W520" s="140"/>
      <c r="X520" s="140"/>
      <c r="Y520" s="140"/>
      <c r="Z520" s="140"/>
      <c r="AA520" s="140"/>
      <c r="AB520" s="143"/>
      <c r="AC520" s="140"/>
      <c r="AD520" s="140"/>
      <c r="AE520" s="140"/>
      <c r="AF520" s="140"/>
      <c r="AG520" s="140"/>
      <c r="AH520" s="140"/>
      <c r="AI520" s="140"/>
      <c r="AJ520" s="140"/>
      <c r="AK520" s="140"/>
      <c r="AL520" s="140"/>
      <c r="AM520" s="140"/>
      <c r="AN520" s="143"/>
      <c r="AO520" s="144"/>
    </row>
    <row r="521" spans="1:41" s="62" customFormat="1" hidden="1" outlineLevel="2">
      <c r="A521" s="61" t="s">
        <v>160</v>
      </c>
      <c r="B521" s="61" t="s">
        <v>161</v>
      </c>
      <c r="C521" s="71" t="s">
        <v>162</v>
      </c>
      <c r="D521" s="72" t="s">
        <v>1408</v>
      </c>
      <c r="E521" s="73"/>
      <c r="F521" s="62">
        <v>-72768.652000000002</v>
      </c>
      <c r="G521" s="62">
        <v>-110460.902</v>
      </c>
      <c r="H521" s="62">
        <f>+F521-G521</f>
        <v>37692.25</v>
      </c>
      <c r="J521" s="62">
        <v>-110460.902</v>
      </c>
      <c r="K521" s="62">
        <f>+F521-J521</f>
        <v>37692.25</v>
      </c>
      <c r="M521" s="62">
        <v>-76076.282000000007</v>
      </c>
      <c r="N521" s="62">
        <f>+F521-M521</f>
        <v>3307.6300000000047</v>
      </c>
      <c r="P521" s="74">
        <v>-145493.01199999999</v>
      </c>
      <c r="Q521" s="61">
        <v>-142330.13200000001</v>
      </c>
      <c r="R521" s="61">
        <v>-139167.25200000001</v>
      </c>
      <c r="S521" s="61">
        <v>-136004.372</v>
      </c>
      <c r="T521" s="62">
        <v>-132841.492</v>
      </c>
      <c r="U521" s="61">
        <v>-129678.61199999999</v>
      </c>
      <c r="V521" s="61">
        <v>-128454.732</v>
      </c>
      <c r="W521" s="61">
        <v>-125243.08199999999</v>
      </c>
      <c r="X521" s="61">
        <v>-122031.432</v>
      </c>
      <c r="Y521" s="61">
        <v>-118819.78200000001</v>
      </c>
      <c r="Z521" s="61">
        <v>-115778.14199999999</v>
      </c>
      <c r="AA521" s="61">
        <v>-112497.00199999999</v>
      </c>
      <c r="AB521" s="75">
        <v>-110460.902</v>
      </c>
      <c r="AC521" s="61">
        <v>-107212.052</v>
      </c>
      <c r="AD521" s="61">
        <v>-103967.75200000001</v>
      </c>
      <c r="AE521" s="61">
        <v>-100718.762</v>
      </c>
      <c r="AF521" s="62">
        <v>-97469.771999999997</v>
      </c>
      <c r="AG521" s="61">
        <v>-94220.782000000007</v>
      </c>
      <c r="AH521" s="61">
        <v>-92457.751999999993</v>
      </c>
      <c r="AI521" s="61">
        <v>-89155.712</v>
      </c>
      <c r="AJ521" s="61">
        <v>-85853.672000000006</v>
      </c>
      <c r="AK521" s="61">
        <v>-82691.542000000001</v>
      </c>
      <c r="AL521" s="61">
        <v>-79383.911999999997</v>
      </c>
      <c r="AM521" s="61">
        <v>-76076.282000000007</v>
      </c>
      <c r="AN521" s="75">
        <v>-72768.652000000002</v>
      </c>
    </row>
    <row r="522" spans="1:41" s="62" customFormat="1" hidden="1" outlineLevel="2">
      <c r="A522" s="61" t="s">
        <v>163</v>
      </c>
      <c r="B522" s="61" t="s">
        <v>164</v>
      </c>
      <c r="C522" s="71" t="s">
        <v>165</v>
      </c>
      <c r="D522" s="72" t="s">
        <v>1408</v>
      </c>
      <c r="E522" s="73"/>
      <c r="F522" s="62">
        <v>-553525.99</v>
      </c>
      <c r="G522" s="62">
        <v>-660068.16</v>
      </c>
      <c r="H522" s="62">
        <f>+F522-G522</f>
        <v>106542.17000000004</v>
      </c>
      <c r="J522" s="62">
        <v>-660068.16</v>
      </c>
      <c r="K522" s="62">
        <f>+F522-J522</f>
        <v>106542.17000000004</v>
      </c>
      <c r="M522" s="62">
        <v>-563302.53</v>
      </c>
      <c r="N522" s="62">
        <f>+F522-M522</f>
        <v>9776.5400000000373</v>
      </c>
      <c r="P522" s="74">
        <v>-609311.19000000006</v>
      </c>
      <c r="Q522" s="61">
        <v>-718344.6</v>
      </c>
      <c r="R522" s="61">
        <v>-709170.82000000007</v>
      </c>
      <c r="S522" s="61">
        <v>-700450.83</v>
      </c>
      <c r="T522" s="62">
        <v>-691273.81</v>
      </c>
      <c r="U522" s="61">
        <v>-682096.79</v>
      </c>
      <c r="V522" s="61">
        <v>-682991.23</v>
      </c>
      <c r="W522" s="61">
        <v>-673676.87</v>
      </c>
      <c r="X522" s="61">
        <v>-664362.51</v>
      </c>
      <c r="Y522" s="61">
        <v>-655048.15</v>
      </c>
      <c r="Z522" s="61">
        <v>-645733.79</v>
      </c>
      <c r="AA522" s="61">
        <v>-636419.43000000005</v>
      </c>
      <c r="AB522" s="75">
        <v>-660068.16</v>
      </c>
      <c r="AC522" s="61">
        <v>-650448.68000000005</v>
      </c>
      <c r="AD522" s="61">
        <v>-640829.19000000006</v>
      </c>
      <c r="AE522" s="61">
        <v>-631209.71</v>
      </c>
      <c r="AF522" s="62">
        <v>-621590.22</v>
      </c>
      <c r="AG522" s="61">
        <v>-611970.74</v>
      </c>
      <c r="AH522" s="61">
        <v>-612185.23</v>
      </c>
      <c r="AI522" s="61">
        <v>-602408.69000000006</v>
      </c>
      <c r="AJ522" s="61">
        <v>-592632.15</v>
      </c>
      <c r="AK522" s="61">
        <v>-582855.61</v>
      </c>
      <c r="AL522" s="61">
        <v>-573079.07000000007</v>
      </c>
      <c r="AM522" s="61">
        <v>-563302.53</v>
      </c>
      <c r="AN522" s="75">
        <v>-553525.99</v>
      </c>
    </row>
    <row r="523" spans="1:41" s="62" customFormat="1" hidden="1" outlineLevel="2">
      <c r="A523" s="61" t="s">
        <v>200</v>
      </c>
      <c r="B523" s="61" t="s">
        <v>201</v>
      </c>
      <c r="C523" s="71" t="s">
        <v>202</v>
      </c>
      <c r="D523" s="72" t="s">
        <v>1408</v>
      </c>
      <c r="E523" s="73"/>
      <c r="F523" s="62">
        <v>22363500</v>
      </c>
      <c r="G523" s="62">
        <v>22004250</v>
      </c>
      <c r="H523" s="62">
        <f>+F523-G523</f>
        <v>359250</v>
      </c>
      <c r="J523" s="62">
        <v>22004250</v>
      </c>
      <c r="K523" s="62">
        <f>+F523-J523</f>
        <v>359250</v>
      </c>
      <c r="M523" s="62">
        <v>22363500</v>
      </c>
      <c r="N523" s="62">
        <f>+F523-M523</f>
        <v>0</v>
      </c>
      <c r="P523" s="74">
        <v>7149500</v>
      </c>
      <c r="Q523" s="61">
        <v>7149500</v>
      </c>
      <c r="R523" s="61">
        <v>7149500</v>
      </c>
      <c r="S523" s="61">
        <v>14299000</v>
      </c>
      <c r="T523" s="62">
        <v>14299000</v>
      </c>
      <c r="U523" s="61">
        <v>14299000</v>
      </c>
      <c r="V523" s="61">
        <v>14513000</v>
      </c>
      <c r="W523" s="61">
        <v>14513000</v>
      </c>
      <c r="X523" s="61">
        <v>14513000</v>
      </c>
      <c r="Y523" s="61">
        <v>14513000</v>
      </c>
      <c r="Z523" s="61">
        <v>21769500</v>
      </c>
      <c r="AA523" s="61">
        <v>21769500</v>
      </c>
      <c r="AB523" s="75">
        <v>22004250</v>
      </c>
      <c r="AC523" s="61">
        <v>22004250</v>
      </c>
      <c r="AD523" s="61">
        <v>22004250</v>
      </c>
      <c r="AE523" s="61">
        <v>22004250</v>
      </c>
      <c r="AF523" s="62">
        <v>22004250</v>
      </c>
      <c r="AG523" s="61">
        <v>22004250</v>
      </c>
      <c r="AH523" s="61">
        <v>22363500</v>
      </c>
      <c r="AI523" s="61">
        <v>22363500</v>
      </c>
      <c r="AJ523" s="61">
        <v>22363500</v>
      </c>
      <c r="AK523" s="61">
        <v>22363500</v>
      </c>
      <c r="AL523" s="61">
        <v>22363500</v>
      </c>
      <c r="AM523" s="61">
        <v>22363500</v>
      </c>
      <c r="AN523" s="75">
        <v>22363500</v>
      </c>
    </row>
    <row r="524" spans="1:41" s="62" customFormat="1" hidden="1" outlineLevel="2">
      <c r="A524" s="61" t="s">
        <v>203</v>
      </c>
      <c r="B524" s="61" t="s">
        <v>204</v>
      </c>
      <c r="C524" s="71" t="s">
        <v>205</v>
      </c>
      <c r="D524" s="72" t="s">
        <v>1408</v>
      </c>
      <c r="E524" s="73"/>
      <c r="F524" s="62">
        <v>120762900</v>
      </c>
      <c r="G524" s="62">
        <v>214174700</v>
      </c>
      <c r="H524" s="62">
        <f>+F524-G524</f>
        <v>-93411800</v>
      </c>
      <c r="J524" s="62">
        <v>214174700</v>
      </c>
      <c r="K524" s="62">
        <f>+F524-J524</f>
        <v>-93411800</v>
      </c>
      <c r="M524" s="62">
        <v>120762900</v>
      </c>
      <c r="N524" s="62">
        <f>+F524-M524</f>
        <v>0</v>
      </c>
      <c r="P524" s="74">
        <v>208765400</v>
      </c>
      <c r="Q524" s="61">
        <v>208765400</v>
      </c>
      <c r="R524" s="61">
        <v>208765400</v>
      </c>
      <c r="S524" s="61">
        <v>208765400</v>
      </c>
      <c r="T524" s="62">
        <v>208765400</v>
      </c>
      <c r="U524" s="61">
        <v>208765400</v>
      </c>
      <c r="V524" s="61">
        <v>211889800</v>
      </c>
      <c r="W524" s="61">
        <v>211889800</v>
      </c>
      <c r="X524" s="61">
        <v>211889800</v>
      </c>
      <c r="Y524" s="61">
        <v>211889800</v>
      </c>
      <c r="Z524" s="61">
        <v>211889800</v>
      </c>
      <c r="AA524" s="61">
        <v>211889800</v>
      </c>
      <c r="AB524" s="75">
        <v>214174700</v>
      </c>
      <c r="AC524" s="61">
        <v>214174700</v>
      </c>
      <c r="AD524" s="61">
        <v>214174700</v>
      </c>
      <c r="AE524" s="61">
        <v>214174700</v>
      </c>
      <c r="AF524" s="62">
        <v>214174700</v>
      </c>
      <c r="AG524" s="61">
        <v>214174700</v>
      </c>
      <c r="AH524" s="61">
        <v>217671400</v>
      </c>
      <c r="AI524" s="61">
        <v>217671400</v>
      </c>
      <c r="AJ524" s="61">
        <v>217671400</v>
      </c>
      <c r="AK524" s="61">
        <v>120762900</v>
      </c>
      <c r="AL524" s="61">
        <v>120762900</v>
      </c>
      <c r="AM524" s="61">
        <v>120762900</v>
      </c>
      <c r="AN524" s="75">
        <v>120762900</v>
      </c>
    </row>
    <row r="525" spans="1:41" s="137" customFormat="1" ht="15" customHeight="1" collapsed="1">
      <c r="A525" s="136" t="s">
        <v>1409</v>
      </c>
      <c r="B525" s="137" t="s">
        <v>2</v>
      </c>
      <c r="C525" s="138" t="s">
        <v>1410</v>
      </c>
      <c r="D525" s="147" t="s">
        <v>1408</v>
      </c>
      <c r="E525" s="117"/>
      <c r="F525" s="139">
        <v>142500105.35800001</v>
      </c>
      <c r="G525" s="140">
        <v>235408420.93799999</v>
      </c>
      <c r="H525" s="140">
        <f>+F525-G525</f>
        <v>-92908315.579999983</v>
      </c>
      <c r="I525" s="141"/>
      <c r="J525" s="140">
        <v>235408420.93799999</v>
      </c>
      <c r="K525" s="140">
        <f>+F525-J525</f>
        <v>-92908315.579999983</v>
      </c>
      <c r="L525" s="140"/>
      <c r="M525" s="140">
        <v>142487021.18799999</v>
      </c>
      <c r="N525" s="140">
        <f>+F525-M525</f>
        <v>13084.170000016689</v>
      </c>
      <c r="O525" s="131"/>
      <c r="P525" s="142">
        <v>215160095.79800001</v>
      </c>
      <c r="Q525" s="140">
        <v>215054225.26800001</v>
      </c>
      <c r="R525" s="140">
        <v>215066561.928</v>
      </c>
      <c r="S525" s="140">
        <v>222227944.79800001</v>
      </c>
      <c r="T525" s="140">
        <v>222240284.69800001</v>
      </c>
      <c r="U525" s="140">
        <v>222252624.59799999</v>
      </c>
      <c r="V525" s="140">
        <v>225591354.03799999</v>
      </c>
      <c r="W525" s="140">
        <v>225603880.04800001</v>
      </c>
      <c r="X525" s="140">
        <v>225616406.058</v>
      </c>
      <c r="Y525" s="140">
        <v>225628932.06799999</v>
      </c>
      <c r="Z525" s="140">
        <v>232897788.06799999</v>
      </c>
      <c r="AA525" s="140">
        <v>232910383.56799999</v>
      </c>
      <c r="AB525" s="143">
        <v>235408420.93799999</v>
      </c>
      <c r="AC525" s="140">
        <v>235421289.26800001</v>
      </c>
      <c r="AD525" s="140">
        <v>235434153.058</v>
      </c>
      <c r="AE525" s="140">
        <v>235447021.528</v>
      </c>
      <c r="AF525" s="140">
        <v>235459890.00800002</v>
      </c>
      <c r="AG525" s="140">
        <v>235472758.47799999</v>
      </c>
      <c r="AH525" s="140">
        <v>239330257.01800001</v>
      </c>
      <c r="AI525" s="140">
        <v>239343335.59799999</v>
      </c>
      <c r="AJ525" s="140">
        <v>239356414.178</v>
      </c>
      <c r="AK525" s="140">
        <v>142460852.84799999</v>
      </c>
      <c r="AL525" s="140">
        <v>142473937.01800001</v>
      </c>
      <c r="AM525" s="140">
        <v>142487021.18799999</v>
      </c>
      <c r="AN525" s="143">
        <v>142500105.35800001</v>
      </c>
      <c r="AO525" s="144"/>
    </row>
    <row r="526" spans="1:41" s="137" customFormat="1" ht="3.75" hidden="1" customHeight="1" outlineLevel="1">
      <c r="A526" s="136"/>
      <c r="C526" s="138"/>
      <c r="D526" s="147" t="s">
        <v>1408</v>
      </c>
      <c r="E526" s="117"/>
      <c r="F526" s="139"/>
      <c r="G526" s="140"/>
      <c r="H526" s="140"/>
      <c r="I526" s="141"/>
      <c r="J526" s="140"/>
      <c r="K526" s="140"/>
      <c r="L526" s="140"/>
      <c r="M526" s="140"/>
      <c r="N526" s="140"/>
      <c r="O526" s="131"/>
      <c r="P526" s="142"/>
      <c r="Q526" s="140"/>
      <c r="R526" s="140"/>
      <c r="S526" s="140"/>
      <c r="T526" s="140"/>
      <c r="U526" s="140"/>
      <c r="V526" s="140"/>
      <c r="W526" s="140"/>
      <c r="X526" s="140"/>
      <c r="Y526" s="140"/>
      <c r="Z526" s="140"/>
      <c r="AA526" s="140"/>
      <c r="AB526" s="143"/>
      <c r="AC526" s="140"/>
      <c r="AD526" s="140"/>
      <c r="AE526" s="140"/>
      <c r="AF526" s="140"/>
      <c r="AG526" s="140"/>
      <c r="AH526" s="140"/>
      <c r="AI526" s="140"/>
      <c r="AJ526" s="140"/>
      <c r="AK526" s="140"/>
      <c r="AL526" s="140"/>
      <c r="AM526" s="140"/>
      <c r="AN526" s="143"/>
      <c r="AO526" s="144"/>
    </row>
    <row r="527" spans="1:41" s="62" customFormat="1" hidden="1" outlineLevel="2">
      <c r="A527" s="61" t="s">
        <v>206</v>
      </c>
      <c r="B527" s="61" t="s">
        <v>207</v>
      </c>
      <c r="C527" s="71" t="s">
        <v>208</v>
      </c>
      <c r="D527" s="72" t="s">
        <v>1408</v>
      </c>
      <c r="E527" s="73"/>
      <c r="F527" s="62">
        <v>-33142.76</v>
      </c>
      <c r="G527" s="62">
        <v>-81525.59</v>
      </c>
      <c r="H527" s="62">
        <f>+F527-G527</f>
        <v>48382.829999999994</v>
      </c>
      <c r="J527" s="62">
        <v>-81525.59</v>
      </c>
      <c r="K527" s="62">
        <f>+F527-J527</f>
        <v>48382.829999999994</v>
      </c>
      <c r="M527" s="62">
        <v>-37285.599999999999</v>
      </c>
      <c r="N527" s="62">
        <f>+F527-M527</f>
        <v>4142.8399999999965</v>
      </c>
      <c r="P527" s="74">
        <v>-127146.71</v>
      </c>
      <c r="Q527" s="61">
        <v>-123173.38</v>
      </c>
      <c r="R527" s="61">
        <v>-119200.05</v>
      </c>
      <c r="S527" s="61">
        <v>-115226.72</v>
      </c>
      <c r="T527" s="62">
        <v>-111253.39</v>
      </c>
      <c r="U527" s="61">
        <v>-107280.06</v>
      </c>
      <c r="V527" s="61">
        <v>-104852.78</v>
      </c>
      <c r="W527" s="61">
        <v>-100819.98</v>
      </c>
      <c r="X527" s="61">
        <v>-96787.180000000008</v>
      </c>
      <c r="Y527" s="61">
        <v>-92754.38</v>
      </c>
      <c r="Z527" s="61">
        <v>-88721.58</v>
      </c>
      <c r="AA527" s="61">
        <v>-84688.78</v>
      </c>
      <c r="AB527" s="75">
        <v>-81525.59</v>
      </c>
      <c r="AC527" s="61">
        <v>-77449.3</v>
      </c>
      <c r="AD527" s="61">
        <v>-73373.009999999995</v>
      </c>
      <c r="AE527" s="61">
        <v>-69296.72</v>
      </c>
      <c r="AF527" s="62">
        <v>-65220.43</v>
      </c>
      <c r="AG527" s="61">
        <v>-61144.14</v>
      </c>
      <c r="AH527" s="61">
        <v>-57999.8</v>
      </c>
      <c r="AI527" s="61">
        <v>-53856.959999999999</v>
      </c>
      <c r="AJ527" s="61">
        <v>-49714.12</v>
      </c>
      <c r="AK527" s="61">
        <v>-45571.28</v>
      </c>
      <c r="AL527" s="61">
        <v>-41428.44</v>
      </c>
      <c r="AM527" s="61">
        <v>-37285.599999999999</v>
      </c>
      <c r="AN527" s="75">
        <v>-33142.76</v>
      </c>
    </row>
    <row r="528" spans="1:41" s="137" customFormat="1" ht="15" customHeight="1" collapsed="1">
      <c r="A528" s="136" t="s">
        <v>1411</v>
      </c>
      <c r="B528" s="137" t="s">
        <v>2</v>
      </c>
      <c r="C528" s="138" t="s">
        <v>1412</v>
      </c>
      <c r="D528" s="147" t="s">
        <v>1408</v>
      </c>
      <c r="E528" s="117"/>
      <c r="F528" s="139">
        <v>-33142.76</v>
      </c>
      <c r="G528" s="140">
        <v>-81525.59</v>
      </c>
      <c r="H528" s="140">
        <f>+F528-G528</f>
        <v>48382.829999999994</v>
      </c>
      <c r="I528" s="141"/>
      <c r="J528" s="140">
        <v>-81525.59</v>
      </c>
      <c r="K528" s="140">
        <f>+F528-J528</f>
        <v>48382.829999999994</v>
      </c>
      <c r="L528" s="140"/>
      <c r="M528" s="140">
        <v>-37285.599999999999</v>
      </c>
      <c r="N528" s="140">
        <f>+F528-M528</f>
        <v>4142.8399999999965</v>
      </c>
      <c r="O528" s="131"/>
      <c r="P528" s="142">
        <v>-127146.71</v>
      </c>
      <c r="Q528" s="140">
        <v>-123173.38</v>
      </c>
      <c r="R528" s="140">
        <v>-119200.05</v>
      </c>
      <c r="S528" s="140">
        <v>-115226.72</v>
      </c>
      <c r="T528" s="140">
        <v>-111253.39</v>
      </c>
      <c r="U528" s="140">
        <v>-107280.06</v>
      </c>
      <c r="V528" s="140">
        <v>-104852.78</v>
      </c>
      <c r="W528" s="140">
        <v>-100819.98</v>
      </c>
      <c r="X528" s="140">
        <v>-96787.180000000008</v>
      </c>
      <c r="Y528" s="140">
        <v>-92754.38</v>
      </c>
      <c r="Z528" s="140">
        <v>-88721.58</v>
      </c>
      <c r="AA528" s="140">
        <v>-84688.78</v>
      </c>
      <c r="AB528" s="143">
        <v>-81525.59</v>
      </c>
      <c r="AC528" s="140">
        <v>-77449.3</v>
      </c>
      <c r="AD528" s="140">
        <v>-73373.009999999995</v>
      </c>
      <c r="AE528" s="140">
        <v>-69296.72</v>
      </c>
      <c r="AF528" s="140">
        <v>-65220.43</v>
      </c>
      <c r="AG528" s="140">
        <v>-61144.14</v>
      </c>
      <c r="AH528" s="140">
        <v>-57999.8</v>
      </c>
      <c r="AI528" s="140">
        <v>-53856.959999999999</v>
      </c>
      <c r="AJ528" s="140">
        <v>-49714.12</v>
      </c>
      <c r="AK528" s="140">
        <v>-45571.28</v>
      </c>
      <c r="AL528" s="140">
        <v>-41428.44</v>
      </c>
      <c r="AM528" s="140">
        <v>-37285.599999999999</v>
      </c>
      <c r="AN528" s="143">
        <v>-33142.76</v>
      </c>
      <c r="AO528" s="144"/>
    </row>
    <row r="529" spans="1:41" s="202" customFormat="1" ht="15" hidden="1" customHeight="1" outlineLevel="1">
      <c r="A529" s="201"/>
      <c r="C529" s="203" t="s">
        <v>1413</v>
      </c>
      <c r="D529" s="204"/>
      <c r="E529" s="205"/>
      <c r="F529" s="206">
        <f>+F528+F525</f>
        <v>142466962.59800002</v>
      </c>
      <c r="G529" s="207">
        <f>+G528+G525</f>
        <v>235326895.34799999</v>
      </c>
      <c r="H529" s="207">
        <f>+H528+H525</f>
        <v>-92859932.749999985</v>
      </c>
      <c r="I529" s="208"/>
      <c r="J529" s="207">
        <f>+J528+J525</f>
        <v>235326895.34799999</v>
      </c>
      <c r="K529" s="207">
        <f>+K528+K525</f>
        <v>-92859932.749999985</v>
      </c>
      <c r="L529" s="207"/>
      <c r="M529" s="207">
        <f>+M528+M525</f>
        <v>142449735.588</v>
      </c>
      <c r="N529" s="207">
        <f>+N528+N525</f>
        <v>17227.010000016686</v>
      </c>
      <c r="O529" s="131"/>
      <c r="P529" s="209">
        <f t="shared" ref="P529:AN529" si="82">+P528+P525</f>
        <v>215032949.088</v>
      </c>
      <c r="Q529" s="207">
        <f t="shared" si="82"/>
        <v>214931051.88800001</v>
      </c>
      <c r="R529" s="207">
        <f t="shared" si="82"/>
        <v>214947361.87799999</v>
      </c>
      <c r="S529" s="207">
        <f t="shared" si="82"/>
        <v>222112718.07800001</v>
      </c>
      <c r="T529" s="207">
        <f t="shared" si="82"/>
        <v>222129031.30800003</v>
      </c>
      <c r="U529" s="207">
        <f t="shared" si="82"/>
        <v>222145344.53799999</v>
      </c>
      <c r="V529" s="207">
        <f t="shared" si="82"/>
        <v>225486501.25799999</v>
      </c>
      <c r="W529" s="207">
        <f t="shared" si="82"/>
        <v>225503060.06800002</v>
      </c>
      <c r="X529" s="207">
        <f t="shared" si="82"/>
        <v>225519618.87799999</v>
      </c>
      <c r="Y529" s="207">
        <f t="shared" si="82"/>
        <v>225536177.68799999</v>
      </c>
      <c r="Z529" s="207">
        <f t="shared" si="82"/>
        <v>232809066.48799998</v>
      </c>
      <c r="AA529" s="207">
        <f t="shared" si="82"/>
        <v>232825694.78799999</v>
      </c>
      <c r="AB529" s="210">
        <f t="shared" si="82"/>
        <v>235326895.34799999</v>
      </c>
      <c r="AC529" s="207">
        <f t="shared" si="82"/>
        <v>235343839.96799999</v>
      </c>
      <c r="AD529" s="207">
        <f t="shared" si="82"/>
        <v>235360780.04800001</v>
      </c>
      <c r="AE529" s="207">
        <f t="shared" si="82"/>
        <v>235377724.808</v>
      </c>
      <c r="AF529" s="207">
        <f t="shared" si="82"/>
        <v>235394669.57800001</v>
      </c>
      <c r="AG529" s="207">
        <f t="shared" si="82"/>
        <v>235411614.338</v>
      </c>
      <c r="AH529" s="207">
        <f t="shared" si="82"/>
        <v>239272257.21799999</v>
      </c>
      <c r="AI529" s="207">
        <f t="shared" si="82"/>
        <v>239289478.63799998</v>
      </c>
      <c r="AJ529" s="207">
        <f t="shared" si="82"/>
        <v>239306700.058</v>
      </c>
      <c r="AK529" s="207">
        <f t="shared" si="82"/>
        <v>142415281.56799999</v>
      </c>
      <c r="AL529" s="207">
        <f t="shared" si="82"/>
        <v>142432508.57800001</v>
      </c>
      <c r="AM529" s="207">
        <f t="shared" si="82"/>
        <v>142449735.588</v>
      </c>
      <c r="AN529" s="210">
        <f t="shared" si="82"/>
        <v>142466962.59800002</v>
      </c>
      <c r="AO529" s="211"/>
    </row>
    <row r="530" spans="1:41" s="114" customFormat="1" ht="3.75" hidden="1" customHeight="1" outlineLevel="1">
      <c r="A530" s="113"/>
      <c r="C530" s="150"/>
      <c r="D530" s="146"/>
      <c r="E530" s="117"/>
      <c r="F530" s="128"/>
      <c r="G530" s="129"/>
      <c r="H530" s="129"/>
      <c r="I530" s="130"/>
      <c r="J530" s="129"/>
      <c r="K530" s="129"/>
      <c r="L530" s="129"/>
      <c r="M530" s="129"/>
      <c r="N530" s="129"/>
      <c r="O530" s="131"/>
      <c r="P530" s="132"/>
      <c r="Q530" s="129"/>
      <c r="R530" s="129"/>
      <c r="S530" s="129"/>
      <c r="T530" s="129"/>
      <c r="U530" s="129"/>
      <c r="V530" s="129"/>
      <c r="W530" s="129"/>
      <c r="X530" s="129"/>
      <c r="Y530" s="129"/>
      <c r="Z530" s="129"/>
      <c r="AA530" s="129"/>
      <c r="AB530" s="133"/>
      <c r="AC530" s="129"/>
      <c r="AD530" s="129"/>
      <c r="AE530" s="129"/>
      <c r="AF530" s="129"/>
      <c r="AG530" s="129"/>
      <c r="AH530" s="129"/>
      <c r="AI530" s="129"/>
      <c r="AJ530" s="129"/>
      <c r="AK530" s="129"/>
      <c r="AL530" s="129"/>
      <c r="AM530" s="129"/>
      <c r="AN530" s="133"/>
      <c r="AO530" s="134"/>
    </row>
    <row r="531" spans="1:41" s="114" customFormat="1" ht="15" hidden="1" customHeight="1" outlineLevel="1">
      <c r="A531" s="113" t="s">
        <v>1414</v>
      </c>
      <c r="B531" s="114" t="s">
        <v>2</v>
      </c>
      <c r="C531" s="148" t="s">
        <v>1415</v>
      </c>
      <c r="D531" s="147" t="s">
        <v>1416</v>
      </c>
      <c r="E531" s="117"/>
      <c r="F531" s="128">
        <v>0</v>
      </c>
      <c r="G531" s="129">
        <v>0</v>
      </c>
      <c r="H531" s="129">
        <f>+F531-G531</f>
        <v>0</v>
      </c>
      <c r="I531" s="130"/>
      <c r="J531" s="129">
        <v>0</v>
      </c>
      <c r="K531" s="129">
        <f>+F531-J531</f>
        <v>0</v>
      </c>
      <c r="L531" s="129"/>
      <c r="M531" s="129">
        <v>0</v>
      </c>
      <c r="N531" s="129">
        <f>+F531-M531</f>
        <v>0</v>
      </c>
      <c r="O531" s="131"/>
      <c r="P531" s="132">
        <v>0</v>
      </c>
      <c r="Q531" s="129">
        <v>0</v>
      </c>
      <c r="R531" s="129">
        <v>0</v>
      </c>
      <c r="S531" s="129">
        <v>0</v>
      </c>
      <c r="T531" s="129">
        <v>0</v>
      </c>
      <c r="U531" s="129">
        <v>0</v>
      </c>
      <c r="V531" s="129">
        <v>0</v>
      </c>
      <c r="W531" s="129">
        <v>0</v>
      </c>
      <c r="X531" s="129">
        <v>0</v>
      </c>
      <c r="Y531" s="129">
        <v>0</v>
      </c>
      <c r="Z531" s="129">
        <v>0</v>
      </c>
      <c r="AA531" s="129">
        <v>0</v>
      </c>
      <c r="AB531" s="133">
        <v>0</v>
      </c>
      <c r="AC531" s="129">
        <v>0</v>
      </c>
      <c r="AD531" s="129">
        <v>0</v>
      </c>
      <c r="AE531" s="129">
        <v>0</v>
      </c>
      <c r="AF531" s="129">
        <v>0</v>
      </c>
      <c r="AG531" s="129">
        <v>0</v>
      </c>
      <c r="AH531" s="129">
        <v>0</v>
      </c>
      <c r="AI531" s="129">
        <v>0</v>
      </c>
      <c r="AJ531" s="129">
        <v>0</v>
      </c>
      <c r="AK531" s="129">
        <v>0</v>
      </c>
      <c r="AL531" s="129">
        <v>0</v>
      </c>
      <c r="AM531" s="129">
        <v>0</v>
      </c>
      <c r="AN531" s="133">
        <v>0</v>
      </c>
      <c r="AO531" s="134"/>
    </row>
    <row r="532" spans="1:41" s="62" customFormat="1" hidden="1" outlineLevel="2">
      <c r="A532" s="61" t="s">
        <v>736</v>
      </c>
      <c r="B532" s="61" t="s">
        <v>737</v>
      </c>
      <c r="C532" s="71" t="s">
        <v>738</v>
      </c>
      <c r="D532" s="72" t="s">
        <v>1416</v>
      </c>
      <c r="E532" s="73"/>
      <c r="F532" s="62">
        <v>0</v>
      </c>
      <c r="G532" s="62">
        <v>0</v>
      </c>
      <c r="H532" s="62">
        <f>+F532-G532</f>
        <v>0</v>
      </c>
      <c r="J532" s="62">
        <v>0</v>
      </c>
      <c r="K532" s="62">
        <f>+F532-J532</f>
        <v>0</v>
      </c>
      <c r="M532" s="62">
        <v>0</v>
      </c>
      <c r="N532" s="62">
        <f>+F532-M532</f>
        <v>0</v>
      </c>
      <c r="P532" s="74">
        <v>0</v>
      </c>
      <c r="Q532" s="61">
        <v>0</v>
      </c>
      <c r="R532" s="61">
        <v>0</v>
      </c>
      <c r="S532" s="61">
        <v>0</v>
      </c>
      <c r="T532" s="62">
        <v>0</v>
      </c>
      <c r="U532" s="61">
        <v>0</v>
      </c>
      <c r="V532" s="61">
        <v>0</v>
      </c>
      <c r="W532" s="61">
        <v>15571</v>
      </c>
      <c r="X532" s="61">
        <v>8344</v>
      </c>
      <c r="Y532" s="61">
        <v>14929</v>
      </c>
      <c r="Z532" s="61">
        <v>6295</v>
      </c>
      <c r="AA532" s="61">
        <v>0</v>
      </c>
      <c r="AB532" s="75">
        <v>0</v>
      </c>
      <c r="AC532" s="61">
        <v>0</v>
      </c>
      <c r="AD532" s="61">
        <v>0</v>
      </c>
      <c r="AE532" s="61">
        <v>523</v>
      </c>
      <c r="AF532" s="62">
        <v>0</v>
      </c>
      <c r="AG532" s="61">
        <v>0</v>
      </c>
      <c r="AH532" s="61">
        <v>0</v>
      </c>
      <c r="AI532" s="61">
        <v>3827</v>
      </c>
      <c r="AJ532" s="61">
        <v>1877</v>
      </c>
      <c r="AK532" s="61">
        <v>0</v>
      </c>
      <c r="AL532" s="61">
        <v>562</v>
      </c>
      <c r="AM532" s="61">
        <v>0</v>
      </c>
      <c r="AN532" s="75">
        <v>0</v>
      </c>
    </row>
    <row r="533" spans="1:41" s="62" customFormat="1" hidden="1" outlineLevel="2">
      <c r="A533" s="61" t="s">
        <v>739</v>
      </c>
      <c r="B533" s="61" t="s">
        <v>740</v>
      </c>
      <c r="C533" s="71" t="s">
        <v>741</v>
      </c>
      <c r="D533" s="72" t="s">
        <v>1416</v>
      </c>
      <c r="E533" s="73"/>
      <c r="F533" s="62">
        <v>0</v>
      </c>
      <c r="G533" s="62">
        <v>0</v>
      </c>
      <c r="H533" s="62">
        <f>+F533-G533</f>
        <v>0</v>
      </c>
      <c r="J533" s="62">
        <v>0</v>
      </c>
      <c r="K533" s="62">
        <f>+F533-J533</f>
        <v>0</v>
      </c>
      <c r="M533" s="62">
        <v>0</v>
      </c>
      <c r="N533" s="62">
        <f>+F533-M533</f>
        <v>0</v>
      </c>
      <c r="P533" s="74">
        <v>0</v>
      </c>
      <c r="Q533" s="61">
        <v>0</v>
      </c>
      <c r="R533" s="61">
        <v>0</v>
      </c>
      <c r="S533" s="61">
        <v>0</v>
      </c>
      <c r="T533" s="62">
        <v>0</v>
      </c>
      <c r="U533" s="61">
        <v>0</v>
      </c>
      <c r="V533" s="61">
        <v>0</v>
      </c>
      <c r="W533" s="61">
        <v>-9291</v>
      </c>
      <c r="X533" s="61">
        <v>-3705</v>
      </c>
      <c r="Y533" s="61">
        <v>-11673</v>
      </c>
      <c r="Z533" s="61">
        <v>-2380</v>
      </c>
      <c r="AA533" s="61">
        <v>0</v>
      </c>
      <c r="AB533" s="75">
        <v>0</v>
      </c>
      <c r="AC533" s="61">
        <v>0</v>
      </c>
      <c r="AD533" s="61">
        <v>0</v>
      </c>
      <c r="AE533" s="61">
        <v>-212</v>
      </c>
      <c r="AF533" s="62">
        <v>0</v>
      </c>
      <c r="AG533" s="61">
        <v>0</v>
      </c>
      <c r="AH533" s="61">
        <v>0</v>
      </c>
      <c r="AI533" s="61">
        <v>0</v>
      </c>
      <c r="AJ533" s="61">
        <v>-283</v>
      </c>
      <c r="AK533" s="61">
        <v>0</v>
      </c>
      <c r="AL533" s="61">
        <v>-479</v>
      </c>
      <c r="AM533" s="61">
        <v>0</v>
      </c>
      <c r="AN533" s="75">
        <v>0</v>
      </c>
    </row>
    <row r="534" spans="1:41" s="114" customFormat="1" ht="15" hidden="1" customHeight="1" outlineLevel="1">
      <c r="A534" s="113" t="s">
        <v>1417</v>
      </c>
      <c r="B534" s="114" t="s">
        <v>2</v>
      </c>
      <c r="C534" s="148" t="s">
        <v>1418</v>
      </c>
      <c r="D534" s="147" t="s">
        <v>1416</v>
      </c>
      <c r="E534" s="117"/>
      <c r="F534" s="128">
        <v>0</v>
      </c>
      <c r="G534" s="129">
        <v>0</v>
      </c>
      <c r="H534" s="129">
        <f>+F534-G534</f>
        <v>0</v>
      </c>
      <c r="I534" s="130"/>
      <c r="J534" s="129">
        <v>0</v>
      </c>
      <c r="K534" s="129">
        <f>+F534-J534</f>
        <v>0</v>
      </c>
      <c r="L534" s="129"/>
      <c r="M534" s="129">
        <v>0</v>
      </c>
      <c r="N534" s="129">
        <f>+F534-M534</f>
        <v>0</v>
      </c>
      <c r="O534" s="131"/>
      <c r="P534" s="132">
        <v>0</v>
      </c>
      <c r="Q534" s="129">
        <v>0</v>
      </c>
      <c r="R534" s="129">
        <v>0</v>
      </c>
      <c r="S534" s="129">
        <v>0</v>
      </c>
      <c r="T534" s="129">
        <v>0</v>
      </c>
      <c r="U534" s="129">
        <v>0</v>
      </c>
      <c r="V534" s="129">
        <v>0</v>
      </c>
      <c r="W534" s="129">
        <v>6280</v>
      </c>
      <c r="X534" s="129">
        <v>4639</v>
      </c>
      <c r="Y534" s="129">
        <v>3256</v>
      </c>
      <c r="Z534" s="129">
        <v>3915</v>
      </c>
      <c r="AA534" s="129">
        <v>0</v>
      </c>
      <c r="AB534" s="133">
        <v>0</v>
      </c>
      <c r="AC534" s="129">
        <v>0</v>
      </c>
      <c r="AD534" s="129">
        <v>0</v>
      </c>
      <c r="AE534" s="129">
        <v>311</v>
      </c>
      <c r="AF534" s="129">
        <v>0</v>
      </c>
      <c r="AG534" s="129">
        <v>0</v>
      </c>
      <c r="AH534" s="129">
        <v>0</v>
      </c>
      <c r="AI534" s="129">
        <v>3827</v>
      </c>
      <c r="AJ534" s="129">
        <v>1594</v>
      </c>
      <c r="AK534" s="129">
        <v>0</v>
      </c>
      <c r="AL534" s="129">
        <v>83</v>
      </c>
      <c r="AM534" s="129">
        <v>0</v>
      </c>
      <c r="AN534" s="133">
        <v>0</v>
      </c>
      <c r="AO534" s="134"/>
    </row>
    <row r="535" spans="1:41" s="137" customFormat="1" ht="15" customHeight="1" collapsed="1">
      <c r="A535" s="136"/>
      <c r="B535" s="137" t="s">
        <v>2</v>
      </c>
      <c r="C535" s="138" t="s">
        <v>1419</v>
      </c>
      <c r="D535" s="146"/>
      <c r="E535" s="117"/>
      <c r="F535" s="139">
        <f>+F534+F531</f>
        <v>0</v>
      </c>
      <c r="G535" s="140">
        <f>+G534+G531</f>
        <v>0</v>
      </c>
      <c r="H535" s="140">
        <f>+F535-G535</f>
        <v>0</v>
      </c>
      <c r="I535" s="141"/>
      <c r="J535" s="140">
        <f>+J534+J531</f>
        <v>0</v>
      </c>
      <c r="K535" s="140">
        <f>+F535-J535</f>
        <v>0</v>
      </c>
      <c r="L535" s="140"/>
      <c r="M535" s="140">
        <f>+M534+M531</f>
        <v>0</v>
      </c>
      <c r="N535" s="140">
        <f>+F535-M535</f>
        <v>0</v>
      </c>
      <c r="O535" s="131"/>
      <c r="P535" s="142">
        <f t="shared" ref="P535:AN535" si="83">+P534+P531</f>
        <v>0</v>
      </c>
      <c r="Q535" s="140">
        <f t="shared" si="83"/>
        <v>0</v>
      </c>
      <c r="R535" s="140">
        <f t="shared" si="83"/>
        <v>0</v>
      </c>
      <c r="S535" s="140">
        <f t="shared" si="83"/>
        <v>0</v>
      </c>
      <c r="T535" s="140">
        <f t="shared" si="83"/>
        <v>0</v>
      </c>
      <c r="U535" s="140">
        <f t="shared" si="83"/>
        <v>0</v>
      </c>
      <c r="V535" s="140">
        <f t="shared" si="83"/>
        <v>0</v>
      </c>
      <c r="W535" s="140">
        <f t="shared" si="83"/>
        <v>6280</v>
      </c>
      <c r="X535" s="140">
        <f t="shared" si="83"/>
        <v>4639</v>
      </c>
      <c r="Y535" s="140">
        <f t="shared" si="83"/>
        <v>3256</v>
      </c>
      <c r="Z535" s="140">
        <f t="shared" si="83"/>
        <v>3915</v>
      </c>
      <c r="AA535" s="140">
        <f t="shared" si="83"/>
        <v>0</v>
      </c>
      <c r="AB535" s="143">
        <f t="shared" si="83"/>
        <v>0</v>
      </c>
      <c r="AC535" s="140">
        <f t="shared" si="83"/>
        <v>0</v>
      </c>
      <c r="AD535" s="140">
        <f t="shared" si="83"/>
        <v>0</v>
      </c>
      <c r="AE535" s="140">
        <f t="shared" si="83"/>
        <v>311</v>
      </c>
      <c r="AF535" s="140">
        <f t="shared" si="83"/>
        <v>0</v>
      </c>
      <c r="AG535" s="140">
        <f t="shared" si="83"/>
        <v>0</v>
      </c>
      <c r="AH535" s="140">
        <f t="shared" si="83"/>
        <v>0</v>
      </c>
      <c r="AI535" s="140">
        <f t="shared" si="83"/>
        <v>3827</v>
      </c>
      <c r="AJ535" s="140">
        <f t="shared" si="83"/>
        <v>1594</v>
      </c>
      <c r="AK535" s="140">
        <f t="shared" si="83"/>
        <v>0</v>
      </c>
      <c r="AL535" s="140">
        <f t="shared" si="83"/>
        <v>83</v>
      </c>
      <c r="AM535" s="140">
        <f t="shared" si="83"/>
        <v>0</v>
      </c>
      <c r="AN535" s="143">
        <f t="shared" si="83"/>
        <v>0</v>
      </c>
      <c r="AO535" s="144"/>
    </row>
    <row r="536" spans="1:41" s="114" customFormat="1" ht="3.75" hidden="1" customHeight="1" outlineLevel="1">
      <c r="A536" s="113"/>
      <c r="C536" s="145"/>
      <c r="D536" s="146"/>
      <c r="E536" s="117"/>
      <c r="F536" s="128"/>
      <c r="G536" s="129"/>
      <c r="H536" s="129"/>
      <c r="I536" s="130"/>
      <c r="J536" s="129"/>
      <c r="K536" s="129"/>
      <c r="L536" s="129"/>
      <c r="M536" s="129"/>
      <c r="N536" s="129"/>
      <c r="O536" s="131"/>
      <c r="P536" s="132"/>
      <c r="Q536" s="129"/>
      <c r="R536" s="129"/>
      <c r="S536" s="129"/>
      <c r="T536" s="129"/>
      <c r="U536" s="129"/>
      <c r="V536" s="129"/>
      <c r="W536" s="129"/>
      <c r="X536" s="129"/>
      <c r="Y536" s="129"/>
      <c r="Z536" s="129"/>
      <c r="AA536" s="129"/>
      <c r="AB536" s="133"/>
      <c r="AC536" s="129"/>
      <c r="AD536" s="129"/>
      <c r="AE536" s="129"/>
      <c r="AF536" s="129"/>
      <c r="AG536" s="129"/>
      <c r="AH536" s="129"/>
      <c r="AI536" s="129"/>
      <c r="AJ536" s="129"/>
      <c r="AK536" s="129"/>
      <c r="AL536" s="129"/>
      <c r="AM536" s="129"/>
      <c r="AN536" s="133"/>
      <c r="AO536" s="134"/>
    </row>
    <row r="537" spans="1:41" s="62" customFormat="1" hidden="1" outlineLevel="2">
      <c r="A537" s="61" t="s">
        <v>176</v>
      </c>
      <c r="B537" s="61" t="s">
        <v>177</v>
      </c>
      <c r="C537" s="71" t="s">
        <v>178</v>
      </c>
      <c r="D537" s="72" t="s">
        <v>1420</v>
      </c>
      <c r="E537" s="73"/>
      <c r="F537" s="62">
        <v>-6467.51</v>
      </c>
      <c r="G537" s="62">
        <v>-15909.04</v>
      </c>
      <c r="H537" s="62">
        <f t="shared" ref="H537:H555" si="84">+F537-G537</f>
        <v>9441.5300000000007</v>
      </c>
      <c r="J537" s="62">
        <v>-15909.04</v>
      </c>
      <c r="K537" s="62">
        <f t="shared" ref="K537:K555" si="85">+F537-J537</f>
        <v>9441.5300000000007</v>
      </c>
      <c r="M537" s="62">
        <v>-7275.9400000000005</v>
      </c>
      <c r="N537" s="62">
        <f t="shared" ref="N537:N555" si="86">+F537-M537</f>
        <v>808.43000000000029</v>
      </c>
      <c r="P537" s="74">
        <v>-24811.350000000002</v>
      </c>
      <c r="Q537" s="61">
        <v>-24036</v>
      </c>
      <c r="R537" s="61">
        <v>-23260.65</v>
      </c>
      <c r="S537" s="61">
        <v>-22485.3</v>
      </c>
      <c r="T537" s="62">
        <v>-21709.95</v>
      </c>
      <c r="U537" s="61">
        <v>-20934.600000000002</v>
      </c>
      <c r="V537" s="61">
        <v>-20460.830000000002</v>
      </c>
      <c r="W537" s="61">
        <v>-19673.87</v>
      </c>
      <c r="X537" s="61">
        <v>-18886.91</v>
      </c>
      <c r="Y537" s="61">
        <v>-18099.95</v>
      </c>
      <c r="Z537" s="61">
        <v>-17312.990000000002</v>
      </c>
      <c r="AA537" s="61">
        <v>-16526.03</v>
      </c>
      <c r="AB537" s="75">
        <v>-15909.04</v>
      </c>
      <c r="AC537" s="61">
        <v>-15113.6</v>
      </c>
      <c r="AD537" s="61">
        <v>-14318.16</v>
      </c>
      <c r="AE537" s="61">
        <v>-13522.720000000001</v>
      </c>
      <c r="AF537" s="62">
        <v>-12727.28</v>
      </c>
      <c r="AG537" s="61">
        <v>-11931.84</v>
      </c>
      <c r="AH537" s="61">
        <v>-11318.09</v>
      </c>
      <c r="AI537" s="61">
        <v>-10509.66</v>
      </c>
      <c r="AJ537" s="61">
        <v>-9701.23</v>
      </c>
      <c r="AK537" s="61">
        <v>-8892.8000000000011</v>
      </c>
      <c r="AL537" s="61">
        <v>-8084.37</v>
      </c>
      <c r="AM537" s="61">
        <v>-7275.9400000000005</v>
      </c>
      <c r="AN537" s="75">
        <v>-6467.51</v>
      </c>
    </row>
    <row r="538" spans="1:41" s="62" customFormat="1" hidden="1" outlineLevel="2">
      <c r="A538" s="61" t="s">
        <v>179</v>
      </c>
      <c r="B538" s="61" t="s">
        <v>180</v>
      </c>
      <c r="C538" s="71" t="s">
        <v>181</v>
      </c>
      <c r="D538" s="72" t="s">
        <v>1420</v>
      </c>
      <c r="E538" s="73"/>
      <c r="F538" s="62">
        <v>2206966.15</v>
      </c>
      <c r="G538" s="62">
        <v>3530627.75</v>
      </c>
      <c r="H538" s="62">
        <f t="shared" si="84"/>
        <v>-1323661.6000000001</v>
      </c>
      <c r="J538" s="62">
        <v>3530627.75</v>
      </c>
      <c r="K538" s="62">
        <f t="shared" si="85"/>
        <v>-1323661.6000000001</v>
      </c>
      <c r="M538" s="62">
        <v>3218504.79</v>
      </c>
      <c r="N538" s="62">
        <f t="shared" si="86"/>
        <v>-1011538.6400000001</v>
      </c>
      <c r="P538" s="74">
        <v>4642531.66</v>
      </c>
      <c r="Q538" s="61">
        <v>-7242017.6500000004</v>
      </c>
      <c r="R538" s="61">
        <v>-5200138.59</v>
      </c>
      <c r="S538" s="61">
        <v>-3500962.14</v>
      </c>
      <c r="T538" s="62">
        <v>-2547704.41</v>
      </c>
      <c r="U538" s="61">
        <v>-1532010.37</v>
      </c>
      <c r="V538" s="61">
        <v>-1518262.95</v>
      </c>
      <c r="W538" s="61">
        <v>880780.86</v>
      </c>
      <c r="X538" s="61">
        <v>1629479.47</v>
      </c>
      <c r="Y538" s="61">
        <v>2273466.9900000002</v>
      </c>
      <c r="Z538" s="61">
        <v>3052637.29</v>
      </c>
      <c r="AA538" s="61">
        <v>3517624.29</v>
      </c>
      <c r="AB538" s="75">
        <v>3530627.75</v>
      </c>
      <c r="AC538" s="61">
        <v>3389224.91</v>
      </c>
      <c r="AD538" s="61">
        <v>3265538.72</v>
      </c>
      <c r="AE538" s="61">
        <v>4374641.7</v>
      </c>
      <c r="AF538" s="62">
        <v>4239229.16</v>
      </c>
      <c r="AG538" s="61">
        <v>4161518.96</v>
      </c>
      <c r="AH538" s="61">
        <v>4318211.25</v>
      </c>
      <c r="AI538" s="61">
        <v>4186300.36</v>
      </c>
      <c r="AJ538" s="61">
        <v>3966608.55</v>
      </c>
      <c r="AK538" s="61">
        <v>3787481.7199999997</v>
      </c>
      <c r="AL538" s="61">
        <v>3474750.5300000003</v>
      </c>
      <c r="AM538" s="61">
        <v>3218504.79</v>
      </c>
      <c r="AN538" s="75">
        <v>2206966.15</v>
      </c>
    </row>
    <row r="539" spans="1:41" s="62" customFormat="1" hidden="1" outlineLevel="2">
      <c r="A539" s="61" t="s">
        <v>463</v>
      </c>
      <c r="B539" s="61" t="s">
        <v>464</v>
      </c>
      <c r="C539" s="71" t="s">
        <v>403</v>
      </c>
      <c r="D539" s="72" t="s">
        <v>1420</v>
      </c>
      <c r="E539" s="73"/>
      <c r="F539" s="62">
        <v>0</v>
      </c>
      <c r="G539" s="62">
        <v>-4844539.17</v>
      </c>
      <c r="H539" s="62">
        <f t="shared" si="84"/>
        <v>4844539.17</v>
      </c>
      <c r="J539" s="62">
        <v>-4844539.17</v>
      </c>
      <c r="K539" s="62">
        <f t="shared" si="85"/>
        <v>4844539.17</v>
      </c>
      <c r="M539" s="62">
        <v>0</v>
      </c>
      <c r="N539" s="62">
        <f t="shared" si="86"/>
        <v>0</v>
      </c>
      <c r="P539" s="74">
        <v>0</v>
      </c>
      <c r="Q539" s="61">
        <v>0</v>
      </c>
      <c r="R539" s="61">
        <v>0</v>
      </c>
      <c r="S539" s="61">
        <v>0</v>
      </c>
      <c r="T539" s="62">
        <v>0</v>
      </c>
      <c r="U539" s="61">
        <v>0</v>
      </c>
      <c r="V539" s="61">
        <v>0</v>
      </c>
      <c r="W539" s="61">
        <v>0</v>
      </c>
      <c r="X539" s="61">
        <v>0</v>
      </c>
      <c r="Y539" s="61">
        <v>0</v>
      </c>
      <c r="Z539" s="61">
        <v>0</v>
      </c>
      <c r="AA539" s="61">
        <v>0</v>
      </c>
      <c r="AB539" s="75">
        <v>-4844539.17</v>
      </c>
      <c r="AC539" s="61">
        <v>-4844539.17</v>
      </c>
      <c r="AD539" s="61">
        <v>-4844539.17</v>
      </c>
      <c r="AE539" s="61">
        <v>-4844539.17</v>
      </c>
      <c r="AF539" s="62">
        <v>-4844539.17</v>
      </c>
      <c r="AG539" s="61">
        <v>-4844539.17</v>
      </c>
      <c r="AH539" s="61">
        <v>0</v>
      </c>
      <c r="AI539" s="61">
        <v>0</v>
      </c>
      <c r="AJ539" s="61">
        <v>0</v>
      </c>
      <c r="AK539" s="61">
        <v>0</v>
      </c>
      <c r="AL539" s="61">
        <v>0</v>
      </c>
      <c r="AM539" s="61">
        <v>0</v>
      </c>
      <c r="AN539" s="75">
        <v>0</v>
      </c>
    </row>
    <row r="540" spans="1:41" s="62" customFormat="1" hidden="1" outlineLevel="2">
      <c r="A540" s="61" t="s">
        <v>182</v>
      </c>
      <c r="B540" s="61" t="s">
        <v>183</v>
      </c>
      <c r="C540" s="71" t="s">
        <v>184</v>
      </c>
      <c r="D540" s="72" t="s">
        <v>1420</v>
      </c>
      <c r="E540" s="73"/>
      <c r="F540" s="62">
        <v>-573840.56000000006</v>
      </c>
      <c r="G540" s="62">
        <v>-96433.17</v>
      </c>
      <c r="H540" s="62">
        <f t="shared" si="84"/>
        <v>-477407.39000000007</v>
      </c>
      <c r="J540" s="62">
        <v>-96433.17</v>
      </c>
      <c r="K540" s="62">
        <f t="shared" si="85"/>
        <v>-477407.39000000007</v>
      </c>
      <c r="M540" s="62">
        <v>-307814.14</v>
      </c>
      <c r="N540" s="62">
        <f t="shared" si="86"/>
        <v>-266026.42000000004</v>
      </c>
      <c r="P540" s="74">
        <v>-239516.32</v>
      </c>
      <c r="Q540" s="61">
        <v>-219556.87</v>
      </c>
      <c r="R540" s="61">
        <v>-199597.42</v>
      </c>
      <c r="S540" s="61">
        <v>-179637.97</v>
      </c>
      <c r="T540" s="62">
        <v>-159678.51999999999</v>
      </c>
      <c r="U540" s="61">
        <v>-139719.07</v>
      </c>
      <c r="V540" s="61">
        <v>-119759.62</v>
      </c>
      <c r="W540" s="61">
        <v>-99800.17</v>
      </c>
      <c r="X540" s="61">
        <v>-79840.72</v>
      </c>
      <c r="Y540" s="61">
        <v>-59881.270000000004</v>
      </c>
      <c r="Z540" s="61">
        <v>-39921.82</v>
      </c>
      <c r="AA540" s="61">
        <v>-19962.37</v>
      </c>
      <c r="AB540" s="75">
        <v>-96433.17</v>
      </c>
      <c r="AC540" s="61">
        <v>-96433.17</v>
      </c>
      <c r="AD540" s="61">
        <v>-96433.17</v>
      </c>
      <c r="AE540" s="61">
        <v>-96433.17</v>
      </c>
      <c r="AF540" s="62">
        <v>-96433.17</v>
      </c>
      <c r="AG540" s="61">
        <v>-96433.17</v>
      </c>
      <c r="AH540" s="61">
        <v>-96433.17</v>
      </c>
      <c r="AI540" s="61">
        <v>-96433.17</v>
      </c>
      <c r="AJ540" s="61">
        <v>-96433.17</v>
      </c>
      <c r="AK540" s="61">
        <v>-96433.17</v>
      </c>
      <c r="AL540" s="61">
        <v>-96433.17</v>
      </c>
      <c r="AM540" s="61">
        <v>-307814.14</v>
      </c>
      <c r="AN540" s="75">
        <v>-573840.56000000006</v>
      </c>
    </row>
    <row r="541" spans="1:41" s="62" customFormat="1" hidden="1" outlineLevel="2">
      <c r="A541" s="61" t="s">
        <v>185</v>
      </c>
      <c r="B541" s="61" t="s">
        <v>186</v>
      </c>
      <c r="C541" s="71" t="s">
        <v>187</v>
      </c>
      <c r="D541" s="72" t="s">
        <v>1420</v>
      </c>
      <c r="E541" s="73"/>
      <c r="F541" s="62">
        <v>-8010518.21</v>
      </c>
      <c r="G541" s="62">
        <v>-7482039.1299999999</v>
      </c>
      <c r="H541" s="62">
        <f t="shared" si="84"/>
        <v>-528479.08000000007</v>
      </c>
      <c r="J541" s="62">
        <v>-7482039.1299999999</v>
      </c>
      <c r="K541" s="62">
        <f t="shared" si="85"/>
        <v>-528479.08000000007</v>
      </c>
      <c r="M541" s="62">
        <v>-8047546.1399999997</v>
      </c>
      <c r="N541" s="62">
        <f t="shared" si="86"/>
        <v>37027.929999999702</v>
      </c>
      <c r="P541" s="74">
        <v>-7011832.46</v>
      </c>
      <c r="Q541" s="61">
        <v>-6394458.4100000001</v>
      </c>
      <c r="R541" s="61">
        <v>-6603201.2400000002</v>
      </c>
      <c r="S541" s="61">
        <v>-6789120.9100000001</v>
      </c>
      <c r="T541" s="62">
        <v>-6938080.2599999998</v>
      </c>
      <c r="U541" s="61">
        <v>-7092172.9900000002</v>
      </c>
      <c r="V541" s="61">
        <v>-7192770.7599999998</v>
      </c>
      <c r="W541" s="61">
        <v>-7427926.6500000004</v>
      </c>
      <c r="X541" s="61">
        <v>-7570162.1699999999</v>
      </c>
      <c r="Y541" s="61">
        <v>-7712743.4199999999</v>
      </c>
      <c r="Z541" s="61">
        <v>-7857724.2999999998</v>
      </c>
      <c r="AA541" s="61">
        <v>-8118547.4900000002</v>
      </c>
      <c r="AB541" s="75">
        <v>-7482039.1299999999</v>
      </c>
      <c r="AC541" s="61">
        <v>-7490449.04</v>
      </c>
      <c r="AD541" s="61">
        <v>-7506129.1600000001</v>
      </c>
      <c r="AE541" s="61">
        <v>-7597647.6399999997</v>
      </c>
      <c r="AF541" s="62">
        <v>-7602098.3100000005</v>
      </c>
      <c r="AG541" s="61">
        <v>-7613709.3100000005</v>
      </c>
      <c r="AH541" s="61">
        <v>-7660354.6200000001</v>
      </c>
      <c r="AI541" s="61">
        <v>-7666522.0899999999</v>
      </c>
      <c r="AJ541" s="61">
        <v>-7715649.5800000001</v>
      </c>
      <c r="AK541" s="61">
        <v>-7726354.4400000004</v>
      </c>
      <c r="AL541" s="61">
        <v>-7729239.6100000003</v>
      </c>
      <c r="AM541" s="61">
        <v>-8047546.1399999997</v>
      </c>
      <c r="AN541" s="75">
        <v>-8010518.21</v>
      </c>
    </row>
    <row r="542" spans="1:41" s="62" customFormat="1" hidden="1" outlineLevel="2">
      <c r="A542" s="61" t="s">
        <v>188</v>
      </c>
      <c r="B542" s="61" t="s">
        <v>189</v>
      </c>
      <c r="C542" s="71" t="s">
        <v>190</v>
      </c>
      <c r="D542" s="72" t="s">
        <v>1420</v>
      </c>
      <c r="E542" s="73"/>
      <c r="F542" s="62">
        <v>-9376.76</v>
      </c>
      <c r="G542" s="62">
        <v>5882.17</v>
      </c>
      <c r="H542" s="62">
        <f t="shared" si="84"/>
        <v>-15258.93</v>
      </c>
      <c r="J542" s="62">
        <v>5882.17</v>
      </c>
      <c r="K542" s="62">
        <f t="shared" si="85"/>
        <v>-15258.93</v>
      </c>
      <c r="M542" s="62">
        <v>-9392.92</v>
      </c>
      <c r="N542" s="62">
        <f t="shared" si="86"/>
        <v>16.159999999999854</v>
      </c>
      <c r="P542" s="74">
        <v>-9211.99</v>
      </c>
      <c r="Q542" s="61">
        <v>-9399.92</v>
      </c>
      <c r="R542" s="61">
        <v>-9587.84</v>
      </c>
      <c r="S542" s="61">
        <v>-9775.76</v>
      </c>
      <c r="T542" s="62">
        <v>-9963.68</v>
      </c>
      <c r="U542" s="61">
        <v>-10151.61</v>
      </c>
      <c r="V542" s="61">
        <v>-10339.530000000001</v>
      </c>
      <c r="W542" s="61">
        <v>-10527.45</v>
      </c>
      <c r="X542" s="61">
        <v>-10715.37</v>
      </c>
      <c r="Y542" s="61">
        <v>-10903.300000000001</v>
      </c>
      <c r="Z542" s="61">
        <v>-11091.22</v>
      </c>
      <c r="AA542" s="61">
        <v>-10652.380000000001</v>
      </c>
      <c r="AB542" s="75">
        <v>5882.17</v>
      </c>
      <c r="AC542" s="61">
        <v>7087.78</v>
      </c>
      <c r="AD542" s="61">
        <v>5624.78</v>
      </c>
      <c r="AE542" s="61">
        <v>5496.08</v>
      </c>
      <c r="AF542" s="62">
        <v>5367.4000000000005</v>
      </c>
      <c r="AG542" s="61">
        <v>5238.7</v>
      </c>
      <c r="AH542" s="61">
        <v>5110.01</v>
      </c>
      <c r="AI542" s="61">
        <v>4981.3100000000004</v>
      </c>
      <c r="AJ542" s="61">
        <v>4852.62</v>
      </c>
      <c r="AK542" s="61">
        <v>4723.93</v>
      </c>
      <c r="AL542" s="61">
        <v>4595.24</v>
      </c>
      <c r="AM542" s="61">
        <v>-9392.92</v>
      </c>
      <c r="AN542" s="75">
        <v>-9376.76</v>
      </c>
    </row>
    <row r="543" spans="1:41" s="114" customFormat="1" ht="15" hidden="1" customHeight="1" outlineLevel="1">
      <c r="A543" s="113" t="s">
        <v>1421</v>
      </c>
      <c r="B543" s="114" t="s">
        <v>2</v>
      </c>
      <c r="C543" s="126" t="s">
        <v>1422</v>
      </c>
      <c r="D543" s="147" t="s">
        <v>1420</v>
      </c>
      <c r="E543" s="117"/>
      <c r="F543" s="128">
        <v>-6393236.8899999997</v>
      </c>
      <c r="G543" s="129">
        <v>-8902410.5899999999</v>
      </c>
      <c r="H543" s="129">
        <f t="shared" si="84"/>
        <v>2509173.7000000002</v>
      </c>
      <c r="I543" s="130"/>
      <c r="J543" s="129">
        <v>-8902410.5899999999</v>
      </c>
      <c r="K543" s="129">
        <f t="shared" si="85"/>
        <v>2509173.7000000002</v>
      </c>
      <c r="L543" s="129"/>
      <c r="M543" s="129">
        <v>-5153524.3499999996</v>
      </c>
      <c r="N543" s="129">
        <f t="shared" si="86"/>
        <v>-1239712.54</v>
      </c>
      <c r="O543" s="131"/>
      <c r="P543" s="132">
        <v>-2642840.46</v>
      </c>
      <c r="Q543" s="129">
        <v>-13889468.85</v>
      </c>
      <c r="R543" s="129">
        <v>-12035785.74</v>
      </c>
      <c r="S543" s="129">
        <v>-10501982.08</v>
      </c>
      <c r="T543" s="129">
        <v>-9677136.8200000003</v>
      </c>
      <c r="U543" s="129">
        <v>-8794988.6400000006</v>
      </c>
      <c r="V543" s="129">
        <v>-8861593.6899999995</v>
      </c>
      <c r="W543" s="129">
        <v>-6677147.2800000003</v>
      </c>
      <c r="X543" s="129">
        <v>-6050125.7000000002</v>
      </c>
      <c r="Y543" s="129">
        <v>-5528160.9500000002</v>
      </c>
      <c r="Z543" s="129">
        <v>-4873413.04</v>
      </c>
      <c r="AA543" s="129">
        <v>-4648063.9799999995</v>
      </c>
      <c r="AB543" s="133">
        <v>-8902410.5899999999</v>
      </c>
      <c r="AC543" s="129">
        <v>-9050222.290000001</v>
      </c>
      <c r="AD543" s="129">
        <v>-9190256.1600000001</v>
      </c>
      <c r="AE543" s="129">
        <v>-8172004.919999999</v>
      </c>
      <c r="AF543" s="129">
        <v>-8311201.3700000001</v>
      </c>
      <c r="AG543" s="129">
        <v>-8399855.8300000019</v>
      </c>
      <c r="AH543" s="129">
        <v>-3444784.62</v>
      </c>
      <c r="AI543" s="129">
        <v>-3582183.25</v>
      </c>
      <c r="AJ543" s="129">
        <v>-3850322.81</v>
      </c>
      <c r="AK543" s="129">
        <v>-4039474.7600000002</v>
      </c>
      <c r="AL543" s="129">
        <v>-4354411.38</v>
      </c>
      <c r="AM543" s="129">
        <v>-5153524.3499999996</v>
      </c>
      <c r="AN543" s="133">
        <v>-6393236.8899999997</v>
      </c>
      <c r="AO543" s="134"/>
    </row>
    <row r="544" spans="1:41" s="62" customFormat="1" hidden="1" outlineLevel="2">
      <c r="A544" s="61" t="s">
        <v>1423</v>
      </c>
      <c r="B544" s="61" t="s">
        <v>1424</v>
      </c>
      <c r="C544" s="71" t="s">
        <v>1425</v>
      </c>
      <c r="D544" s="72" t="s">
        <v>1420</v>
      </c>
      <c r="E544" s="73"/>
      <c r="F544" s="62">
        <v>0</v>
      </c>
      <c r="G544" s="62">
        <v>0</v>
      </c>
      <c r="H544" s="62">
        <f t="shared" si="84"/>
        <v>0</v>
      </c>
      <c r="J544" s="62">
        <v>0</v>
      </c>
      <c r="K544" s="62">
        <f t="shared" si="85"/>
        <v>0</v>
      </c>
      <c r="M544" s="62">
        <v>0</v>
      </c>
      <c r="N544" s="62">
        <f t="shared" si="86"/>
        <v>0</v>
      </c>
      <c r="P544" s="74">
        <v>0</v>
      </c>
      <c r="Q544" s="61">
        <v>0</v>
      </c>
      <c r="R544" s="61">
        <v>0</v>
      </c>
      <c r="S544" s="61">
        <v>0</v>
      </c>
      <c r="T544" s="62">
        <v>0</v>
      </c>
      <c r="U544" s="61">
        <v>0</v>
      </c>
      <c r="V544" s="61">
        <v>0</v>
      </c>
      <c r="W544" s="61">
        <v>0</v>
      </c>
      <c r="X544" s="61">
        <v>0</v>
      </c>
      <c r="Y544" s="61">
        <v>0</v>
      </c>
      <c r="Z544" s="61">
        <v>0</v>
      </c>
      <c r="AA544" s="61">
        <v>0</v>
      </c>
      <c r="AB544" s="75">
        <v>0</v>
      </c>
      <c r="AC544" s="61">
        <v>0</v>
      </c>
      <c r="AD544" s="61">
        <v>0</v>
      </c>
      <c r="AE544" s="61">
        <v>0</v>
      </c>
      <c r="AF544" s="62">
        <v>0</v>
      </c>
      <c r="AG544" s="61">
        <v>0</v>
      </c>
      <c r="AH544" s="61">
        <v>0</v>
      </c>
      <c r="AI544" s="61">
        <v>0</v>
      </c>
      <c r="AJ544" s="61">
        <v>0</v>
      </c>
      <c r="AK544" s="61">
        <v>0</v>
      </c>
      <c r="AL544" s="61">
        <v>0</v>
      </c>
      <c r="AM544" s="61">
        <v>0</v>
      </c>
      <c r="AN544" s="75">
        <v>0</v>
      </c>
    </row>
    <row r="545" spans="1:41" s="62" customFormat="1" hidden="1" outlineLevel="2">
      <c r="A545" s="61" t="s">
        <v>468</v>
      </c>
      <c r="B545" s="61" t="s">
        <v>469</v>
      </c>
      <c r="C545" s="71" t="s">
        <v>470</v>
      </c>
      <c r="D545" s="72" t="s">
        <v>1420</v>
      </c>
      <c r="E545" s="73"/>
      <c r="F545" s="62">
        <v>-32461</v>
      </c>
      <c r="G545" s="62">
        <v>0</v>
      </c>
      <c r="H545" s="62">
        <f t="shared" si="84"/>
        <v>-32461</v>
      </c>
      <c r="J545" s="62">
        <v>0</v>
      </c>
      <c r="K545" s="62">
        <f t="shared" si="85"/>
        <v>-32461</v>
      </c>
      <c r="M545" s="62">
        <v>-30991</v>
      </c>
      <c r="N545" s="62">
        <f t="shared" si="86"/>
        <v>-1470</v>
      </c>
      <c r="P545" s="74">
        <v>0</v>
      </c>
      <c r="Q545" s="61">
        <v>0</v>
      </c>
      <c r="R545" s="61">
        <v>0</v>
      </c>
      <c r="S545" s="61">
        <v>0</v>
      </c>
      <c r="T545" s="62">
        <v>0</v>
      </c>
      <c r="U545" s="61">
        <v>0</v>
      </c>
      <c r="V545" s="61">
        <v>0</v>
      </c>
      <c r="W545" s="61">
        <v>0</v>
      </c>
      <c r="X545" s="61">
        <v>0</v>
      </c>
      <c r="Y545" s="61">
        <v>0</v>
      </c>
      <c r="Z545" s="61">
        <v>0</v>
      </c>
      <c r="AA545" s="61">
        <v>0</v>
      </c>
      <c r="AB545" s="75">
        <v>0</v>
      </c>
      <c r="AC545" s="61">
        <v>0</v>
      </c>
      <c r="AD545" s="61">
        <v>0</v>
      </c>
      <c r="AE545" s="61">
        <v>-33357</v>
      </c>
      <c r="AF545" s="62">
        <v>-33357</v>
      </c>
      <c r="AG545" s="61">
        <v>-33357</v>
      </c>
      <c r="AH545" s="61">
        <v>-31154</v>
      </c>
      <c r="AI545" s="61">
        <v>-31154</v>
      </c>
      <c r="AJ545" s="61">
        <v>-31154</v>
      </c>
      <c r="AK545" s="61">
        <v>-30991</v>
      </c>
      <c r="AL545" s="61">
        <v>-30991</v>
      </c>
      <c r="AM545" s="61">
        <v>-30991</v>
      </c>
      <c r="AN545" s="75">
        <v>-32461</v>
      </c>
    </row>
    <row r="546" spans="1:41" s="62" customFormat="1" hidden="1" outlineLevel="2">
      <c r="A546" s="61" t="s">
        <v>436</v>
      </c>
      <c r="B546" s="61" t="s">
        <v>437</v>
      </c>
      <c r="C546" s="71" t="s">
        <v>438</v>
      </c>
      <c r="D546" s="72" t="s">
        <v>1420</v>
      </c>
      <c r="E546" s="73"/>
      <c r="F546" s="62">
        <v>-208313.14</v>
      </c>
      <c r="G546" s="62">
        <v>-188702.14</v>
      </c>
      <c r="H546" s="62">
        <f t="shared" si="84"/>
        <v>-19611</v>
      </c>
      <c r="J546" s="62">
        <v>-188702.14</v>
      </c>
      <c r="K546" s="62">
        <f t="shared" si="85"/>
        <v>-19611</v>
      </c>
      <c r="M546" s="62">
        <v>-208313.14</v>
      </c>
      <c r="N546" s="62">
        <f t="shared" si="86"/>
        <v>0</v>
      </c>
      <c r="P546" s="74">
        <v>0</v>
      </c>
      <c r="Q546" s="61">
        <v>0</v>
      </c>
      <c r="R546" s="61">
        <v>0</v>
      </c>
      <c r="S546" s="61">
        <v>0</v>
      </c>
      <c r="T546" s="62">
        <v>0</v>
      </c>
      <c r="U546" s="61">
        <v>0</v>
      </c>
      <c r="V546" s="61">
        <v>0</v>
      </c>
      <c r="W546" s="61">
        <v>0</v>
      </c>
      <c r="X546" s="61">
        <v>0</v>
      </c>
      <c r="Y546" s="61">
        <v>0</v>
      </c>
      <c r="Z546" s="61">
        <v>0</v>
      </c>
      <c r="AA546" s="61">
        <v>0</v>
      </c>
      <c r="AB546" s="75">
        <v>-188702.14</v>
      </c>
      <c r="AC546" s="61">
        <v>-188702.14</v>
      </c>
      <c r="AD546" s="61">
        <v>-188702.14</v>
      </c>
      <c r="AE546" s="61">
        <v>-208313.14</v>
      </c>
      <c r="AF546" s="62">
        <v>-208313.14</v>
      </c>
      <c r="AG546" s="61">
        <v>-208313.14</v>
      </c>
      <c r="AH546" s="61">
        <v>-208313.14</v>
      </c>
      <c r="AI546" s="61">
        <v>-208313.14</v>
      </c>
      <c r="AJ546" s="61">
        <v>-208313.14</v>
      </c>
      <c r="AK546" s="61">
        <v>-208313.14</v>
      </c>
      <c r="AL546" s="61">
        <v>-208313.14</v>
      </c>
      <c r="AM546" s="61">
        <v>-208313.14</v>
      </c>
      <c r="AN546" s="75">
        <v>-208313.14</v>
      </c>
    </row>
    <row r="547" spans="1:41" s="62" customFormat="1" hidden="1" outlineLevel="2">
      <c r="A547" s="61" t="s">
        <v>392</v>
      </c>
      <c r="B547" s="61" t="s">
        <v>393</v>
      </c>
      <c r="C547" s="71" t="s">
        <v>394</v>
      </c>
      <c r="D547" s="72" t="s">
        <v>1420</v>
      </c>
      <c r="E547" s="73"/>
      <c r="F547" s="62">
        <v>111434193.61</v>
      </c>
      <c r="G547" s="62">
        <v>108337550.67</v>
      </c>
      <c r="H547" s="62">
        <f t="shared" si="84"/>
        <v>3096642.9399999976</v>
      </c>
      <c r="J547" s="62">
        <v>108337550.67</v>
      </c>
      <c r="K547" s="62">
        <f t="shared" si="85"/>
        <v>3096642.9399999976</v>
      </c>
      <c r="M547" s="62">
        <v>112506747.75</v>
      </c>
      <c r="N547" s="62">
        <f t="shared" si="86"/>
        <v>-1072554.1400000006</v>
      </c>
      <c r="P547" s="74">
        <v>103004615.42</v>
      </c>
      <c r="Q547" s="61">
        <v>104118001.86</v>
      </c>
      <c r="R547" s="61">
        <v>105236186.23999999</v>
      </c>
      <c r="S547" s="61">
        <v>106349688.01000001</v>
      </c>
      <c r="T547" s="62">
        <v>107459325.5</v>
      </c>
      <c r="U547" s="61">
        <v>108575160.41</v>
      </c>
      <c r="V547" s="61">
        <v>109691830.92</v>
      </c>
      <c r="W547" s="61">
        <v>110807295.66</v>
      </c>
      <c r="X547" s="61">
        <v>111920444.05</v>
      </c>
      <c r="Y547" s="61">
        <v>113036134.08</v>
      </c>
      <c r="Z547" s="61">
        <v>114152464.27</v>
      </c>
      <c r="AA547" s="61">
        <v>115208351.09</v>
      </c>
      <c r="AB547" s="75">
        <v>108337550.67</v>
      </c>
      <c r="AC547" s="61">
        <v>108792842.54000001</v>
      </c>
      <c r="AD547" s="61">
        <v>109034955.19</v>
      </c>
      <c r="AE547" s="61">
        <v>109387456.73</v>
      </c>
      <c r="AF547" s="62">
        <v>109739367.88</v>
      </c>
      <c r="AG547" s="61">
        <v>110092469.05</v>
      </c>
      <c r="AH547" s="61">
        <v>110443768.27</v>
      </c>
      <c r="AI547" s="61">
        <v>110792301.14</v>
      </c>
      <c r="AJ547" s="61">
        <v>111142376.48999999</v>
      </c>
      <c r="AK547" s="61">
        <v>111494348.87</v>
      </c>
      <c r="AL547" s="61">
        <v>111845296</v>
      </c>
      <c r="AM547" s="61">
        <v>112506747.75</v>
      </c>
      <c r="AN547" s="75">
        <v>111434193.61</v>
      </c>
    </row>
    <row r="548" spans="1:41" s="62" customFormat="1" hidden="1" outlineLevel="2">
      <c r="A548" s="61" t="s">
        <v>395</v>
      </c>
      <c r="B548" s="61" t="s">
        <v>396</v>
      </c>
      <c r="C548" s="71" t="s">
        <v>397</v>
      </c>
      <c r="D548" s="72" t="s">
        <v>1420</v>
      </c>
      <c r="E548" s="73"/>
      <c r="F548" s="62">
        <v>30965789.469999999</v>
      </c>
      <c r="G548" s="62">
        <v>30221970.010000002</v>
      </c>
      <c r="H548" s="62">
        <f t="shared" si="84"/>
        <v>743819.45999999717</v>
      </c>
      <c r="J548" s="62">
        <v>30221970.010000002</v>
      </c>
      <c r="K548" s="62">
        <f t="shared" si="85"/>
        <v>743819.45999999717</v>
      </c>
      <c r="M548" s="62">
        <v>30829579.329999998</v>
      </c>
      <c r="N548" s="62">
        <f t="shared" si="86"/>
        <v>136210.1400000006</v>
      </c>
      <c r="P548" s="74">
        <v>29259849.34</v>
      </c>
      <c r="Q548" s="61">
        <v>29326954.699999999</v>
      </c>
      <c r="R548" s="61">
        <v>29451215.699999999</v>
      </c>
      <c r="S548" s="61">
        <v>29514166.789999999</v>
      </c>
      <c r="T548" s="62">
        <v>29599551.579999998</v>
      </c>
      <c r="U548" s="61">
        <v>29692496.390000001</v>
      </c>
      <c r="V548" s="61">
        <v>29778797.84</v>
      </c>
      <c r="W548" s="61">
        <v>29920231.120000001</v>
      </c>
      <c r="X548" s="61">
        <v>30047866.960000001</v>
      </c>
      <c r="Y548" s="61">
        <v>30141597.02</v>
      </c>
      <c r="Z548" s="61">
        <v>30236403.73</v>
      </c>
      <c r="AA548" s="61">
        <v>30006050.989999998</v>
      </c>
      <c r="AB548" s="75">
        <v>30221970.010000002</v>
      </c>
      <c r="AC548" s="61">
        <v>30308888.02</v>
      </c>
      <c r="AD548" s="61">
        <v>30454630.289999999</v>
      </c>
      <c r="AE548" s="61">
        <v>30620337.66</v>
      </c>
      <c r="AF548" s="62">
        <v>30748731.989999998</v>
      </c>
      <c r="AG548" s="61">
        <v>30828186.059999999</v>
      </c>
      <c r="AH548" s="61">
        <v>30952036.640000001</v>
      </c>
      <c r="AI548" s="61">
        <v>31021297.199999999</v>
      </c>
      <c r="AJ548" s="61">
        <v>31096788.460000001</v>
      </c>
      <c r="AK548" s="61">
        <v>31225957.57</v>
      </c>
      <c r="AL548" s="61">
        <v>31309561.059999999</v>
      </c>
      <c r="AM548" s="61">
        <v>30829579.329999998</v>
      </c>
      <c r="AN548" s="75">
        <v>30965789.469999999</v>
      </c>
    </row>
    <row r="549" spans="1:41" s="62" customFormat="1" hidden="1" outlineLevel="2">
      <c r="A549" s="61" t="s">
        <v>398</v>
      </c>
      <c r="B549" s="61" t="s">
        <v>399</v>
      </c>
      <c r="C549" s="71" t="s">
        <v>400</v>
      </c>
      <c r="D549" s="72" t="s">
        <v>1420</v>
      </c>
      <c r="E549" s="73"/>
      <c r="F549" s="62">
        <v>-17414</v>
      </c>
      <c r="G549" s="62">
        <v>10924</v>
      </c>
      <c r="H549" s="62">
        <f t="shared" si="84"/>
        <v>-28338</v>
      </c>
      <c r="J549" s="62">
        <v>10924</v>
      </c>
      <c r="K549" s="62">
        <f t="shared" si="85"/>
        <v>-28338</v>
      </c>
      <c r="M549" s="62">
        <v>-17444</v>
      </c>
      <c r="N549" s="62">
        <f t="shared" si="86"/>
        <v>30</v>
      </c>
      <c r="P549" s="74">
        <v>-17108</v>
      </c>
      <c r="Q549" s="61">
        <v>-17457</v>
      </c>
      <c r="R549" s="61">
        <v>-17806</v>
      </c>
      <c r="S549" s="61">
        <v>-18155</v>
      </c>
      <c r="T549" s="62">
        <v>-18504</v>
      </c>
      <c r="U549" s="61">
        <v>-18853</v>
      </c>
      <c r="V549" s="61">
        <v>-19202</v>
      </c>
      <c r="W549" s="61">
        <v>-19551</v>
      </c>
      <c r="X549" s="61">
        <v>-19900</v>
      </c>
      <c r="Y549" s="61">
        <v>-20249</v>
      </c>
      <c r="Z549" s="61">
        <v>-20598</v>
      </c>
      <c r="AA549" s="61">
        <v>-19783</v>
      </c>
      <c r="AB549" s="75">
        <v>10924</v>
      </c>
      <c r="AC549" s="61">
        <v>13163</v>
      </c>
      <c r="AD549" s="61">
        <v>10446</v>
      </c>
      <c r="AE549" s="61">
        <v>10207</v>
      </c>
      <c r="AF549" s="62">
        <v>9968</v>
      </c>
      <c r="AG549" s="61">
        <v>9729</v>
      </c>
      <c r="AH549" s="61">
        <v>9490</v>
      </c>
      <c r="AI549" s="61">
        <v>9251</v>
      </c>
      <c r="AJ549" s="61">
        <v>9012</v>
      </c>
      <c r="AK549" s="61">
        <v>8773</v>
      </c>
      <c r="AL549" s="61">
        <v>8534</v>
      </c>
      <c r="AM549" s="61">
        <v>-17444</v>
      </c>
      <c r="AN549" s="75">
        <v>-17414</v>
      </c>
    </row>
    <row r="550" spans="1:41" s="62" customFormat="1" hidden="1" outlineLevel="2">
      <c r="A550" s="61" t="s">
        <v>1426</v>
      </c>
      <c r="B550" s="61" t="s">
        <v>1427</v>
      </c>
      <c r="C550" s="71" t="s">
        <v>1428</v>
      </c>
      <c r="D550" s="72" t="s">
        <v>1420</v>
      </c>
      <c r="E550" s="73"/>
      <c r="F550" s="62">
        <v>0</v>
      </c>
      <c r="G550" s="62">
        <v>0</v>
      </c>
      <c r="H550" s="62">
        <f t="shared" si="84"/>
        <v>0</v>
      </c>
      <c r="J550" s="62">
        <v>0</v>
      </c>
      <c r="K550" s="62">
        <f t="shared" si="85"/>
        <v>0</v>
      </c>
      <c r="M550" s="62">
        <v>0</v>
      </c>
      <c r="N550" s="62">
        <f t="shared" si="86"/>
        <v>0</v>
      </c>
      <c r="P550" s="74">
        <v>0</v>
      </c>
      <c r="Q550" s="61">
        <v>0</v>
      </c>
      <c r="R550" s="61">
        <v>0</v>
      </c>
      <c r="S550" s="61">
        <v>0</v>
      </c>
      <c r="T550" s="62">
        <v>0</v>
      </c>
      <c r="U550" s="61">
        <v>0</v>
      </c>
      <c r="V550" s="61">
        <v>0</v>
      </c>
      <c r="W550" s="61">
        <v>0</v>
      </c>
      <c r="X550" s="61">
        <v>0</v>
      </c>
      <c r="Y550" s="61">
        <v>0</v>
      </c>
      <c r="Z550" s="61">
        <v>0</v>
      </c>
      <c r="AA550" s="61">
        <v>0</v>
      </c>
      <c r="AB550" s="75">
        <v>0</v>
      </c>
      <c r="AC550" s="61">
        <v>0</v>
      </c>
      <c r="AD550" s="61">
        <v>0</v>
      </c>
      <c r="AE550" s="61">
        <v>0</v>
      </c>
      <c r="AF550" s="62">
        <v>0</v>
      </c>
      <c r="AG550" s="61">
        <v>0</v>
      </c>
      <c r="AH550" s="61">
        <v>0</v>
      </c>
      <c r="AI550" s="61">
        <v>0</v>
      </c>
      <c r="AJ550" s="61">
        <v>0</v>
      </c>
      <c r="AK550" s="61">
        <v>0</v>
      </c>
      <c r="AL550" s="61">
        <v>0</v>
      </c>
      <c r="AM550" s="61">
        <v>0</v>
      </c>
      <c r="AN550" s="75">
        <v>0</v>
      </c>
    </row>
    <row r="551" spans="1:41" s="62" customFormat="1" hidden="1" outlineLevel="2">
      <c r="A551" s="61" t="s">
        <v>401</v>
      </c>
      <c r="B551" s="61" t="s">
        <v>402</v>
      </c>
      <c r="C551" s="71" t="s">
        <v>181</v>
      </c>
      <c r="D551" s="72" t="s">
        <v>1420</v>
      </c>
      <c r="E551" s="73"/>
      <c r="F551" s="62">
        <v>7281401.5999999996</v>
      </c>
      <c r="G551" s="62">
        <v>6952313.3700000001</v>
      </c>
      <c r="H551" s="62">
        <f t="shared" si="84"/>
        <v>329088.22999999952</v>
      </c>
      <c r="J551" s="62">
        <v>6952313.3700000001</v>
      </c>
      <c r="K551" s="62">
        <f t="shared" si="85"/>
        <v>329088.22999999952</v>
      </c>
      <c r="M551" s="62">
        <v>6687396.7599999998</v>
      </c>
      <c r="N551" s="62">
        <f t="shared" si="86"/>
        <v>594004.83999999985</v>
      </c>
      <c r="P551" s="74">
        <v>1926006.51</v>
      </c>
      <c r="Q551" s="61">
        <v>1838081.6800000002</v>
      </c>
      <c r="R551" s="61">
        <v>1868602</v>
      </c>
      <c r="S551" s="61">
        <v>1964596.81</v>
      </c>
      <c r="T551" s="62">
        <v>2110292.64</v>
      </c>
      <c r="U551" s="61">
        <v>2267444.96</v>
      </c>
      <c r="V551" s="61">
        <v>2518873.37</v>
      </c>
      <c r="W551" s="61">
        <v>2628798.4699999997</v>
      </c>
      <c r="X551" s="61">
        <v>2818468.66</v>
      </c>
      <c r="Y551" s="61">
        <v>3150124.03</v>
      </c>
      <c r="Z551" s="61">
        <v>3385846.85</v>
      </c>
      <c r="AA551" s="61">
        <v>3721759.34</v>
      </c>
      <c r="AB551" s="75">
        <v>6952313.3700000001</v>
      </c>
      <c r="AC551" s="61">
        <v>6957148.1299999999</v>
      </c>
      <c r="AD551" s="61">
        <v>7108723.9900000002</v>
      </c>
      <c r="AE551" s="61">
        <v>7243110.5</v>
      </c>
      <c r="AF551" s="62">
        <v>7159320.5800000001</v>
      </c>
      <c r="AG551" s="61">
        <v>7188795.2000000002</v>
      </c>
      <c r="AH551" s="61">
        <v>5847799.7599999998</v>
      </c>
      <c r="AI551" s="61">
        <v>5852561.0600000005</v>
      </c>
      <c r="AJ551" s="61">
        <v>6676609.3899999997</v>
      </c>
      <c r="AK551" s="61">
        <v>6773007.8100000005</v>
      </c>
      <c r="AL551" s="61">
        <v>6885352.8300000001</v>
      </c>
      <c r="AM551" s="61">
        <v>6687396.7599999998</v>
      </c>
      <c r="AN551" s="75">
        <v>7281401.5999999996</v>
      </c>
    </row>
    <row r="552" spans="1:41" s="62" customFormat="1" hidden="1" outlineLevel="2">
      <c r="A552" s="61" t="s">
        <v>404</v>
      </c>
      <c r="B552" s="61" t="s">
        <v>405</v>
      </c>
      <c r="C552" s="71" t="s">
        <v>406</v>
      </c>
      <c r="D552" s="72" t="s">
        <v>1420</v>
      </c>
      <c r="E552" s="73"/>
      <c r="F552" s="62">
        <v>24689911.34</v>
      </c>
      <c r="G552" s="62">
        <v>23760293.27</v>
      </c>
      <c r="H552" s="62">
        <f t="shared" si="84"/>
        <v>929618.0700000003</v>
      </c>
      <c r="J552" s="62">
        <v>23760293.27</v>
      </c>
      <c r="K552" s="62">
        <f t="shared" si="85"/>
        <v>929618.0700000003</v>
      </c>
      <c r="M552" s="62">
        <v>24653543.199999999</v>
      </c>
      <c r="N552" s="62">
        <f t="shared" si="86"/>
        <v>36368.140000000596</v>
      </c>
      <c r="P552" s="74">
        <v>22768088.170000002</v>
      </c>
      <c r="Q552" s="61">
        <v>22187175.719999999</v>
      </c>
      <c r="R552" s="61">
        <v>22463156.18</v>
      </c>
      <c r="S552" s="61">
        <v>22683300.550000001</v>
      </c>
      <c r="T552" s="62">
        <v>22878564.170000002</v>
      </c>
      <c r="U552" s="61">
        <v>23083032.120000001</v>
      </c>
      <c r="V552" s="61">
        <v>23230427.739999998</v>
      </c>
      <c r="W552" s="61">
        <v>23542067.989999998</v>
      </c>
      <c r="X552" s="61">
        <v>23753358.359999999</v>
      </c>
      <c r="Y552" s="61">
        <v>23946737.620000001</v>
      </c>
      <c r="Z552" s="61">
        <v>24143096.219999999</v>
      </c>
      <c r="AA552" s="61">
        <v>24280211.219999999</v>
      </c>
      <c r="AB552" s="75">
        <v>23760293.27</v>
      </c>
      <c r="AC552" s="61">
        <v>23815556.859999999</v>
      </c>
      <c r="AD552" s="61">
        <v>23909765.27</v>
      </c>
      <c r="AE552" s="61">
        <v>24090562.48</v>
      </c>
      <c r="AF552" s="62">
        <v>24164200.25</v>
      </c>
      <c r="AG552" s="61">
        <v>24218645.949999999</v>
      </c>
      <c r="AH552" s="61">
        <v>24332031.699999999</v>
      </c>
      <c r="AI552" s="61">
        <v>24375545.010000002</v>
      </c>
      <c r="AJ552" s="61">
        <v>24465373.350000001</v>
      </c>
      <c r="AK552" s="61">
        <v>24545682.510000002</v>
      </c>
      <c r="AL552" s="61">
        <v>24593636.670000002</v>
      </c>
      <c r="AM552" s="61">
        <v>24653543.199999999</v>
      </c>
      <c r="AN552" s="75">
        <v>24689911.34</v>
      </c>
    </row>
    <row r="553" spans="1:41" s="62" customFormat="1" hidden="1" outlineLevel="2">
      <c r="A553" s="61" t="s">
        <v>407</v>
      </c>
      <c r="B553" s="61" t="s">
        <v>408</v>
      </c>
      <c r="C553" s="71" t="s">
        <v>409</v>
      </c>
      <c r="D553" s="72" t="s">
        <v>1420</v>
      </c>
      <c r="E553" s="73"/>
      <c r="F553" s="62">
        <v>22897104.800000001</v>
      </c>
      <c r="G553" s="62">
        <v>21385390.800000001</v>
      </c>
      <c r="H553" s="62">
        <f t="shared" si="84"/>
        <v>1511714</v>
      </c>
      <c r="J553" s="62">
        <v>21385390.800000001</v>
      </c>
      <c r="K553" s="62">
        <f t="shared" si="85"/>
        <v>1511714</v>
      </c>
      <c r="M553" s="62">
        <v>23002749.800000001</v>
      </c>
      <c r="N553" s="62">
        <f t="shared" si="86"/>
        <v>-105645</v>
      </c>
      <c r="P553" s="74">
        <v>20030704.800000001</v>
      </c>
      <c r="Q553" s="61">
        <v>18267715.800000001</v>
      </c>
      <c r="R553" s="61">
        <v>18865060.800000001</v>
      </c>
      <c r="S553" s="61">
        <v>19397196.800000001</v>
      </c>
      <c r="T553" s="62">
        <v>19823731.800000001</v>
      </c>
      <c r="U553" s="61">
        <v>20264933.800000001</v>
      </c>
      <c r="V553" s="61">
        <v>20553292.800000001</v>
      </c>
      <c r="W553" s="61">
        <v>21226103.800000001</v>
      </c>
      <c r="X553" s="61">
        <v>21633427.800000001</v>
      </c>
      <c r="Y553" s="61">
        <v>22041739.800000001</v>
      </c>
      <c r="Z553" s="61">
        <v>22456907.800000001</v>
      </c>
      <c r="AA553" s="61">
        <v>23203053.800000001</v>
      </c>
      <c r="AB553" s="75">
        <v>21385390.800000001</v>
      </c>
      <c r="AC553" s="61">
        <v>21409566.800000001</v>
      </c>
      <c r="AD553" s="61">
        <v>21454514.800000001</v>
      </c>
      <c r="AE553" s="61">
        <v>21716143.800000001</v>
      </c>
      <c r="AF553" s="62">
        <v>21729007.800000001</v>
      </c>
      <c r="AG553" s="61">
        <v>21762329.800000001</v>
      </c>
      <c r="AH553" s="61">
        <v>21895749.800000001</v>
      </c>
      <c r="AI553" s="61">
        <v>21913518.800000001</v>
      </c>
      <c r="AJ553" s="61">
        <v>22054030.800000001</v>
      </c>
      <c r="AK553" s="61">
        <v>22084763.800000001</v>
      </c>
      <c r="AL553" s="61">
        <v>22093154.800000001</v>
      </c>
      <c r="AM553" s="61">
        <v>23002749.800000001</v>
      </c>
      <c r="AN553" s="75">
        <v>22897104.800000001</v>
      </c>
    </row>
    <row r="554" spans="1:41" s="114" customFormat="1" ht="15" hidden="1" customHeight="1" outlineLevel="1">
      <c r="A554" s="113" t="s">
        <v>1429</v>
      </c>
      <c r="B554" s="114" t="s">
        <v>2</v>
      </c>
      <c r="C554" s="126" t="s">
        <v>1430</v>
      </c>
      <c r="D554" s="147" t="s">
        <v>1420</v>
      </c>
      <c r="E554" s="117"/>
      <c r="F554" s="128">
        <v>197010212.68000001</v>
      </c>
      <c r="G554" s="129">
        <v>190479739.98000002</v>
      </c>
      <c r="H554" s="129">
        <f t="shared" si="84"/>
        <v>6530472.6999999881</v>
      </c>
      <c r="I554" s="130"/>
      <c r="J554" s="129">
        <v>190479739.98000002</v>
      </c>
      <c r="K554" s="129">
        <f t="shared" si="85"/>
        <v>6530472.6999999881</v>
      </c>
      <c r="L554" s="129"/>
      <c r="M554" s="129">
        <v>197423268.69999999</v>
      </c>
      <c r="N554" s="129">
        <f t="shared" si="86"/>
        <v>-413056.01999998093</v>
      </c>
      <c r="O554" s="131"/>
      <c r="P554" s="132">
        <v>176972156.24000001</v>
      </c>
      <c r="Q554" s="129">
        <v>175720472.76000002</v>
      </c>
      <c r="R554" s="129">
        <v>177866414.92000002</v>
      </c>
      <c r="S554" s="129">
        <v>179890793.96000004</v>
      </c>
      <c r="T554" s="129">
        <v>181852961.69</v>
      </c>
      <c r="U554" s="129">
        <v>183864214.68000004</v>
      </c>
      <c r="V554" s="129">
        <v>185754020.67000002</v>
      </c>
      <c r="W554" s="129">
        <v>188104946.04000002</v>
      </c>
      <c r="X554" s="129">
        <v>190153665.82999998</v>
      </c>
      <c r="Y554" s="129">
        <v>192296083.55000001</v>
      </c>
      <c r="Z554" s="129">
        <v>194354120.87</v>
      </c>
      <c r="AA554" s="129">
        <v>196399643.44000003</v>
      </c>
      <c r="AB554" s="133">
        <v>190479739.98000002</v>
      </c>
      <c r="AC554" s="129">
        <v>191108463.21000004</v>
      </c>
      <c r="AD554" s="129">
        <v>191784333.40000004</v>
      </c>
      <c r="AE554" s="129">
        <v>192826148.03</v>
      </c>
      <c r="AF554" s="129">
        <v>193308926.36000001</v>
      </c>
      <c r="AG554" s="129">
        <v>193858484.91999999</v>
      </c>
      <c r="AH554" s="129">
        <v>193241409.02999997</v>
      </c>
      <c r="AI554" s="129">
        <v>193725007.06999999</v>
      </c>
      <c r="AJ554" s="129">
        <v>195204723.34999999</v>
      </c>
      <c r="AK554" s="129">
        <v>195893229.42000002</v>
      </c>
      <c r="AL554" s="129">
        <v>196496231.22000003</v>
      </c>
      <c r="AM554" s="129">
        <v>197423268.69999999</v>
      </c>
      <c r="AN554" s="133">
        <v>197010212.68000001</v>
      </c>
      <c r="AO554" s="134"/>
    </row>
    <row r="555" spans="1:41" s="137" customFormat="1" ht="15" customHeight="1" collapsed="1">
      <c r="A555" s="136"/>
      <c r="B555" s="137" t="s">
        <v>2</v>
      </c>
      <c r="C555" s="138" t="s">
        <v>1431</v>
      </c>
      <c r="D555" s="146"/>
      <c r="E555" s="117"/>
      <c r="F555" s="139">
        <f>+F554+F543</f>
        <v>190616975.79000002</v>
      </c>
      <c r="G555" s="140">
        <f>+G554+G543</f>
        <v>181577329.39000002</v>
      </c>
      <c r="H555" s="140">
        <f t="shared" si="84"/>
        <v>9039646.400000006</v>
      </c>
      <c r="I555" s="141"/>
      <c r="J555" s="140">
        <f>+J554+J543</f>
        <v>181577329.39000002</v>
      </c>
      <c r="K555" s="140">
        <f t="shared" si="85"/>
        <v>9039646.400000006</v>
      </c>
      <c r="L555" s="140"/>
      <c r="M555" s="140">
        <f>+M554+M543</f>
        <v>192269744.34999999</v>
      </c>
      <c r="N555" s="140">
        <f t="shared" si="86"/>
        <v>-1652768.5599999726</v>
      </c>
      <c r="O555" s="131"/>
      <c r="P555" s="142">
        <f t="shared" ref="P555:AN555" si="87">+P554+P543</f>
        <v>174329315.78</v>
      </c>
      <c r="Q555" s="140">
        <f t="shared" si="87"/>
        <v>161831003.91000003</v>
      </c>
      <c r="R555" s="140">
        <f t="shared" si="87"/>
        <v>165830629.18000001</v>
      </c>
      <c r="S555" s="140">
        <f t="shared" si="87"/>
        <v>169388811.88000003</v>
      </c>
      <c r="T555" s="140">
        <f t="shared" si="87"/>
        <v>172175824.87</v>
      </c>
      <c r="U555" s="140">
        <f t="shared" si="87"/>
        <v>175069226.04000002</v>
      </c>
      <c r="V555" s="140">
        <f t="shared" si="87"/>
        <v>176892426.98000002</v>
      </c>
      <c r="W555" s="140">
        <f t="shared" si="87"/>
        <v>181427798.76000002</v>
      </c>
      <c r="X555" s="140">
        <f t="shared" si="87"/>
        <v>184103540.13</v>
      </c>
      <c r="Y555" s="140">
        <f t="shared" si="87"/>
        <v>186767922.60000002</v>
      </c>
      <c r="Z555" s="140">
        <f t="shared" si="87"/>
        <v>189480707.83000001</v>
      </c>
      <c r="AA555" s="140">
        <f t="shared" si="87"/>
        <v>191751579.46000004</v>
      </c>
      <c r="AB555" s="143">
        <f t="shared" si="87"/>
        <v>181577329.39000002</v>
      </c>
      <c r="AC555" s="140">
        <f t="shared" si="87"/>
        <v>182058240.92000005</v>
      </c>
      <c r="AD555" s="140">
        <f t="shared" si="87"/>
        <v>182594077.24000004</v>
      </c>
      <c r="AE555" s="140">
        <f t="shared" si="87"/>
        <v>184654143.11000001</v>
      </c>
      <c r="AF555" s="140">
        <f t="shared" si="87"/>
        <v>184997724.99000001</v>
      </c>
      <c r="AG555" s="140">
        <f t="shared" si="87"/>
        <v>185458629.08999997</v>
      </c>
      <c r="AH555" s="140">
        <f t="shared" si="87"/>
        <v>189796624.40999997</v>
      </c>
      <c r="AI555" s="140">
        <f t="shared" si="87"/>
        <v>190142823.81999999</v>
      </c>
      <c r="AJ555" s="140">
        <f t="shared" si="87"/>
        <v>191354400.53999999</v>
      </c>
      <c r="AK555" s="140">
        <f t="shared" si="87"/>
        <v>191853754.66000003</v>
      </c>
      <c r="AL555" s="140">
        <f t="shared" si="87"/>
        <v>192141819.84000003</v>
      </c>
      <c r="AM555" s="140">
        <f t="shared" si="87"/>
        <v>192269744.34999999</v>
      </c>
      <c r="AN555" s="143">
        <f t="shared" si="87"/>
        <v>190616975.79000002</v>
      </c>
      <c r="AO555" s="144"/>
    </row>
    <row r="556" spans="1:41" s="137" customFormat="1" ht="3.75" hidden="1" customHeight="1" outlineLevel="1">
      <c r="A556" s="136"/>
      <c r="C556" s="138"/>
      <c r="D556" s="146"/>
      <c r="E556" s="117"/>
      <c r="F556" s="139"/>
      <c r="G556" s="140"/>
      <c r="H556" s="140"/>
      <c r="I556" s="141"/>
      <c r="J556" s="140"/>
      <c r="K556" s="140"/>
      <c r="L556" s="140"/>
      <c r="M556" s="140"/>
      <c r="N556" s="140"/>
      <c r="O556" s="131"/>
      <c r="P556" s="142"/>
      <c r="Q556" s="140"/>
      <c r="R556" s="140"/>
      <c r="S556" s="140"/>
      <c r="T556" s="140"/>
      <c r="U556" s="140"/>
      <c r="V556" s="140"/>
      <c r="W556" s="140"/>
      <c r="X556" s="140"/>
      <c r="Y556" s="140"/>
      <c r="Z556" s="140"/>
      <c r="AA556" s="140"/>
      <c r="AB556" s="143"/>
      <c r="AC556" s="140"/>
      <c r="AD556" s="140"/>
      <c r="AE556" s="140"/>
      <c r="AF556" s="140"/>
      <c r="AG556" s="140"/>
      <c r="AH556" s="140"/>
      <c r="AI556" s="140"/>
      <c r="AJ556" s="140"/>
      <c r="AK556" s="140"/>
      <c r="AL556" s="140"/>
      <c r="AM556" s="140"/>
      <c r="AN556" s="143"/>
      <c r="AO556" s="144"/>
    </row>
    <row r="557" spans="1:41" s="62" customFormat="1" hidden="1" outlineLevel="2">
      <c r="A557" s="61" t="s">
        <v>410</v>
      </c>
      <c r="B557" s="61" t="s">
        <v>411</v>
      </c>
      <c r="C557" s="71" t="s">
        <v>412</v>
      </c>
      <c r="D557" s="72" t="s">
        <v>1432</v>
      </c>
      <c r="E557" s="73"/>
      <c r="F557" s="62">
        <v>587</v>
      </c>
      <c r="G557" s="62">
        <v>1740</v>
      </c>
      <c r="H557" s="62">
        <f>+F557-G557</f>
        <v>-1153</v>
      </c>
      <c r="J557" s="62">
        <v>1740</v>
      </c>
      <c r="K557" s="62">
        <f>+F557-J557</f>
        <v>-1153</v>
      </c>
      <c r="M557" s="62">
        <v>684</v>
      </c>
      <c r="N557" s="62">
        <f>+F557-M557</f>
        <v>-97</v>
      </c>
      <c r="P557" s="74">
        <v>9045</v>
      </c>
      <c r="Q557" s="61">
        <v>8436</v>
      </c>
      <c r="R557" s="61">
        <v>7827</v>
      </c>
      <c r="S557" s="61">
        <v>7218</v>
      </c>
      <c r="T557" s="62">
        <v>6609</v>
      </c>
      <c r="U557" s="61">
        <v>6000</v>
      </c>
      <c r="V557" s="61">
        <v>5391</v>
      </c>
      <c r="W557" s="61">
        <v>4782</v>
      </c>
      <c r="X557" s="61">
        <v>4173</v>
      </c>
      <c r="Y557" s="61">
        <v>3564</v>
      </c>
      <c r="Z557" s="61">
        <v>2955</v>
      </c>
      <c r="AA557" s="61">
        <v>2346</v>
      </c>
      <c r="AB557" s="75">
        <v>1740</v>
      </c>
      <c r="AC557" s="61">
        <v>1644</v>
      </c>
      <c r="AD557" s="61">
        <v>1548</v>
      </c>
      <c r="AE557" s="61">
        <v>1452</v>
      </c>
      <c r="AF557" s="62">
        <v>1356</v>
      </c>
      <c r="AG557" s="61">
        <v>1260</v>
      </c>
      <c r="AH557" s="61">
        <v>1164</v>
      </c>
      <c r="AI557" s="61">
        <v>1068</v>
      </c>
      <c r="AJ557" s="61">
        <v>972</v>
      </c>
      <c r="AK557" s="61">
        <v>876</v>
      </c>
      <c r="AL557" s="61">
        <v>780</v>
      </c>
      <c r="AM557" s="61">
        <v>684</v>
      </c>
      <c r="AN557" s="75">
        <v>587</v>
      </c>
    </row>
    <row r="558" spans="1:41" s="137" customFormat="1" ht="15" customHeight="1" collapsed="1">
      <c r="A558" s="136" t="s">
        <v>1433</v>
      </c>
      <c r="B558" s="137" t="s">
        <v>2</v>
      </c>
      <c r="C558" s="138" t="s">
        <v>1434</v>
      </c>
      <c r="D558" s="147" t="s">
        <v>1432</v>
      </c>
      <c r="E558" s="117"/>
      <c r="F558" s="139">
        <v>587</v>
      </c>
      <c r="G558" s="140">
        <v>1740</v>
      </c>
      <c r="H558" s="140">
        <f>+F558-G558</f>
        <v>-1153</v>
      </c>
      <c r="I558" s="141"/>
      <c r="J558" s="140">
        <v>1740</v>
      </c>
      <c r="K558" s="140">
        <f>+F558-J558</f>
        <v>-1153</v>
      </c>
      <c r="L558" s="140"/>
      <c r="M558" s="140">
        <v>684</v>
      </c>
      <c r="N558" s="140">
        <f>+F558-M558</f>
        <v>-97</v>
      </c>
      <c r="O558" s="131"/>
      <c r="P558" s="142">
        <v>9045</v>
      </c>
      <c r="Q558" s="140">
        <v>8436</v>
      </c>
      <c r="R558" s="140">
        <v>7827</v>
      </c>
      <c r="S558" s="140">
        <v>7218</v>
      </c>
      <c r="T558" s="140">
        <v>6609</v>
      </c>
      <c r="U558" s="140">
        <v>6000</v>
      </c>
      <c r="V558" s="140">
        <v>5391</v>
      </c>
      <c r="W558" s="140">
        <v>4782</v>
      </c>
      <c r="X558" s="140">
        <v>4173</v>
      </c>
      <c r="Y558" s="140">
        <v>3564</v>
      </c>
      <c r="Z558" s="140">
        <v>2955</v>
      </c>
      <c r="AA558" s="140">
        <v>2346</v>
      </c>
      <c r="AB558" s="143">
        <v>1740</v>
      </c>
      <c r="AC558" s="140">
        <v>1644</v>
      </c>
      <c r="AD558" s="140">
        <v>1548</v>
      </c>
      <c r="AE558" s="140">
        <v>1452</v>
      </c>
      <c r="AF558" s="140">
        <v>1356</v>
      </c>
      <c r="AG558" s="140">
        <v>1260</v>
      </c>
      <c r="AH558" s="140">
        <v>1164</v>
      </c>
      <c r="AI558" s="140">
        <v>1068</v>
      </c>
      <c r="AJ558" s="140">
        <v>972</v>
      </c>
      <c r="AK558" s="140">
        <v>876</v>
      </c>
      <c r="AL558" s="140">
        <v>780</v>
      </c>
      <c r="AM558" s="140">
        <v>684</v>
      </c>
      <c r="AN558" s="143">
        <v>587</v>
      </c>
      <c r="AO558" s="144"/>
    </row>
    <row r="559" spans="1:41" s="114" customFormat="1" ht="3.75" hidden="1" customHeight="1" outlineLevel="1">
      <c r="A559" s="113"/>
      <c r="C559" s="145"/>
      <c r="D559" s="147" t="s">
        <v>1432</v>
      </c>
      <c r="E559" s="117"/>
      <c r="F559" s="128"/>
      <c r="G559" s="129"/>
      <c r="H559" s="129"/>
      <c r="I559" s="130"/>
      <c r="J559" s="129"/>
      <c r="K559" s="129"/>
      <c r="L559" s="129"/>
      <c r="M559" s="129"/>
      <c r="N559" s="129"/>
      <c r="O559" s="131"/>
      <c r="P559" s="132"/>
      <c r="Q559" s="129"/>
      <c r="R559" s="129"/>
      <c r="S559" s="129"/>
      <c r="T559" s="129"/>
      <c r="U559" s="129"/>
      <c r="V559" s="129"/>
      <c r="W559" s="129"/>
      <c r="X559" s="129"/>
      <c r="Y559" s="129"/>
      <c r="Z559" s="129"/>
      <c r="AA559" s="129"/>
      <c r="AB559" s="133"/>
      <c r="AC559" s="129"/>
      <c r="AD559" s="129"/>
      <c r="AE559" s="129"/>
      <c r="AF559" s="129"/>
      <c r="AG559" s="129"/>
      <c r="AH559" s="129"/>
      <c r="AI559" s="129"/>
      <c r="AJ559" s="129"/>
      <c r="AK559" s="129"/>
      <c r="AL559" s="129"/>
      <c r="AM559" s="129"/>
      <c r="AN559" s="133"/>
      <c r="AO559" s="134"/>
    </row>
    <row r="560" spans="1:41" s="114" customFormat="1" ht="15" hidden="1" customHeight="1" outlineLevel="1">
      <c r="A560" s="113" t="s">
        <v>1435</v>
      </c>
      <c r="B560" s="114" t="s">
        <v>2</v>
      </c>
      <c r="C560" s="126" t="s">
        <v>1436</v>
      </c>
      <c r="D560" s="147" t="s">
        <v>1432</v>
      </c>
      <c r="E560" s="117"/>
      <c r="F560" s="128">
        <v>0</v>
      </c>
      <c r="G560" s="129">
        <v>0</v>
      </c>
      <c r="H560" s="129">
        <f t="shared" ref="H560:H577" si="88">+F560-G560</f>
        <v>0</v>
      </c>
      <c r="I560" s="130"/>
      <c r="J560" s="129">
        <v>0</v>
      </c>
      <c r="K560" s="129">
        <f t="shared" ref="K560:K577" si="89">+F560-J560</f>
        <v>0</v>
      </c>
      <c r="L560" s="129"/>
      <c r="M560" s="129">
        <v>0</v>
      </c>
      <c r="N560" s="129">
        <f t="shared" ref="N560:N577" si="90">+F560-M560</f>
        <v>0</v>
      </c>
      <c r="O560" s="131"/>
      <c r="P560" s="132">
        <v>0</v>
      </c>
      <c r="Q560" s="129">
        <v>0</v>
      </c>
      <c r="R560" s="129">
        <v>0</v>
      </c>
      <c r="S560" s="129">
        <v>0</v>
      </c>
      <c r="T560" s="129">
        <v>0</v>
      </c>
      <c r="U560" s="129">
        <v>0</v>
      </c>
      <c r="V560" s="129">
        <v>0</v>
      </c>
      <c r="W560" s="129">
        <v>0</v>
      </c>
      <c r="X560" s="129">
        <v>0</v>
      </c>
      <c r="Y560" s="129">
        <v>0</v>
      </c>
      <c r="Z560" s="129">
        <v>0</v>
      </c>
      <c r="AA560" s="129">
        <v>0</v>
      </c>
      <c r="AB560" s="133">
        <v>0</v>
      </c>
      <c r="AC560" s="129">
        <v>0</v>
      </c>
      <c r="AD560" s="129">
        <v>0</v>
      </c>
      <c r="AE560" s="129">
        <v>0</v>
      </c>
      <c r="AF560" s="129">
        <v>0</v>
      </c>
      <c r="AG560" s="129">
        <v>0</v>
      </c>
      <c r="AH560" s="129">
        <v>0</v>
      </c>
      <c r="AI560" s="129">
        <v>0</v>
      </c>
      <c r="AJ560" s="129">
        <v>0</v>
      </c>
      <c r="AK560" s="129">
        <v>0</v>
      </c>
      <c r="AL560" s="129">
        <v>0</v>
      </c>
      <c r="AM560" s="129">
        <v>0</v>
      </c>
      <c r="AN560" s="133">
        <v>0</v>
      </c>
      <c r="AO560" s="134"/>
    </row>
    <row r="561" spans="1:41" s="114" customFormat="1" ht="15" hidden="1" customHeight="1" outlineLevel="1">
      <c r="A561" s="113" t="s">
        <v>1437</v>
      </c>
      <c r="B561" s="114" t="s">
        <v>2</v>
      </c>
      <c r="C561" s="126" t="s">
        <v>1438</v>
      </c>
      <c r="D561" s="147" t="s">
        <v>1432</v>
      </c>
      <c r="E561" s="117"/>
      <c r="F561" s="128">
        <v>0</v>
      </c>
      <c r="G561" s="129">
        <v>0</v>
      </c>
      <c r="H561" s="129">
        <f t="shared" si="88"/>
        <v>0</v>
      </c>
      <c r="I561" s="130"/>
      <c r="J561" s="129">
        <v>0</v>
      </c>
      <c r="K561" s="129">
        <f t="shared" si="89"/>
        <v>0</v>
      </c>
      <c r="L561" s="129"/>
      <c r="M561" s="129">
        <v>0</v>
      </c>
      <c r="N561" s="129">
        <f t="shared" si="90"/>
        <v>0</v>
      </c>
      <c r="O561" s="131"/>
      <c r="P561" s="132">
        <v>0</v>
      </c>
      <c r="Q561" s="129">
        <v>0</v>
      </c>
      <c r="R561" s="129">
        <v>0</v>
      </c>
      <c r="S561" s="129">
        <v>0</v>
      </c>
      <c r="T561" s="129">
        <v>0</v>
      </c>
      <c r="U561" s="129">
        <v>0</v>
      </c>
      <c r="V561" s="129">
        <v>0</v>
      </c>
      <c r="W561" s="129">
        <v>0</v>
      </c>
      <c r="X561" s="129">
        <v>0</v>
      </c>
      <c r="Y561" s="129">
        <v>0</v>
      </c>
      <c r="Z561" s="129">
        <v>0</v>
      </c>
      <c r="AA561" s="129">
        <v>0</v>
      </c>
      <c r="AB561" s="133">
        <v>0</v>
      </c>
      <c r="AC561" s="129">
        <v>0</v>
      </c>
      <c r="AD561" s="129">
        <v>0</v>
      </c>
      <c r="AE561" s="129">
        <v>0</v>
      </c>
      <c r="AF561" s="129">
        <v>0</v>
      </c>
      <c r="AG561" s="129">
        <v>0</v>
      </c>
      <c r="AH561" s="129">
        <v>0</v>
      </c>
      <c r="AI561" s="129">
        <v>0</v>
      </c>
      <c r="AJ561" s="129">
        <v>0</v>
      </c>
      <c r="AK561" s="129">
        <v>0</v>
      </c>
      <c r="AL561" s="129">
        <v>0</v>
      </c>
      <c r="AM561" s="129">
        <v>0</v>
      </c>
      <c r="AN561" s="133">
        <v>0</v>
      </c>
      <c r="AO561" s="134"/>
    </row>
    <row r="562" spans="1:41" s="114" customFormat="1" ht="15" hidden="1" customHeight="1" outlineLevel="1">
      <c r="A562" s="113" t="s">
        <v>1439</v>
      </c>
      <c r="B562" s="114" t="s">
        <v>2</v>
      </c>
      <c r="C562" s="126" t="s">
        <v>1440</v>
      </c>
      <c r="D562" s="147" t="s">
        <v>1432</v>
      </c>
      <c r="E562" s="117"/>
      <c r="F562" s="128">
        <v>0</v>
      </c>
      <c r="G562" s="129">
        <v>0</v>
      </c>
      <c r="H562" s="129">
        <f t="shared" si="88"/>
        <v>0</v>
      </c>
      <c r="I562" s="130"/>
      <c r="J562" s="129">
        <v>0</v>
      </c>
      <c r="K562" s="129">
        <f t="shared" si="89"/>
        <v>0</v>
      </c>
      <c r="L562" s="129"/>
      <c r="M562" s="129">
        <v>0</v>
      </c>
      <c r="N562" s="129">
        <f t="shared" si="90"/>
        <v>0</v>
      </c>
      <c r="O562" s="131"/>
      <c r="P562" s="132">
        <v>0</v>
      </c>
      <c r="Q562" s="129">
        <v>0</v>
      </c>
      <c r="R562" s="129">
        <v>0</v>
      </c>
      <c r="S562" s="129">
        <v>0</v>
      </c>
      <c r="T562" s="129">
        <v>0</v>
      </c>
      <c r="U562" s="129">
        <v>0</v>
      </c>
      <c r="V562" s="129">
        <v>0</v>
      </c>
      <c r="W562" s="129">
        <v>0</v>
      </c>
      <c r="X562" s="129">
        <v>0</v>
      </c>
      <c r="Y562" s="129">
        <v>0</v>
      </c>
      <c r="Z562" s="129">
        <v>0</v>
      </c>
      <c r="AA562" s="129">
        <v>0</v>
      </c>
      <c r="AB562" s="133">
        <v>0</v>
      </c>
      <c r="AC562" s="129">
        <v>0</v>
      </c>
      <c r="AD562" s="129">
        <v>0</v>
      </c>
      <c r="AE562" s="129">
        <v>0</v>
      </c>
      <c r="AF562" s="129">
        <v>0</v>
      </c>
      <c r="AG562" s="129">
        <v>0</v>
      </c>
      <c r="AH562" s="129">
        <v>0</v>
      </c>
      <c r="AI562" s="129">
        <v>0</v>
      </c>
      <c r="AJ562" s="129">
        <v>0</v>
      </c>
      <c r="AK562" s="129">
        <v>0</v>
      </c>
      <c r="AL562" s="129">
        <v>0</v>
      </c>
      <c r="AM562" s="129">
        <v>0</v>
      </c>
      <c r="AN562" s="133">
        <v>0</v>
      </c>
      <c r="AO562" s="134"/>
    </row>
    <row r="563" spans="1:41" s="114" customFormat="1" ht="15" hidden="1" customHeight="1" outlineLevel="1">
      <c r="A563" s="113" t="s">
        <v>1441</v>
      </c>
      <c r="B563" s="114" t="s">
        <v>2</v>
      </c>
      <c r="C563" s="126" t="s">
        <v>1442</v>
      </c>
      <c r="D563" s="147" t="s">
        <v>1432</v>
      </c>
      <c r="E563" s="117"/>
      <c r="F563" s="128">
        <v>0</v>
      </c>
      <c r="G563" s="129">
        <v>0</v>
      </c>
      <c r="H563" s="129">
        <f t="shared" si="88"/>
        <v>0</v>
      </c>
      <c r="I563" s="130"/>
      <c r="J563" s="129">
        <v>0</v>
      </c>
      <c r="K563" s="129">
        <f t="shared" si="89"/>
        <v>0</v>
      </c>
      <c r="L563" s="129"/>
      <c r="M563" s="129">
        <v>0</v>
      </c>
      <c r="N563" s="129">
        <f t="shared" si="90"/>
        <v>0</v>
      </c>
      <c r="O563" s="131"/>
      <c r="P563" s="132">
        <v>0</v>
      </c>
      <c r="Q563" s="129">
        <v>0</v>
      </c>
      <c r="R563" s="129">
        <v>0</v>
      </c>
      <c r="S563" s="129">
        <v>0</v>
      </c>
      <c r="T563" s="129">
        <v>0</v>
      </c>
      <c r="U563" s="129">
        <v>0</v>
      </c>
      <c r="V563" s="129">
        <v>0</v>
      </c>
      <c r="W563" s="129">
        <v>0</v>
      </c>
      <c r="X563" s="129">
        <v>0</v>
      </c>
      <c r="Y563" s="129">
        <v>0</v>
      </c>
      <c r="Z563" s="129">
        <v>0</v>
      </c>
      <c r="AA563" s="129">
        <v>0</v>
      </c>
      <c r="AB563" s="133">
        <v>0</v>
      </c>
      <c r="AC563" s="129">
        <v>0</v>
      </c>
      <c r="AD563" s="129">
        <v>0</v>
      </c>
      <c r="AE563" s="129">
        <v>0</v>
      </c>
      <c r="AF563" s="129">
        <v>0</v>
      </c>
      <c r="AG563" s="129">
        <v>0</v>
      </c>
      <c r="AH563" s="129">
        <v>0</v>
      </c>
      <c r="AI563" s="129">
        <v>0</v>
      </c>
      <c r="AJ563" s="129">
        <v>0</v>
      </c>
      <c r="AK563" s="129">
        <v>0</v>
      </c>
      <c r="AL563" s="129">
        <v>0</v>
      </c>
      <c r="AM563" s="129">
        <v>0</v>
      </c>
      <c r="AN563" s="133">
        <v>0</v>
      </c>
      <c r="AO563" s="134"/>
    </row>
    <row r="564" spans="1:41" s="114" customFormat="1" ht="15" hidden="1" customHeight="1" outlineLevel="1">
      <c r="A564" s="113" t="s">
        <v>1443</v>
      </c>
      <c r="B564" s="114" t="s">
        <v>2</v>
      </c>
      <c r="C564" s="126" t="s">
        <v>1444</v>
      </c>
      <c r="D564" s="147" t="s">
        <v>1432</v>
      </c>
      <c r="E564" s="117"/>
      <c r="F564" s="128">
        <v>0</v>
      </c>
      <c r="G564" s="129">
        <v>0</v>
      </c>
      <c r="H564" s="129">
        <f t="shared" si="88"/>
        <v>0</v>
      </c>
      <c r="I564" s="130"/>
      <c r="J564" s="129">
        <v>0</v>
      </c>
      <c r="K564" s="129">
        <f t="shared" si="89"/>
        <v>0</v>
      </c>
      <c r="L564" s="129"/>
      <c r="M564" s="129">
        <v>0</v>
      </c>
      <c r="N564" s="129">
        <f t="shared" si="90"/>
        <v>0</v>
      </c>
      <c r="O564" s="131"/>
      <c r="P564" s="132">
        <v>0</v>
      </c>
      <c r="Q564" s="129">
        <v>0</v>
      </c>
      <c r="R564" s="129">
        <v>0</v>
      </c>
      <c r="S564" s="129">
        <v>0</v>
      </c>
      <c r="T564" s="129">
        <v>0</v>
      </c>
      <c r="U564" s="129">
        <v>0</v>
      </c>
      <c r="V564" s="129">
        <v>0</v>
      </c>
      <c r="W564" s="129">
        <v>0</v>
      </c>
      <c r="X564" s="129">
        <v>0</v>
      </c>
      <c r="Y564" s="129">
        <v>0</v>
      </c>
      <c r="Z564" s="129">
        <v>0</v>
      </c>
      <c r="AA564" s="129">
        <v>0</v>
      </c>
      <c r="AB564" s="133">
        <v>0</v>
      </c>
      <c r="AC564" s="129">
        <v>0</v>
      </c>
      <c r="AD564" s="129">
        <v>0</v>
      </c>
      <c r="AE564" s="129">
        <v>0</v>
      </c>
      <c r="AF564" s="129">
        <v>0</v>
      </c>
      <c r="AG564" s="129">
        <v>0</v>
      </c>
      <c r="AH564" s="129">
        <v>0</v>
      </c>
      <c r="AI564" s="129">
        <v>0</v>
      </c>
      <c r="AJ564" s="129">
        <v>0</v>
      </c>
      <c r="AK564" s="129">
        <v>0</v>
      </c>
      <c r="AL564" s="129">
        <v>0</v>
      </c>
      <c r="AM564" s="129">
        <v>0</v>
      </c>
      <c r="AN564" s="133">
        <v>0</v>
      </c>
      <c r="AO564" s="134"/>
    </row>
    <row r="565" spans="1:41" s="62" customFormat="1" hidden="1" outlineLevel="2">
      <c r="A565" s="61" t="s">
        <v>880</v>
      </c>
      <c r="B565" s="61" t="s">
        <v>881</v>
      </c>
      <c r="C565" s="71" t="s">
        <v>882</v>
      </c>
      <c r="D565" s="72" t="s">
        <v>1432</v>
      </c>
      <c r="E565" s="73"/>
      <c r="F565" s="62">
        <v>89281</v>
      </c>
      <c r="G565" s="62">
        <v>0</v>
      </c>
      <c r="H565" s="62">
        <f t="shared" si="88"/>
        <v>89281</v>
      </c>
      <c r="J565" s="62">
        <v>0</v>
      </c>
      <c r="K565" s="62">
        <f t="shared" si="89"/>
        <v>89281</v>
      </c>
      <c r="M565" s="62">
        <v>42789</v>
      </c>
      <c r="N565" s="62">
        <f t="shared" si="90"/>
        <v>46492</v>
      </c>
      <c r="P565" s="74">
        <v>0</v>
      </c>
      <c r="Q565" s="61">
        <v>0</v>
      </c>
      <c r="R565" s="61">
        <v>0</v>
      </c>
      <c r="S565" s="61">
        <v>0</v>
      </c>
      <c r="T565" s="62">
        <v>0</v>
      </c>
      <c r="U565" s="61">
        <v>0</v>
      </c>
      <c r="V565" s="61">
        <v>0</v>
      </c>
      <c r="W565" s="61">
        <v>0</v>
      </c>
      <c r="X565" s="61">
        <v>0</v>
      </c>
      <c r="Y565" s="61">
        <v>0</v>
      </c>
      <c r="Z565" s="61">
        <v>0</v>
      </c>
      <c r="AA565" s="61">
        <v>0</v>
      </c>
      <c r="AB565" s="75">
        <v>0</v>
      </c>
      <c r="AC565" s="61">
        <v>0</v>
      </c>
      <c r="AD565" s="61">
        <v>0</v>
      </c>
      <c r="AE565" s="61">
        <v>0</v>
      </c>
      <c r="AF565" s="62">
        <v>0</v>
      </c>
      <c r="AG565" s="61">
        <v>0</v>
      </c>
      <c r="AH565" s="61">
        <v>0</v>
      </c>
      <c r="AI565" s="61">
        <v>0</v>
      </c>
      <c r="AJ565" s="61">
        <v>0</v>
      </c>
      <c r="AK565" s="61">
        <v>11223</v>
      </c>
      <c r="AL565" s="61">
        <v>11326</v>
      </c>
      <c r="AM565" s="61">
        <v>42789</v>
      </c>
      <c r="AN565" s="75">
        <v>89281</v>
      </c>
    </row>
    <row r="566" spans="1:41" s="114" customFormat="1" ht="15" hidden="1" customHeight="1" outlineLevel="1">
      <c r="A566" s="113" t="s">
        <v>1445</v>
      </c>
      <c r="B566" s="114" t="s">
        <v>2</v>
      </c>
      <c r="C566" s="126" t="s">
        <v>1446</v>
      </c>
      <c r="D566" s="147" t="s">
        <v>1432</v>
      </c>
      <c r="E566" s="117"/>
      <c r="F566" s="128">
        <v>89281</v>
      </c>
      <c r="G566" s="129">
        <v>0</v>
      </c>
      <c r="H566" s="129">
        <f t="shared" si="88"/>
        <v>89281</v>
      </c>
      <c r="I566" s="130"/>
      <c r="J566" s="129">
        <v>0</v>
      </c>
      <c r="K566" s="129">
        <f t="shared" si="89"/>
        <v>89281</v>
      </c>
      <c r="L566" s="129"/>
      <c r="M566" s="129">
        <v>42789</v>
      </c>
      <c r="N566" s="129">
        <f t="shared" si="90"/>
        <v>46492</v>
      </c>
      <c r="O566" s="131"/>
      <c r="P566" s="132">
        <v>0</v>
      </c>
      <c r="Q566" s="129">
        <v>0</v>
      </c>
      <c r="R566" s="129">
        <v>0</v>
      </c>
      <c r="S566" s="129">
        <v>0</v>
      </c>
      <c r="T566" s="129">
        <v>0</v>
      </c>
      <c r="U566" s="129">
        <v>0</v>
      </c>
      <c r="V566" s="129">
        <v>0</v>
      </c>
      <c r="W566" s="129">
        <v>0</v>
      </c>
      <c r="X566" s="129">
        <v>0</v>
      </c>
      <c r="Y566" s="129">
        <v>0</v>
      </c>
      <c r="Z566" s="129">
        <v>0</v>
      </c>
      <c r="AA566" s="129">
        <v>0</v>
      </c>
      <c r="AB566" s="133">
        <v>0</v>
      </c>
      <c r="AC566" s="129">
        <v>0</v>
      </c>
      <c r="AD566" s="129">
        <v>0</v>
      </c>
      <c r="AE566" s="129">
        <v>0</v>
      </c>
      <c r="AF566" s="129">
        <v>0</v>
      </c>
      <c r="AG566" s="129">
        <v>0</v>
      </c>
      <c r="AH566" s="129">
        <v>0</v>
      </c>
      <c r="AI566" s="129">
        <v>0</v>
      </c>
      <c r="AJ566" s="129">
        <v>0</v>
      </c>
      <c r="AK566" s="129">
        <v>11223</v>
      </c>
      <c r="AL566" s="129">
        <v>11326</v>
      </c>
      <c r="AM566" s="129">
        <v>42789</v>
      </c>
      <c r="AN566" s="133">
        <v>89281</v>
      </c>
      <c r="AO566" s="134"/>
    </row>
    <row r="567" spans="1:41" s="62" customFormat="1" hidden="1" outlineLevel="2">
      <c r="A567" s="61" t="s">
        <v>57</v>
      </c>
      <c r="B567" s="61" t="s">
        <v>58</v>
      </c>
      <c r="C567" s="71" t="s">
        <v>59</v>
      </c>
      <c r="D567" s="72" t="s">
        <v>1432</v>
      </c>
      <c r="E567" s="73"/>
      <c r="F567" s="62">
        <v>-21533086.260000002</v>
      </c>
      <c r="G567" s="62">
        <v>-32248784.600000001</v>
      </c>
      <c r="H567" s="62">
        <f t="shared" si="88"/>
        <v>10715698.34</v>
      </c>
      <c r="J567" s="62">
        <v>-32248784.600000001</v>
      </c>
      <c r="K567" s="62">
        <f t="shared" si="89"/>
        <v>10715698.34</v>
      </c>
      <c r="M567" s="62">
        <v>-21917675.170000002</v>
      </c>
      <c r="N567" s="62">
        <f t="shared" si="90"/>
        <v>384588.91000000015</v>
      </c>
      <c r="P567" s="74">
        <v>-34767142.630000003</v>
      </c>
      <c r="Q567" s="61">
        <v>-35109520.979999997</v>
      </c>
      <c r="R567" s="61">
        <v>-35298389.490000002</v>
      </c>
      <c r="S567" s="61">
        <v>-35794344.869999997</v>
      </c>
      <c r="T567" s="62">
        <v>-36208912.079999998</v>
      </c>
      <c r="U567" s="61">
        <v>-36441946.799999997</v>
      </c>
      <c r="V567" s="61">
        <v>-36843678.729999997</v>
      </c>
      <c r="W567" s="61">
        <v>-35983082.869999997</v>
      </c>
      <c r="X567" s="61">
        <v>-35172386.329999998</v>
      </c>
      <c r="Y567" s="61">
        <v>-34527955.939999998</v>
      </c>
      <c r="Z567" s="61">
        <v>-33475355.52</v>
      </c>
      <c r="AA567" s="61">
        <v>-32518820.18</v>
      </c>
      <c r="AB567" s="75">
        <v>-32248784.600000001</v>
      </c>
      <c r="AC567" s="61">
        <v>-31325027.539999999</v>
      </c>
      <c r="AD567" s="61">
        <v>-30399940.02</v>
      </c>
      <c r="AE567" s="61">
        <v>-29739932.879999999</v>
      </c>
      <c r="AF567" s="62">
        <v>-28994725.449999999</v>
      </c>
      <c r="AG567" s="61">
        <v>-27871106.25</v>
      </c>
      <c r="AH567" s="61">
        <v>-26949025.91</v>
      </c>
      <c r="AI567" s="61">
        <v>-25836014.850000001</v>
      </c>
      <c r="AJ567" s="61">
        <v>-24740102.789999999</v>
      </c>
      <c r="AK567" s="61">
        <v>-23950432.530000001</v>
      </c>
      <c r="AL567" s="61">
        <v>-22926154.02</v>
      </c>
      <c r="AM567" s="61">
        <v>-21917675.170000002</v>
      </c>
      <c r="AN567" s="75">
        <v>-21533086.260000002</v>
      </c>
    </row>
    <row r="568" spans="1:41" s="62" customFormat="1" hidden="1" outlineLevel="2">
      <c r="A568" s="61" t="s">
        <v>60</v>
      </c>
      <c r="B568" s="61" t="s">
        <v>61</v>
      </c>
      <c r="C568" s="71" t="s">
        <v>62</v>
      </c>
      <c r="D568" s="72" t="s">
        <v>1432</v>
      </c>
      <c r="E568" s="73"/>
      <c r="F568" s="62">
        <v>-55039.99</v>
      </c>
      <c r="G568" s="62">
        <v>-45372.15</v>
      </c>
      <c r="H568" s="62">
        <f t="shared" si="88"/>
        <v>-9667.8399999999965</v>
      </c>
      <c r="J568" s="62">
        <v>-45372.15</v>
      </c>
      <c r="K568" s="62">
        <f t="shared" si="89"/>
        <v>-9667.8399999999965</v>
      </c>
      <c r="M568" s="62">
        <v>-54225.42</v>
      </c>
      <c r="N568" s="62">
        <f t="shared" si="90"/>
        <v>-814.56999999999971</v>
      </c>
      <c r="P568" s="74">
        <v>-35929.270000000004</v>
      </c>
      <c r="Q568" s="61">
        <v>-36707.9</v>
      </c>
      <c r="R568" s="61">
        <v>-37488</v>
      </c>
      <c r="S568" s="61">
        <v>-38269.599999999999</v>
      </c>
      <c r="T568" s="62">
        <v>-39052.69</v>
      </c>
      <c r="U568" s="61">
        <v>-39837.279999999999</v>
      </c>
      <c r="V568" s="61">
        <v>-40623.39</v>
      </c>
      <c r="W568" s="61">
        <v>-41411.01</v>
      </c>
      <c r="X568" s="61">
        <v>-42200.160000000003</v>
      </c>
      <c r="Y568" s="61">
        <v>-42990.83</v>
      </c>
      <c r="Z568" s="61">
        <v>-43783.05</v>
      </c>
      <c r="AA568" s="61">
        <v>-44576.82</v>
      </c>
      <c r="AB568" s="75">
        <v>-45372.15</v>
      </c>
      <c r="AC568" s="61">
        <v>-46169.03</v>
      </c>
      <c r="AD568" s="61">
        <v>-46967.48</v>
      </c>
      <c r="AE568" s="61">
        <v>-47767.5</v>
      </c>
      <c r="AF568" s="62">
        <v>-48569.1</v>
      </c>
      <c r="AG568" s="61">
        <v>-49372.3</v>
      </c>
      <c r="AH568" s="61">
        <v>-50177.120000000003</v>
      </c>
      <c r="AI568" s="61">
        <v>-50983.54</v>
      </c>
      <c r="AJ568" s="61">
        <v>-51791.56</v>
      </c>
      <c r="AK568" s="61">
        <v>-52601.23</v>
      </c>
      <c r="AL568" s="61">
        <v>-53412.5</v>
      </c>
      <c r="AM568" s="61">
        <v>-54225.42</v>
      </c>
      <c r="AN568" s="75">
        <v>-55039.99</v>
      </c>
    </row>
    <row r="569" spans="1:41" s="114" customFormat="1" ht="15" hidden="1" customHeight="1" outlineLevel="1">
      <c r="A569" s="113" t="s">
        <v>1447</v>
      </c>
      <c r="B569" s="114" t="s">
        <v>2</v>
      </c>
      <c r="C569" s="126" t="s">
        <v>59</v>
      </c>
      <c r="D569" s="147" t="s">
        <v>1432</v>
      </c>
      <c r="E569" s="117"/>
      <c r="F569" s="128">
        <v>-21588126.25</v>
      </c>
      <c r="G569" s="129">
        <v>-32294156.75</v>
      </c>
      <c r="H569" s="129">
        <f t="shared" si="88"/>
        <v>10706030.5</v>
      </c>
      <c r="I569" s="130"/>
      <c r="J569" s="129">
        <v>-32294156.75</v>
      </c>
      <c r="K569" s="129">
        <f t="shared" si="89"/>
        <v>10706030.5</v>
      </c>
      <c r="L569" s="129"/>
      <c r="M569" s="129">
        <v>-21971900.590000004</v>
      </c>
      <c r="N569" s="129">
        <f t="shared" si="90"/>
        <v>383774.34000000358</v>
      </c>
      <c r="O569" s="131"/>
      <c r="P569" s="132">
        <v>-34803071.900000006</v>
      </c>
      <c r="Q569" s="129">
        <v>-35146228.879999995</v>
      </c>
      <c r="R569" s="129">
        <v>-35335877.490000002</v>
      </c>
      <c r="S569" s="129">
        <v>-35832614.469999999</v>
      </c>
      <c r="T569" s="129">
        <v>-36247964.769999996</v>
      </c>
      <c r="U569" s="129">
        <v>-36481784.079999998</v>
      </c>
      <c r="V569" s="129">
        <v>-36884302.119999997</v>
      </c>
      <c r="W569" s="129">
        <v>-36024493.879999995</v>
      </c>
      <c r="X569" s="129">
        <v>-35214586.489999995</v>
      </c>
      <c r="Y569" s="129">
        <v>-34570946.769999996</v>
      </c>
      <c r="Z569" s="129">
        <v>-33519138.57</v>
      </c>
      <c r="AA569" s="129">
        <v>-32563397</v>
      </c>
      <c r="AB569" s="133">
        <v>-32294156.75</v>
      </c>
      <c r="AC569" s="129">
        <v>-31371196.57</v>
      </c>
      <c r="AD569" s="129">
        <v>-30446907.5</v>
      </c>
      <c r="AE569" s="129">
        <v>-29787700.379999999</v>
      </c>
      <c r="AF569" s="129">
        <v>-29043294.550000001</v>
      </c>
      <c r="AG569" s="129">
        <v>-27920478.550000001</v>
      </c>
      <c r="AH569" s="129">
        <v>-26999203.030000001</v>
      </c>
      <c r="AI569" s="129">
        <v>-25886998.390000001</v>
      </c>
      <c r="AJ569" s="129">
        <v>-24791894.349999998</v>
      </c>
      <c r="AK569" s="129">
        <v>-24003033.760000002</v>
      </c>
      <c r="AL569" s="129">
        <v>-22979566.52</v>
      </c>
      <c r="AM569" s="129">
        <v>-21971900.590000004</v>
      </c>
      <c r="AN569" s="133">
        <v>-21588126.25</v>
      </c>
      <c r="AO569" s="134"/>
    </row>
    <row r="570" spans="1:41" s="62" customFormat="1" hidden="1" outlineLevel="2">
      <c r="A570" s="61" t="s">
        <v>730</v>
      </c>
      <c r="B570" s="61" t="s">
        <v>731</v>
      </c>
      <c r="C570" s="71" t="s">
        <v>732</v>
      </c>
      <c r="D570" s="72" t="s">
        <v>1432</v>
      </c>
      <c r="E570" s="73"/>
      <c r="F570" s="62">
        <v>0</v>
      </c>
      <c r="G570" s="62">
        <v>0</v>
      </c>
      <c r="H570" s="62">
        <f t="shared" si="88"/>
        <v>0</v>
      </c>
      <c r="J570" s="62">
        <v>0</v>
      </c>
      <c r="K570" s="62">
        <f t="shared" si="89"/>
        <v>0</v>
      </c>
      <c r="M570" s="62">
        <v>0</v>
      </c>
      <c r="N570" s="62">
        <f t="shared" si="90"/>
        <v>0</v>
      </c>
      <c r="P570" s="74">
        <v>0</v>
      </c>
      <c r="Q570" s="61">
        <v>87078.040000000008</v>
      </c>
      <c r="R570" s="61">
        <v>225698.98</v>
      </c>
      <c r="S570" s="61">
        <v>0</v>
      </c>
      <c r="T570" s="62">
        <v>0</v>
      </c>
      <c r="U570" s="61">
        <v>0</v>
      </c>
      <c r="V570" s="61">
        <v>0</v>
      </c>
      <c r="W570" s="61">
        <v>79468</v>
      </c>
      <c r="X570" s="61">
        <v>0</v>
      </c>
      <c r="Y570" s="61">
        <v>0</v>
      </c>
      <c r="Z570" s="61">
        <v>0</v>
      </c>
      <c r="AA570" s="61">
        <v>0</v>
      </c>
      <c r="AB570" s="75">
        <v>0</v>
      </c>
      <c r="AC570" s="61">
        <v>0</v>
      </c>
      <c r="AD570" s="61">
        <v>0</v>
      </c>
      <c r="AE570" s="61">
        <v>0</v>
      </c>
      <c r="AF570" s="62">
        <v>0</v>
      </c>
      <c r="AG570" s="61">
        <v>0</v>
      </c>
      <c r="AH570" s="61">
        <v>0</v>
      </c>
      <c r="AI570" s="61">
        <v>0</v>
      </c>
      <c r="AJ570" s="61">
        <v>0</v>
      </c>
      <c r="AK570" s="61">
        <v>0</v>
      </c>
      <c r="AL570" s="61">
        <v>0</v>
      </c>
      <c r="AM570" s="61">
        <v>0</v>
      </c>
      <c r="AN570" s="75">
        <v>0</v>
      </c>
    </row>
    <row r="571" spans="1:41" s="62" customFormat="1" hidden="1" outlineLevel="2">
      <c r="A571" s="61" t="s">
        <v>650</v>
      </c>
      <c r="B571" s="61" t="s">
        <v>651</v>
      </c>
      <c r="C571" s="71" t="s">
        <v>652</v>
      </c>
      <c r="D571" s="72" t="s">
        <v>1432</v>
      </c>
      <c r="E571" s="73"/>
      <c r="F571" s="62">
        <v>0</v>
      </c>
      <c r="G571" s="62">
        <v>0</v>
      </c>
      <c r="H571" s="62">
        <f t="shared" si="88"/>
        <v>0</v>
      </c>
      <c r="J571" s="62">
        <v>0</v>
      </c>
      <c r="K571" s="62">
        <f t="shared" si="89"/>
        <v>0</v>
      </c>
      <c r="M571" s="62">
        <v>0</v>
      </c>
      <c r="N571" s="62">
        <f t="shared" si="90"/>
        <v>0</v>
      </c>
      <c r="P571" s="74">
        <v>0</v>
      </c>
      <c r="Q571" s="61">
        <v>0</v>
      </c>
      <c r="R571" s="61">
        <v>0</v>
      </c>
      <c r="S571" s="61">
        <v>0</v>
      </c>
      <c r="T571" s="62">
        <v>0</v>
      </c>
      <c r="U571" s="61">
        <v>0</v>
      </c>
      <c r="V571" s="61">
        <v>0</v>
      </c>
      <c r="W571" s="61">
        <v>0</v>
      </c>
      <c r="X571" s="61">
        <v>0</v>
      </c>
      <c r="Y571" s="61">
        <v>152070</v>
      </c>
      <c r="Z571" s="61">
        <v>239084</v>
      </c>
      <c r="AA571" s="61">
        <v>1105758</v>
      </c>
      <c r="AB571" s="75">
        <v>0</v>
      </c>
      <c r="AC571" s="61">
        <v>0</v>
      </c>
      <c r="AD571" s="61">
        <v>521195</v>
      </c>
      <c r="AE571" s="61">
        <v>89216</v>
      </c>
      <c r="AF571" s="62">
        <v>0</v>
      </c>
      <c r="AG571" s="61">
        <v>273931</v>
      </c>
      <c r="AH571" s="61">
        <v>0</v>
      </c>
      <c r="AI571" s="61">
        <v>2221</v>
      </c>
      <c r="AJ571" s="61">
        <v>0</v>
      </c>
      <c r="AK571" s="61">
        <v>0</v>
      </c>
      <c r="AL571" s="61">
        <v>0</v>
      </c>
      <c r="AM571" s="61">
        <v>0</v>
      </c>
      <c r="AN571" s="75">
        <v>0</v>
      </c>
    </row>
    <row r="572" spans="1:41" s="62" customFormat="1" hidden="1" outlineLevel="2">
      <c r="A572" s="61" t="s">
        <v>653</v>
      </c>
      <c r="B572" s="61" t="s">
        <v>654</v>
      </c>
      <c r="C572" s="71" t="s">
        <v>655</v>
      </c>
      <c r="D572" s="72" t="s">
        <v>1432</v>
      </c>
      <c r="E572" s="73"/>
      <c r="F572" s="62">
        <v>154808.88</v>
      </c>
      <c r="G572" s="62">
        <v>53123.68</v>
      </c>
      <c r="H572" s="62">
        <f t="shared" si="88"/>
        <v>101685.20000000001</v>
      </c>
      <c r="J572" s="62">
        <v>53123.68</v>
      </c>
      <c r="K572" s="62">
        <f t="shared" si="89"/>
        <v>101685.20000000001</v>
      </c>
      <c r="M572" s="62">
        <v>148574.20000000001</v>
      </c>
      <c r="N572" s="62">
        <f t="shared" si="90"/>
        <v>6234.679999999993</v>
      </c>
      <c r="P572" s="74">
        <v>160630.96</v>
      </c>
      <c r="Q572" s="61">
        <v>89872.1</v>
      </c>
      <c r="R572" s="61">
        <v>36713.340000000004</v>
      </c>
      <c r="S572" s="61">
        <v>0</v>
      </c>
      <c r="T572" s="62">
        <v>26323.54</v>
      </c>
      <c r="U572" s="61">
        <v>51007.68</v>
      </c>
      <c r="V572" s="61">
        <v>92357.3</v>
      </c>
      <c r="W572" s="61">
        <v>44446.8</v>
      </c>
      <c r="X572" s="61">
        <v>-2660.52</v>
      </c>
      <c r="Y572" s="61">
        <v>0</v>
      </c>
      <c r="Z572" s="61">
        <v>-15739.220000000001</v>
      </c>
      <c r="AA572" s="61">
        <v>25579.68</v>
      </c>
      <c r="AB572" s="75">
        <v>53123.68</v>
      </c>
      <c r="AC572" s="61">
        <v>27550.12</v>
      </c>
      <c r="AD572" s="61">
        <v>14339.16</v>
      </c>
      <c r="AE572" s="61">
        <v>0</v>
      </c>
      <c r="AF572" s="62">
        <v>40467.340000000004</v>
      </c>
      <c r="AG572" s="61">
        <v>68646.240000000005</v>
      </c>
      <c r="AH572" s="61">
        <v>109765.78</v>
      </c>
      <c r="AI572" s="61">
        <v>96740.14</v>
      </c>
      <c r="AJ572" s="61">
        <v>84522.900000000009</v>
      </c>
      <c r="AK572" s="61">
        <v>73000.960000000006</v>
      </c>
      <c r="AL572" s="61">
        <v>107593.2</v>
      </c>
      <c r="AM572" s="61">
        <v>148574.20000000001</v>
      </c>
      <c r="AN572" s="75">
        <v>154808.88</v>
      </c>
    </row>
    <row r="573" spans="1:41" s="62" customFormat="1" hidden="1" outlineLevel="2">
      <c r="A573" s="61" t="s">
        <v>656</v>
      </c>
      <c r="B573" s="61" t="s">
        <v>657</v>
      </c>
      <c r="C573" s="71" t="s">
        <v>658</v>
      </c>
      <c r="D573" s="72" t="s">
        <v>1432</v>
      </c>
      <c r="E573" s="73"/>
      <c r="F573" s="62">
        <v>796</v>
      </c>
      <c r="G573" s="62">
        <v>754</v>
      </c>
      <c r="H573" s="62">
        <f t="shared" si="88"/>
        <v>42</v>
      </c>
      <c r="J573" s="62">
        <v>754</v>
      </c>
      <c r="K573" s="62">
        <f t="shared" si="89"/>
        <v>42</v>
      </c>
      <c r="M573" s="62">
        <v>788</v>
      </c>
      <c r="N573" s="62">
        <f t="shared" si="90"/>
        <v>8</v>
      </c>
      <c r="P573" s="74">
        <v>746</v>
      </c>
      <c r="Q573" s="61">
        <v>748</v>
      </c>
      <c r="R573" s="61">
        <v>750</v>
      </c>
      <c r="S573" s="61">
        <v>752</v>
      </c>
      <c r="T573" s="62">
        <v>754</v>
      </c>
      <c r="U573" s="61">
        <v>754</v>
      </c>
      <c r="V573" s="61">
        <v>754</v>
      </c>
      <c r="W573" s="61">
        <v>754</v>
      </c>
      <c r="X573" s="61">
        <v>754</v>
      </c>
      <c r="Y573" s="61">
        <v>754</v>
      </c>
      <c r="Z573" s="61">
        <v>754</v>
      </c>
      <c r="AA573" s="61">
        <v>754</v>
      </c>
      <c r="AB573" s="75">
        <v>754</v>
      </c>
      <c r="AC573" s="61">
        <v>754</v>
      </c>
      <c r="AD573" s="61">
        <v>754</v>
      </c>
      <c r="AE573" s="61">
        <v>754</v>
      </c>
      <c r="AF573" s="62">
        <v>754</v>
      </c>
      <c r="AG573" s="61">
        <v>754</v>
      </c>
      <c r="AH573" s="61">
        <v>754</v>
      </c>
      <c r="AI573" s="61">
        <v>754</v>
      </c>
      <c r="AJ573" s="61">
        <v>760</v>
      </c>
      <c r="AK573" s="61">
        <v>770</v>
      </c>
      <c r="AL573" s="61">
        <v>780</v>
      </c>
      <c r="AM573" s="61">
        <v>788</v>
      </c>
      <c r="AN573" s="75">
        <v>796</v>
      </c>
    </row>
    <row r="574" spans="1:41" s="62" customFormat="1" hidden="1" outlineLevel="2">
      <c r="A574" s="61" t="s">
        <v>733</v>
      </c>
      <c r="B574" s="61" t="s">
        <v>734</v>
      </c>
      <c r="C574" s="71" t="s">
        <v>735</v>
      </c>
      <c r="D574" s="72" t="s">
        <v>1432</v>
      </c>
      <c r="E574" s="73"/>
      <c r="F574" s="62">
        <v>0</v>
      </c>
      <c r="G574" s="62">
        <v>0</v>
      </c>
      <c r="H574" s="62">
        <f t="shared" si="88"/>
        <v>0</v>
      </c>
      <c r="J574" s="62">
        <v>0</v>
      </c>
      <c r="K574" s="62">
        <f t="shared" si="89"/>
        <v>0</v>
      </c>
      <c r="M574" s="62">
        <v>0</v>
      </c>
      <c r="N574" s="62">
        <f t="shared" si="90"/>
        <v>0</v>
      </c>
      <c r="P574" s="74">
        <v>0</v>
      </c>
      <c r="Q574" s="61">
        <v>0</v>
      </c>
      <c r="R574" s="61">
        <v>0</v>
      </c>
      <c r="S574" s="61">
        <v>0</v>
      </c>
      <c r="T574" s="62">
        <v>0</v>
      </c>
      <c r="U574" s="61">
        <v>0</v>
      </c>
      <c r="V574" s="61">
        <v>0</v>
      </c>
      <c r="W574" s="61">
        <v>25359.9</v>
      </c>
      <c r="X574" s="61">
        <v>76107.820000000007</v>
      </c>
      <c r="Y574" s="61">
        <v>126910.46</v>
      </c>
      <c r="Z574" s="61">
        <v>0</v>
      </c>
      <c r="AA574" s="61">
        <v>0</v>
      </c>
      <c r="AB574" s="75">
        <v>0</v>
      </c>
      <c r="AC574" s="61">
        <v>0</v>
      </c>
      <c r="AD574" s="61">
        <v>0</v>
      </c>
      <c r="AE574" s="61">
        <v>0</v>
      </c>
      <c r="AF574" s="62">
        <v>0</v>
      </c>
      <c r="AG574" s="61">
        <v>0</v>
      </c>
      <c r="AH574" s="61">
        <v>0</v>
      </c>
      <c r="AI574" s="61">
        <v>0</v>
      </c>
      <c r="AJ574" s="61">
        <v>0</v>
      </c>
      <c r="AK574" s="61">
        <v>0</v>
      </c>
      <c r="AL574" s="61">
        <v>0</v>
      </c>
      <c r="AM574" s="61">
        <v>0</v>
      </c>
      <c r="AN574" s="75">
        <v>0</v>
      </c>
    </row>
    <row r="575" spans="1:41" s="114" customFormat="1" ht="15" hidden="1" customHeight="1" outlineLevel="1">
      <c r="A575" s="113" t="s">
        <v>1448</v>
      </c>
      <c r="B575" s="114" t="s">
        <v>2</v>
      </c>
      <c r="C575" s="126" t="s">
        <v>1449</v>
      </c>
      <c r="D575" s="147" t="s">
        <v>1432</v>
      </c>
      <c r="E575" s="117"/>
      <c r="F575" s="128">
        <v>155604.88</v>
      </c>
      <c r="G575" s="129">
        <v>53877.68</v>
      </c>
      <c r="H575" s="129">
        <f t="shared" si="88"/>
        <v>101727.20000000001</v>
      </c>
      <c r="I575" s="130"/>
      <c r="J575" s="129">
        <v>53877.68</v>
      </c>
      <c r="K575" s="129">
        <f t="shared" si="89"/>
        <v>101727.20000000001</v>
      </c>
      <c r="L575" s="129"/>
      <c r="M575" s="129">
        <v>149362.20000000001</v>
      </c>
      <c r="N575" s="129">
        <f t="shared" si="90"/>
        <v>6242.679999999993</v>
      </c>
      <c r="O575" s="131"/>
      <c r="P575" s="132">
        <v>161376.95999999999</v>
      </c>
      <c r="Q575" s="129">
        <v>177698.14</v>
      </c>
      <c r="R575" s="129">
        <v>263162.32</v>
      </c>
      <c r="S575" s="129">
        <v>752</v>
      </c>
      <c r="T575" s="129">
        <v>27077.54</v>
      </c>
      <c r="U575" s="129">
        <v>51761.68</v>
      </c>
      <c r="V575" s="129">
        <v>93111.3</v>
      </c>
      <c r="W575" s="129">
        <v>150028.70000000001</v>
      </c>
      <c r="X575" s="129">
        <v>74201.3</v>
      </c>
      <c r="Y575" s="129">
        <v>279734.46000000002</v>
      </c>
      <c r="Z575" s="129">
        <v>224098.78</v>
      </c>
      <c r="AA575" s="129">
        <v>1132091.68</v>
      </c>
      <c r="AB575" s="133">
        <v>53877.68</v>
      </c>
      <c r="AC575" s="129">
        <v>28304.12</v>
      </c>
      <c r="AD575" s="129">
        <v>536288.16</v>
      </c>
      <c r="AE575" s="129">
        <v>89970</v>
      </c>
      <c r="AF575" s="129">
        <v>41221.340000000004</v>
      </c>
      <c r="AG575" s="129">
        <v>343331.24</v>
      </c>
      <c r="AH575" s="129">
        <v>110519.78</v>
      </c>
      <c r="AI575" s="129">
        <v>99715.14</v>
      </c>
      <c r="AJ575" s="129">
        <v>85282.900000000009</v>
      </c>
      <c r="AK575" s="129">
        <v>73770.960000000006</v>
      </c>
      <c r="AL575" s="129">
        <v>108373.2</v>
      </c>
      <c r="AM575" s="129">
        <v>149362.20000000001</v>
      </c>
      <c r="AN575" s="133">
        <v>155604.88</v>
      </c>
      <c r="AO575" s="134"/>
    </row>
    <row r="576" spans="1:41" s="137" customFormat="1" ht="15" customHeight="1" collapsed="1">
      <c r="A576" s="136"/>
      <c r="B576" s="137" t="s">
        <v>2</v>
      </c>
      <c r="C576" s="138" t="s">
        <v>1450</v>
      </c>
      <c r="D576" s="146"/>
      <c r="E576" s="117"/>
      <c r="F576" s="139">
        <f>+F575+F562+F563+F561+F560+F564+F566+F569</f>
        <v>-21343240.370000001</v>
      </c>
      <c r="G576" s="140">
        <f>+G575+G562+G563+G561+G560+G564+G566+G569</f>
        <v>-32240279.07</v>
      </c>
      <c r="H576" s="140">
        <f t="shared" si="88"/>
        <v>10897038.699999999</v>
      </c>
      <c r="I576" s="141"/>
      <c r="J576" s="140">
        <f>+J575+J562+J563+J561+J560+J564+J566+J569</f>
        <v>-32240279.07</v>
      </c>
      <c r="K576" s="140">
        <f t="shared" si="89"/>
        <v>10897038.699999999</v>
      </c>
      <c r="L576" s="140"/>
      <c r="M576" s="140">
        <f>+M575+M562+M563+M561+M560+M564+M566+M569</f>
        <v>-21779749.390000004</v>
      </c>
      <c r="N576" s="140">
        <f t="shared" si="90"/>
        <v>436509.02000000328</v>
      </c>
      <c r="O576" s="131"/>
      <c r="P576" s="142">
        <f t="shared" ref="P576:AN576" si="91">+P575+P562+P563+P561+P560+P564+P566+P569</f>
        <v>-34641694.940000005</v>
      </c>
      <c r="Q576" s="140">
        <f t="shared" si="91"/>
        <v>-34968530.739999995</v>
      </c>
      <c r="R576" s="140">
        <f t="shared" si="91"/>
        <v>-35072715.170000002</v>
      </c>
      <c r="S576" s="140">
        <f t="shared" si="91"/>
        <v>-35831862.469999999</v>
      </c>
      <c r="T576" s="140">
        <f t="shared" si="91"/>
        <v>-36220887.229999997</v>
      </c>
      <c r="U576" s="140">
        <f t="shared" si="91"/>
        <v>-36430022.399999999</v>
      </c>
      <c r="V576" s="140">
        <f t="shared" si="91"/>
        <v>-36791190.82</v>
      </c>
      <c r="W576" s="140">
        <f t="shared" si="91"/>
        <v>-35874465.179999992</v>
      </c>
      <c r="X576" s="140">
        <f t="shared" si="91"/>
        <v>-35140385.189999998</v>
      </c>
      <c r="Y576" s="140">
        <f t="shared" si="91"/>
        <v>-34291212.309999995</v>
      </c>
      <c r="Z576" s="140">
        <f t="shared" si="91"/>
        <v>-33295039.789999999</v>
      </c>
      <c r="AA576" s="140">
        <f t="shared" si="91"/>
        <v>-31431305.32</v>
      </c>
      <c r="AB576" s="143">
        <f t="shared" si="91"/>
        <v>-32240279.07</v>
      </c>
      <c r="AC576" s="140">
        <f t="shared" si="91"/>
        <v>-31342892.449999999</v>
      </c>
      <c r="AD576" s="140">
        <f t="shared" si="91"/>
        <v>-29910619.34</v>
      </c>
      <c r="AE576" s="140">
        <f t="shared" si="91"/>
        <v>-29697730.379999999</v>
      </c>
      <c r="AF576" s="140">
        <f t="shared" si="91"/>
        <v>-29002073.210000001</v>
      </c>
      <c r="AG576" s="140">
        <f t="shared" si="91"/>
        <v>-27577147.310000002</v>
      </c>
      <c r="AH576" s="140">
        <f t="shared" si="91"/>
        <v>-26888683.25</v>
      </c>
      <c r="AI576" s="140">
        <f t="shared" si="91"/>
        <v>-25787283.25</v>
      </c>
      <c r="AJ576" s="140">
        <f t="shared" si="91"/>
        <v>-24706611.449999999</v>
      </c>
      <c r="AK576" s="140">
        <f t="shared" si="91"/>
        <v>-23918039.800000001</v>
      </c>
      <c r="AL576" s="140">
        <f t="shared" si="91"/>
        <v>-22859867.32</v>
      </c>
      <c r="AM576" s="140">
        <f t="shared" si="91"/>
        <v>-21779749.390000004</v>
      </c>
      <c r="AN576" s="143">
        <f t="shared" si="91"/>
        <v>-21343240.370000001</v>
      </c>
      <c r="AO576" s="144"/>
    </row>
    <row r="577" spans="1:41" s="202" customFormat="1" ht="15" hidden="1" customHeight="1" outlineLevel="1">
      <c r="A577" s="201"/>
      <c r="C577" s="212" t="s">
        <v>1451</v>
      </c>
      <c r="D577" s="204"/>
      <c r="E577" s="205"/>
      <c r="F577" s="206">
        <f>+F576+F558</f>
        <v>-21342653.370000001</v>
      </c>
      <c r="G577" s="207">
        <f>+G576+G558</f>
        <v>-32238539.07</v>
      </c>
      <c r="H577" s="207">
        <f t="shared" si="88"/>
        <v>10895885.699999999</v>
      </c>
      <c r="I577" s="208"/>
      <c r="J577" s="207">
        <f>+J576+J558</f>
        <v>-32238539.07</v>
      </c>
      <c r="K577" s="207">
        <f t="shared" si="89"/>
        <v>10895885.699999999</v>
      </c>
      <c r="L577" s="207"/>
      <c r="M577" s="207">
        <f>+M576+M558</f>
        <v>-21779065.390000004</v>
      </c>
      <c r="N577" s="207">
        <f t="shared" si="90"/>
        <v>436412.02000000328</v>
      </c>
      <c r="O577" s="131"/>
      <c r="P577" s="209">
        <f t="shared" ref="P577:AN577" si="92">+P576+P558</f>
        <v>-34632649.940000005</v>
      </c>
      <c r="Q577" s="207">
        <f t="shared" si="92"/>
        <v>-34960094.739999995</v>
      </c>
      <c r="R577" s="207">
        <f t="shared" si="92"/>
        <v>-35064888.170000002</v>
      </c>
      <c r="S577" s="207">
        <f t="shared" si="92"/>
        <v>-35824644.469999999</v>
      </c>
      <c r="T577" s="207">
        <f t="shared" si="92"/>
        <v>-36214278.229999997</v>
      </c>
      <c r="U577" s="207">
        <f t="shared" si="92"/>
        <v>-36424022.399999999</v>
      </c>
      <c r="V577" s="207">
        <f t="shared" si="92"/>
        <v>-36785799.82</v>
      </c>
      <c r="W577" s="207">
        <f t="shared" si="92"/>
        <v>-35869683.179999992</v>
      </c>
      <c r="X577" s="207">
        <f t="shared" si="92"/>
        <v>-35136212.189999998</v>
      </c>
      <c r="Y577" s="207">
        <f t="shared" si="92"/>
        <v>-34287648.309999995</v>
      </c>
      <c r="Z577" s="207">
        <f t="shared" si="92"/>
        <v>-33292084.789999999</v>
      </c>
      <c r="AA577" s="207">
        <f t="shared" si="92"/>
        <v>-31428959.32</v>
      </c>
      <c r="AB577" s="210">
        <f t="shared" si="92"/>
        <v>-32238539.07</v>
      </c>
      <c r="AC577" s="207">
        <f t="shared" si="92"/>
        <v>-31341248.449999999</v>
      </c>
      <c r="AD577" s="207">
        <f t="shared" si="92"/>
        <v>-29909071.34</v>
      </c>
      <c r="AE577" s="207">
        <f t="shared" si="92"/>
        <v>-29696278.379999999</v>
      </c>
      <c r="AF577" s="207">
        <f t="shared" si="92"/>
        <v>-29000717.210000001</v>
      </c>
      <c r="AG577" s="207">
        <f t="shared" si="92"/>
        <v>-27575887.310000002</v>
      </c>
      <c r="AH577" s="207">
        <f t="shared" si="92"/>
        <v>-26887519.25</v>
      </c>
      <c r="AI577" s="207">
        <f t="shared" si="92"/>
        <v>-25786215.25</v>
      </c>
      <c r="AJ577" s="207">
        <f t="shared" si="92"/>
        <v>-24705639.449999999</v>
      </c>
      <c r="AK577" s="207">
        <f t="shared" si="92"/>
        <v>-23917163.800000001</v>
      </c>
      <c r="AL577" s="207">
        <f t="shared" si="92"/>
        <v>-22859087.32</v>
      </c>
      <c r="AM577" s="207">
        <f t="shared" si="92"/>
        <v>-21779065.390000004</v>
      </c>
      <c r="AN577" s="210">
        <f t="shared" si="92"/>
        <v>-21342653.370000001</v>
      </c>
      <c r="AO577" s="211"/>
    </row>
    <row r="578" spans="1:41" s="214" customFormat="1" ht="3.75" hidden="1" customHeight="1" outlineLevel="1">
      <c r="A578" s="213"/>
      <c r="C578" s="215"/>
      <c r="D578" s="204"/>
      <c r="E578" s="205"/>
      <c r="F578" s="216"/>
      <c r="G578" s="217"/>
      <c r="H578" s="217"/>
      <c r="I578" s="218"/>
      <c r="J578" s="217"/>
      <c r="K578" s="217"/>
      <c r="L578" s="217"/>
      <c r="M578" s="217"/>
      <c r="N578" s="217"/>
      <c r="O578" s="131"/>
      <c r="P578" s="219"/>
      <c r="Q578" s="217"/>
      <c r="R578" s="217"/>
      <c r="S578" s="217"/>
      <c r="T578" s="217"/>
      <c r="U578" s="217"/>
      <c r="V578" s="217"/>
      <c r="W578" s="217"/>
      <c r="X578" s="217"/>
      <c r="Y578" s="217"/>
      <c r="Z578" s="217"/>
      <c r="AA578" s="217"/>
      <c r="AB578" s="220"/>
      <c r="AC578" s="217"/>
      <c r="AD578" s="217"/>
      <c r="AE578" s="217"/>
      <c r="AF578" s="217"/>
      <c r="AG578" s="217"/>
      <c r="AH578" s="217"/>
      <c r="AI578" s="217"/>
      <c r="AJ578" s="217"/>
      <c r="AK578" s="217"/>
      <c r="AL578" s="217"/>
      <c r="AM578" s="217"/>
      <c r="AN578" s="220"/>
      <c r="AO578" s="221"/>
    </row>
    <row r="579" spans="1:41" s="62" customFormat="1" hidden="1" outlineLevel="2">
      <c r="A579" s="61" t="s">
        <v>238</v>
      </c>
      <c r="B579" s="61" t="s">
        <v>239</v>
      </c>
      <c r="C579" s="71" t="s">
        <v>138</v>
      </c>
      <c r="D579" s="72" t="s">
        <v>1452</v>
      </c>
      <c r="E579" s="73"/>
      <c r="F579" s="62">
        <v>72388.13</v>
      </c>
      <c r="G579" s="62">
        <v>68352.639999999999</v>
      </c>
      <c r="H579" s="62">
        <f>+F579-G579</f>
        <v>4035.4900000000052</v>
      </c>
      <c r="J579" s="62">
        <v>68352.639999999999</v>
      </c>
      <c r="K579" s="62">
        <f>+F579-J579</f>
        <v>4035.4900000000052</v>
      </c>
      <c r="M579" s="62">
        <v>72042.92</v>
      </c>
      <c r="N579" s="62">
        <f>+F579-M579</f>
        <v>345.2100000000064</v>
      </c>
      <c r="P579" s="74">
        <v>64542.080000000002</v>
      </c>
      <c r="Q579" s="61">
        <v>64851.35</v>
      </c>
      <c r="R579" s="61">
        <v>65162.090000000004</v>
      </c>
      <c r="S579" s="61">
        <v>65474.33</v>
      </c>
      <c r="T579" s="62">
        <v>65788.06</v>
      </c>
      <c r="U579" s="61">
        <v>66103.290000000008</v>
      </c>
      <c r="V579" s="61">
        <v>66420.040000000008</v>
      </c>
      <c r="W579" s="61">
        <v>66738.3</v>
      </c>
      <c r="X579" s="61">
        <v>67058.09</v>
      </c>
      <c r="Y579" s="61">
        <v>67379.399999999994</v>
      </c>
      <c r="Z579" s="61">
        <v>67702.259999999995</v>
      </c>
      <c r="AA579" s="61">
        <v>68026.67</v>
      </c>
      <c r="AB579" s="75">
        <v>68352.639999999999</v>
      </c>
      <c r="AC579" s="61">
        <v>68680.160000000003</v>
      </c>
      <c r="AD579" s="61">
        <v>69009.25</v>
      </c>
      <c r="AE579" s="61">
        <v>69339.91</v>
      </c>
      <c r="AF579" s="62">
        <v>69672.149999999994</v>
      </c>
      <c r="AG579" s="61">
        <v>70005.990000000005</v>
      </c>
      <c r="AH579" s="61">
        <v>70341.440000000002</v>
      </c>
      <c r="AI579" s="61">
        <v>70678.5</v>
      </c>
      <c r="AJ579" s="61">
        <v>71017.16</v>
      </c>
      <c r="AK579" s="61">
        <v>71357.460000000006</v>
      </c>
      <c r="AL579" s="61">
        <v>71699.37</v>
      </c>
      <c r="AM579" s="61">
        <v>72042.92</v>
      </c>
      <c r="AN579" s="75">
        <v>72388.13</v>
      </c>
    </row>
    <row r="580" spans="1:41" s="137" customFormat="1" ht="15" customHeight="1" collapsed="1">
      <c r="A580" s="136" t="s">
        <v>1453</v>
      </c>
      <c r="B580" s="137" t="s">
        <v>2</v>
      </c>
      <c r="C580" s="138" t="s">
        <v>1454</v>
      </c>
      <c r="D580" s="147" t="s">
        <v>1452</v>
      </c>
      <c r="E580" s="117"/>
      <c r="F580" s="139">
        <v>72388.13</v>
      </c>
      <c r="G580" s="140">
        <v>68352.639999999999</v>
      </c>
      <c r="H580" s="140">
        <f>+F580-G580</f>
        <v>4035.4900000000052</v>
      </c>
      <c r="I580" s="141"/>
      <c r="J580" s="140">
        <v>68352.639999999999</v>
      </c>
      <c r="K580" s="140">
        <f>+F580-J580</f>
        <v>4035.4900000000052</v>
      </c>
      <c r="L580" s="140"/>
      <c r="M580" s="140">
        <v>72042.92</v>
      </c>
      <c r="N580" s="140">
        <f>+F580-M580</f>
        <v>345.2100000000064</v>
      </c>
      <c r="O580" s="131"/>
      <c r="P580" s="142">
        <v>64542.080000000002</v>
      </c>
      <c r="Q580" s="140">
        <v>64851.35</v>
      </c>
      <c r="R580" s="140">
        <v>65162.090000000004</v>
      </c>
      <c r="S580" s="140">
        <v>65474.33</v>
      </c>
      <c r="T580" s="140">
        <v>65788.06</v>
      </c>
      <c r="U580" s="140">
        <v>66103.290000000008</v>
      </c>
      <c r="V580" s="140">
        <v>66420.040000000008</v>
      </c>
      <c r="W580" s="140">
        <v>66738.3</v>
      </c>
      <c r="X580" s="140">
        <v>67058.09</v>
      </c>
      <c r="Y580" s="140">
        <v>67379.399999999994</v>
      </c>
      <c r="Z580" s="140">
        <v>67702.259999999995</v>
      </c>
      <c r="AA580" s="140">
        <v>68026.67</v>
      </c>
      <c r="AB580" s="143">
        <v>68352.639999999999</v>
      </c>
      <c r="AC580" s="140">
        <v>68680.160000000003</v>
      </c>
      <c r="AD580" s="140">
        <v>69009.25</v>
      </c>
      <c r="AE580" s="140">
        <v>69339.91</v>
      </c>
      <c r="AF580" s="140">
        <v>69672.149999999994</v>
      </c>
      <c r="AG580" s="140">
        <v>70005.990000000005</v>
      </c>
      <c r="AH580" s="140">
        <v>70341.440000000002</v>
      </c>
      <c r="AI580" s="140">
        <v>70678.5</v>
      </c>
      <c r="AJ580" s="140">
        <v>71017.16</v>
      </c>
      <c r="AK580" s="140">
        <v>71357.460000000006</v>
      </c>
      <c r="AL580" s="140">
        <v>71699.37</v>
      </c>
      <c r="AM580" s="140">
        <v>72042.92</v>
      </c>
      <c r="AN580" s="143">
        <v>72388.13</v>
      </c>
      <c r="AO580" s="144"/>
    </row>
    <row r="581" spans="1:41" s="137" customFormat="1" ht="3.75" hidden="1" customHeight="1" outlineLevel="1">
      <c r="A581" s="136"/>
      <c r="C581" s="138"/>
      <c r="D581" s="146"/>
      <c r="E581" s="117"/>
      <c r="F581" s="139"/>
      <c r="G581" s="140"/>
      <c r="H581" s="140"/>
      <c r="I581" s="141"/>
      <c r="J581" s="140"/>
      <c r="K581" s="140"/>
      <c r="L581" s="140"/>
      <c r="M581" s="140"/>
      <c r="N581" s="140"/>
      <c r="O581" s="131"/>
      <c r="P581" s="142"/>
      <c r="Q581" s="140"/>
      <c r="R581" s="140"/>
      <c r="S581" s="140"/>
      <c r="T581" s="140"/>
      <c r="U581" s="140"/>
      <c r="V581" s="140"/>
      <c r="W581" s="140"/>
      <c r="X581" s="140"/>
      <c r="Y581" s="140"/>
      <c r="Z581" s="140"/>
      <c r="AA581" s="140"/>
      <c r="AB581" s="143"/>
      <c r="AC581" s="140"/>
      <c r="AD581" s="140"/>
      <c r="AE581" s="140"/>
      <c r="AF581" s="140"/>
      <c r="AG581" s="140"/>
      <c r="AH581" s="140"/>
      <c r="AI581" s="140"/>
      <c r="AJ581" s="140"/>
      <c r="AK581" s="140"/>
      <c r="AL581" s="140"/>
      <c r="AM581" s="140"/>
      <c r="AN581" s="143"/>
      <c r="AO581" s="144"/>
    </row>
    <row r="582" spans="1:41" s="137" customFormat="1" ht="15" customHeight="1" collapsed="1">
      <c r="A582" s="136" t="s">
        <v>1455</v>
      </c>
      <c r="B582" s="137" t="s">
        <v>2</v>
      </c>
      <c r="C582" s="138" t="s">
        <v>1456</v>
      </c>
      <c r="D582" s="146"/>
      <c r="E582" s="117"/>
      <c r="F582" s="139">
        <v>0</v>
      </c>
      <c r="G582" s="140">
        <v>0</v>
      </c>
      <c r="H582" s="140">
        <f>+F582-G582</f>
        <v>0</v>
      </c>
      <c r="I582" s="141"/>
      <c r="J582" s="140">
        <v>0</v>
      </c>
      <c r="K582" s="140">
        <f>+F582-J582</f>
        <v>0</v>
      </c>
      <c r="L582" s="140"/>
      <c r="M582" s="140">
        <v>0</v>
      </c>
      <c r="N582" s="140">
        <f>+F582-M582</f>
        <v>0</v>
      </c>
      <c r="O582" s="131"/>
      <c r="P582" s="142">
        <v>0</v>
      </c>
      <c r="Q582" s="140">
        <v>0</v>
      </c>
      <c r="R582" s="140">
        <v>0</v>
      </c>
      <c r="S582" s="140">
        <v>0</v>
      </c>
      <c r="T582" s="140">
        <v>0</v>
      </c>
      <c r="U582" s="140">
        <v>0</v>
      </c>
      <c r="V582" s="140">
        <v>0</v>
      </c>
      <c r="W582" s="140">
        <v>0</v>
      </c>
      <c r="X582" s="140">
        <v>0</v>
      </c>
      <c r="Y582" s="140">
        <v>0</v>
      </c>
      <c r="Z582" s="140">
        <v>0</v>
      </c>
      <c r="AA582" s="140">
        <v>0</v>
      </c>
      <c r="AB582" s="143">
        <v>0</v>
      </c>
      <c r="AC582" s="140">
        <v>0</v>
      </c>
      <c r="AD582" s="140">
        <v>0</v>
      </c>
      <c r="AE582" s="140">
        <v>0</v>
      </c>
      <c r="AF582" s="140">
        <v>0</v>
      </c>
      <c r="AG582" s="140">
        <v>0</v>
      </c>
      <c r="AH582" s="140">
        <v>0</v>
      </c>
      <c r="AI582" s="140">
        <v>0</v>
      </c>
      <c r="AJ582" s="140">
        <v>0</v>
      </c>
      <c r="AK582" s="140">
        <v>0</v>
      </c>
      <c r="AL582" s="140">
        <v>0</v>
      </c>
      <c r="AM582" s="140">
        <v>0</v>
      </c>
      <c r="AN582" s="143">
        <v>0</v>
      </c>
      <c r="AO582" s="144"/>
    </row>
    <row r="583" spans="1:41" s="137" customFormat="1" ht="3.75" hidden="1" customHeight="1" outlineLevel="1">
      <c r="A583" s="136"/>
      <c r="C583" s="138"/>
      <c r="D583" s="146"/>
      <c r="E583" s="117"/>
      <c r="F583" s="139"/>
      <c r="G583" s="140"/>
      <c r="H583" s="140"/>
      <c r="I583" s="141"/>
      <c r="J583" s="140"/>
      <c r="K583" s="140"/>
      <c r="L583" s="140"/>
      <c r="M583" s="140"/>
      <c r="N583" s="140"/>
      <c r="O583" s="131"/>
      <c r="P583" s="142"/>
      <c r="Q583" s="140"/>
      <c r="R583" s="140"/>
      <c r="S583" s="140"/>
      <c r="T583" s="140"/>
      <c r="U583" s="140"/>
      <c r="V583" s="140"/>
      <c r="W583" s="140"/>
      <c r="X583" s="140"/>
      <c r="Y583" s="140"/>
      <c r="Z583" s="140"/>
      <c r="AA583" s="140"/>
      <c r="AB583" s="143"/>
      <c r="AC583" s="140"/>
      <c r="AD583" s="140"/>
      <c r="AE583" s="140"/>
      <c r="AF583" s="140"/>
      <c r="AG583" s="140"/>
      <c r="AH583" s="140"/>
      <c r="AI583" s="140"/>
      <c r="AJ583" s="140"/>
      <c r="AK583" s="140"/>
      <c r="AL583" s="140"/>
      <c r="AM583" s="140"/>
      <c r="AN583" s="143"/>
      <c r="AO583" s="144"/>
    </row>
    <row r="584" spans="1:41" s="137" customFormat="1" ht="3.75" hidden="1" customHeight="1" outlineLevel="1">
      <c r="A584" s="136"/>
      <c r="C584" s="138"/>
      <c r="D584" s="146"/>
      <c r="E584" s="117"/>
      <c r="F584" s="139"/>
      <c r="G584" s="140"/>
      <c r="H584" s="140"/>
      <c r="I584" s="141"/>
      <c r="J584" s="140"/>
      <c r="K584" s="140"/>
      <c r="L584" s="140"/>
      <c r="M584" s="140"/>
      <c r="N584" s="140"/>
      <c r="O584" s="131"/>
      <c r="P584" s="142"/>
      <c r="Q584" s="140"/>
      <c r="R584" s="140"/>
      <c r="S584" s="140"/>
      <c r="T584" s="140"/>
      <c r="U584" s="140"/>
      <c r="V584" s="140"/>
      <c r="W584" s="140"/>
      <c r="X584" s="140"/>
      <c r="Y584" s="140"/>
      <c r="Z584" s="140"/>
      <c r="AA584" s="140"/>
      <c r="AB584" s="143"/>
      <c r="AC584" s="140"/>
      <c r="AD584" s="140"/>
      <c r="AE584" s="140"/>
      <c r="AF584" s="140"/>
      <c r="AG584" s="140"/>
      <c r="AH584" s="140"/>
      <c r="AI584" s="140"/>
      <c r="AJ584" s="140"/>
      <c r="AK584" s="140"/>
      <c r="AL584" s="140"/>
      <c r="AM584" s="140"/>
      <c r="AN584" s="143"/>
      <c r="AO584" s="144"/>
    </row>
    <row r="585" spans="1:41" s="62" customFormat="1" hidden="1" outlineLevel="2">
      <c r="A585" s="61" t="s">
        <v>232</v>
      </c>
      <c r="B585" s="61" t="s">
        <v>233</v>
      </c>
      <c r="C585" s="71" t="s">
        <v>234</v>
      </c>
      <c r="D585" s="72" t="s">
        <v>1457</v>
      </c>
      <c r="E585" s="73"/>
      <c r="F585" s="62">
        <v>-130015</v>
      </c>
      <c r="G585" s="62">
        <v>-123988</v>
      </c>
      <c r="H585" s="62">
        <f t="shared" ref="H585:H600" si="93">+F585-G585</f>
        <v>-6027</v>
      </c>
      <c r="J585" s="62">
        <v>-123988</v>
      </c>
      <c r="K585" s="62">
        <f t="shared" ref="K585:K600" si="94">+F585-J585</f>
        <v>-6027</v>
      </c>
      <c r="M585" s="62">
        <v>-124043</v>
      </c>
      <c r="N585" s="62">
        <f t="shared" ref="N585:N600" si="95">+F585-M585</f>
        <v>-5972</v>
      </c>
      <c r="P585" s="74">
        <v>-112335</v>
      </c>
      <c r="Q585" s="61">
        <v>-112335</v>
      </c>
      <c r="R585" s="61">
        <v>-112335</v>
      </c>
      <c r="S585" s="61">
        <v>-112409.25</v>
      </c>
      <c r="T585" s="62">
        <v>-112409.25</v>
      </c>
      <c r="U585" s="61">
        <v>-112409.25</v>
      </c>
      <c r="V585" s="61">
        <v>-112483.5</v>
      </c>
      <c r="W585" s="61">
        <v>-112483.5</v>
      </c>
      <c r="X585" s="61">
        <v>-112483.5</v>
      </c>
      <c r="Y585" s="61">
        <v>-112557.75</v>
      </c>
      <c r="Z585" s="61">
        <v>-112582.5</v>
      </c>
      <c r="AA585" s="61">
        <v>-112607.25</v>
      </c>
      <c r="AB585" s="75">
        <v>-123988</v>
      </c>
      <c r="AC585" s="61">
        <v>-123988</v>
      </c>
      <c r="AD585" s="61">
        <v>-123988</v>
      </c>
      <c r="AE585" s="61">
        <v>-124043</v>
      </c>
      <c r="AF585" s="62">
        <v>-124043</v>
      </c>
      <c r="AG585" s="61">
        <v>-124043</v>
      </c>
      <c r="AH585" s="61">
        <v>-124043</v>
      </c>
      <c r="AI585" s="61">
        <v>-124043</v>
      </c>
      <c r="AJ585" s="61">
        <v>-124043</v>
      </c>
      <c r="AK585" s="61">
        <v>-124043</v>
      </c>
      <c r="AL585" s="61">
        <v>-124043</v>
      </c>
      <c r="AM585" s="61">
        <v>-124043</v>
      </c>
      <c r="AN585" s="75">
        <v>-130015</v>
      </c>
    </row>
    <row r="586" spans="1:41" s="62" customFormat="1" hidden="1" outlineLevel="2">
      <c r="A586" s="61" t="s">
        <v>235</v>
      </c>
      <c r="B586" s="61" t="s">
        <v>236</v>
      </c>
      <c r="C586" s="71" t="s">
        <v>237</v>
      </c>
      <c r="D586" s="72" t="s">
        <v>1457</v>
      </c>
      <c r="E586" s="73"/>
      <c r="F586" s="62">
        <v>8820210.4199999999</v>
      </c>
      <c r="G586" s="62">
        <v>7868294.4199999999</v>
      </c>
      <c r="H586" s="62">
        <f t="shared" si="93"/>
        <v>951916</v>
      </c>
      <c r="J586" s="62">
        <v>7868294.4199999999</v>
      </c>
      <c r="K586" s="62">
        <f t="shared" si="94"/>
        <v>951916</v>
      </c>
      <c r="M586" s="62">
        <v>6916017.1699999999</v>
      </c>
      <c r="N586" s="62">
        <f t="shared" si="95"/>
        <v>1904193.25</v>
      </c>
      <c r="P586" s="74">
        <v>7373860.3899999997</v>
      </c>
      <c r="Q586" s="61">
        <v>7373860.3899999997</v>
      </c>
      <c r="R586" s="61">
        <v>7373860.3899999997</v>
      </c>
      <c r="S586" s="61">
        <v>6968540.3899999997</v>
      </c>
      <c r="T586" s="62">
        <v>6968540.3899999997</v>
      </c>
      <c r="U586" s="61">
        <v>6968540.3899999997</v>
      </c>
      <c r="V586" s="61">
        <v>6563220.3899999997</v>
      </c>
      <c r="W586" s="61">
        <v>6563220.3899999997</v>
      </c>
      <c r="X586" s="61">
        <v>6563220.3899999997</v>
      </c>
      <c r="Y586" s="61">
        <v>6157900.3899999997</v>
      </c>
      <c r="Z586" s="61">
        <v>6022793.7199999997</v>
      </c>
      <c r="AA586" s="61">
        <v>5887687.0499999998</v>
      </c>
      <c r="AB586" s="75">
        <v>7868294.4199999999</v>
      </c>
      <c r="AC586" s="61">
        <v>7868294.4199999999</v>
      </c>
      <c r="AD586" s="61">
        <v>7868294.4199999999</v>
      </c>
      <c r="AE586" s="61">
        <v>7550868.6699999999</v>
      </c>
      <c r="AF586" s="62">
        <v>7550868.6699999999</v>
      </c>
      <c r="AG586" s="61">
        <v>7550868.6699999999</v>
      </c>
      <c r="AH586" s="61">
        <v>7233442.9199999999</v>
      </c>
      <c r="AI586" s="61">
        <v>7233442.9199999999</v>
      </c>
      <c r="AJ586" s="61">
        <v>7233442.9199999999</v>
      </c>
      <c r="AK586" s="61">
        <v>6916017.1699999999</v>
      </c>
      <c r="AL586" s="61">
        <v>6916017.1699999999</v>
      </c>
      <c r="AM586" s="61">
        <v>6916017.1699999999</v>
      </c>
      <c r="AN586" s="75">
        <v>8820210.4199999999</v>
      </c>
    </row>
    <row r="587" spans="1:41" s="62" customFormat="1" hidden="1" outlineLevel="2">
      <c r="A587" s="61" t="s">
        <v>1458</v>
      </c>
      <c r="B587" s="61" t="s">
        <v>1459</v>
      </c>
      <c r="C587" s="71" t="s">
        <v>1460</v>
      </c>
      <c r="D587" s="72" t="s">
        <v>1457</v>
      </c>
      <c r="E587" s="73"/>
      <c r="F587" s="62">
        <v>0</v>
      </c>
      <c r="G587" s="62">
        <v>0</v>
      </c>
      <c r="H587" s="62">
        <f t="shared" si="93"/>
        <v>0</v>
      </c>
      <c r="J587" s="62">
        <v>0</v>
      </c>
      <c r="K587" s="62">
        <f t="shared" si="94"/>
        <v>0</v>
      </c>
      <c r="M587" s="62">
        <v>0</v>
      </c>
      <c r="N587" s="62">
        <f t="shared" si="95"/>
        <v>0</v>
      </c>
      <c r="P587" s="74">
        <v>0</v>
      </c>
      <c r="Q587" s="61">
        <v>0</v>
      </c>
      <c r="R587" s="61">
        <v>0</v>
      </c>
      <c r="S587" s="61">
        <v>0</v>
      </c>
      <c r="T587" s="62">
        <v>0</v>
      </c>
      <c r="U587" s="61">
        <v>0</v>
      </c>
      <c r="V587" s="61">
        <v>0</v>
      </c>
      <c r="W587" s="61">
        <v>0</v>
      </c>
      <c r="X587" s="61">
        <v>0</v>
      </c>
      <c r="Y587" s="61">
        <v>0</v>
      </c>
      <c r="Z587" s="61">
        <v>0</v>
      </c>
      <c r="AA587" s="61">
        <v>0</v>
      </c>
      <c r="AB587" s="75">
        <v>0</v>
      </c>
      <c r="AC587" s="61">
        <v>0</v>
      </c>
      <c r="AD587" s="61">
        <v>0</v>
      </c>
      <c r="AE587" s="61">
        <v>0</v>
      </c>
      <c r="AF587" s="62">
        <v>0</v>
      </c>
      <c r="AG587" s="61">
        <v>0</v>
      </c>
      <c r="AH587" s="61">
        <v>0</v>
      </c>
      <c r="AI587" s="61">
        <v>0</v>
      </c>
      <c r="AJ587" s="61">
        <v>0</v>
      </c>
      <c r="AK587" s="61">
        <v>0</v>
      </c>
      <c r="AL587" s="61">
        <v>0</v>
      </c>
      <c r="AM587" s="61">
        <v>0</v>
      </c>
      <c r="AN587" s="75">
        <v>0</v>
      </c>
    </row>
    <row r="588" spans="1:41" s="114" customFormat="1" ht="15" hidden="1" customHeight="1" outlineLevel="1">
      <c r="A588" s="113" t="s">
        <v>1461</v>
      </c>
      <c r="B588" s="114" t="s">
        <v>2</v>
      </c>
      <c r="C588" s="148" t="s">
        <v>1462</v>
      </c>
      <c r="D588" s="147" t="s">
        <v>1457</v>
      </c>
      <c r="E588" s="117"/>
      <c r="F588" s="128">
        <v>8690195.4199999999</v>
      </c>
      <c r="G588" s="129">
        <v>7744306.4199999999</v>
      </c>
      <c r="H588" s="129">
        <f t="shared" si="93"/>
        <v>945889</v>
      </c>
      <c r="I588" s="130"/>
      <c r="J588" s="129">
        <v>7744306.4199999999</v>
      </c>
      <c r="K588" s="129">
        <f t="shared" si="94"/>
        <v>945889</v>
      </c>
      <c r="L588" s="129"/>
      <c r="M588" s="129">
        <v>6791974.1699999999</v>
      </c>
      <c r="N588" s="129">
        <f t="shared" si="95"/>
        <v>1898221.25</v>
      </c>
      <c r="O588" s="131"/>
      <c r="P588" s="132">
        <v>7261525.3899999997</v>
      </c>
      <c r="Q588" s="129">
        <v>7261525.3899999997</v>
      </c>
      <c r="R588" s="129">
        <v>7261525.3899999997</v>
      </c>
      <c r="S588" s="129">
        <v>6856131.1399999997</v>
      </c>
      <c r="T588" s="129">
        <v>6856131.1399999997</v>
      </c>
      <c r="U588" s="129">
        <v>6856131.1399999997</v>
      </c>
      <c r="V588" s="129">
        <v>6450736.8899999997</v>
      </c>
      <c r="W588" s="129">
        <v>6450736.8899999997</v>
      </c>
      <c r="X588" s="129">
        <v>6450736.8899999997</v>
      </c>
      <c r="Y588" s="129">
        <v>6045342.6399999997</v>
      </c>
      <c r="Z588" s="129">
        <v>5910211.2199999997</v>
      </c>
      <c r="AA588" s="129">
        <v>5775079.7999999998</v>
      </c>
      <c r="AB588" s="133">
        <v>7744306.4199999999</v>
      </c>
      <c r="AC588" s="129">
        <v>7744306.4199999999</v>
      </c>
      <c r="AD588" s="129">
        <v>7744306.4199999999</v>
      </c>
      <c r="AE588" s="129">
        <v>7426825.6699999999</v>
      </c>
      <c r="AF588" s="129">
        <v>7426825.6699999999</v>
      </c>
      <c r="AG588" s="129">
        <v>7426825.6699999999</v>
      </c>
      <c r="AH588" s="129">
        <v>7109399.9199999999</v>
      </c>
      <c r="AI588" s="129">
        <v>7109399.9199999999</v>
      </c>
      <c r="AJ588" s="129">
        <v>7109399.9199999999</v>
      </c>
      <c r="AK588" s="129">
        <v>6791974.1699999999</v>
      </c>
      <c r="AL588" s="129">
        <v>6791974.1699999999</v>
      </c>
      <c r="AM588" s="129">
        <v>6791974.1699999999</v>
      </c>
      <c r="AN588" s="133">
        <v>8690195.4199999999</v>
      </c>
      <c r="AO588" s="134"/>
    </row>
    <row r="589" spans="1:41" s="62" customFormat="1" hidden="1" outlineLevel="2">
      <c r="A589" s="61" t="s">
        <v>215</v>
      </c>
      <c r="B589" s="61" t="s">
        <v>216</v>
      </c>
      <c r="C589" s="71" t="s">
        <v>217</v>
      </c>
      <c r="D589" s="72" t="s">
        <v>1457</v>
      </c>
      <c r="E589" s="73"/>
      <c r="F589" s="62">
        <v>58728.700000000004</v>
      </c>
      <c r="G589" s="62">
        <v>39350.65</v>
      </c>
      <c r="H589" s="62">
        <f t="shared" si="93"/>
        <v>19378.050000000003</v>
      </c>
      <c r="J589" s="62">
        <v>39350.65</v>
      </c>
      <c r="K589" s="62">
        <f t="shared" si="94"/>
        <v>19378.050000000003</v>
      </c>
      <c r="M589" s="62">
        <v>55395.61</v>
      </c>
      <c r="N589" s="62">
        <f t="shared" si="95"/>
        <v>3333.0900000000038</v>
      </c>
      <c r="P589" s="74">
        <v>74782.350000000006</v>
      </c>
      <c r="Q589" s="61">
        <v>31034.78</v>
      </c>
      <c r="R589" s="61">
        <v>33566.1</v>
      </c>
      <c r="S589" s="61">
        <v>35953.450000000004</v>
      </c>
      <c r="T589" s="62">
        <v>41360.31</v>
      </c>
      <c r="U589" s="61">
        <v>38538.14</v>
      </c>
      <c r="V589" s="61">
        <v>12711.800000000001</v>
      </c>
      <c r="W589" s="61">
        <v>14577.720000000001</v>
      </c>
      <c r="X589" s="61">
        <v>22673.040000000001</v>
      </c>
      <c r="Y589" s="61">
        <v>21018.04</v>
      </c>
      <c r="Z589" s="61">
        <v>20319.010000000002</v>
      </c>
      <c r="AA589" s="61">
        <v>38371.99</v>
      </c>
      <c r="AB589" s="75">
        <v>39350.65</v>
      </c>
      <c r="AC589" s="61">
        <v>39350.65</v>
      </c>
      <c r="AD589" s="61">
        <v>21548.27</v>
      </c>
      <c r="AE589" s="61">
        <v>22968.34</v>
      </c>
      <c r="AF589" s="62">
        <v>23128.68</v>
      </c>
      <c r="AG589" s="61">
        <v>10729.72</v>
      </c>
      <c r="AH589" s="61">
        <v>10681.86</v>
      </c>
      <c r="AI589" s="61">
        <v>16820.240000000002</v>
      </c>
      <c r="AJ589" s="61">
        <v>19666.62</v>
      </c>
      <c r="AK589" s="61">
        <v>23964.63</v>
      </c>
      <c r="AL589" s="61">
        <v>54073.120000000003</v>
      </c>
      <c r="AM589" s="61">
        <v>55395.61</v>
      </c>
      <c r="AN589" s="75">
        <v>58728.700000000004</v>
      </c>
    </row>
    <row r="590" spans="1:41" s="62" customFormat="1" hidden="1" outlineLevel="2">
      <c r="A590" s="61" t="s">
        <v>218</v>
      </c>
      <c r="B590" s="61" t="s">
        <v>219</v>
      </c>
      <c r="C590" s="71" t="s">
        <v>220</v>
      </c>
      <c r="D590" s="72" t="s">
        <v>1457</v>
      </c>
      <c r="E590" s="73"/>
      <c r="F590" s="62">
        <v>143083.20000000001</v>
      </c>
      <c r="G590" s="62">
        <v>138494.17000000001</v>
      </c>
      <c r="H590" s="62">
        <f t="shared" si="93"/>
        <v>4589.0299999999988</v>
      </c>
      <c r="J590" s="62">
        <v>138494.17000000001</v>
      </c>
      <c r="K590" s="62">
        <f t="shared" si="94"/>
        <v>4589.0299999999988</v>
      </c>
      <c r="M590" s="62">
        <v>142700.78</v>
      </c>
      <c r="N590" s="62">
        <f t="shared" si="95"/>
        <v>382.42000000001281</v>
      </c>
      <c r="P590" s="74">
        <v>135210.14000000001</v>
      </c>
      <c r="Q590" s="61">
        <v>135355.56</v>
      </c>
      <c r="R590" s="61">
        <v>135500.98000000001</v>
      </c>
      <c r="S590" s="61">
        <v>136031.14000000001</v>
      </c>
      <c r="T590" s="62">
        <v>136304.81</v>
      </c>
      <c r="U590" s="61">
        <v>136578.48000000001</v>
      </c>
      <c r="V590" s="61">
        <v>136852.15</v>
      </c>
      <c r="W590" s="61">
        <v>137125.82</v>
      </c>
      <c r="X590" s="61">
        <v>137399.49</v>
      </c>
      <c r="Y590" s="61">
        <v>137673.16</v>
      </c>
      <c r="Z590" s="61">
        <v>137946.83000000002</v>
      </c>
      <c r="AA590" s="61">
        <v>138220.5</v>
      </c>
      <c r="AB590" s="75">
        <v>138494.17000000001</v>
      </c>
      <c r="AC590" s="61">
        <v>138799.92000000001</v>
      </c>
      <c r="AD590" s="61">
        <v>139105.67000000001</v>
      </c>
      <c r="AE590" s="61">
        <v>139641.42000000001</v>
      </c>
      <c r="AF590" s="62">
        <v>140023.84</v>
      </c>
      <c r="AG590" s="61">
        <v>140406.26</v>
      </c>
      <c r="AH590" s="61">
        <v>140788.68</v>
      </c>
      <c r="AI590" s="61">
        <v>141171.1</v>
      </c>
      <c r="AJ590" s="61">
        <v>141553.51999999999</v>
      </c>
      <c r="AK590" s="61">
        <v>141935.94</v>
      </c>
      <c r="AL590" s="61">
        <v>142318.36000000002</v>
      </c>
      <c r="AM590" s="61">
        <v>142700.78</v>
      </c>
      <c r="AN590" s="75">
        <v>143083.20000000001</v>
      </c>
    </row>
    <row r="591" spans="1:41" s="62" customFormat="1" hidden="1" outlineLevel="2">
      <c r="A591" s="61" t="s">
        <v>221</v>
      </c>
      <c r="B591" s="61" t="s">
        <v>222</v>
      </c>
      <c r="C591" s="71" t="s">
        <v>223</v>
      </c>
      <c r="D591" s="72" t="s">
        <v>1457</v>
      </c>
      <c r="E591" s="73"/>
      <c r="F591" s="62">
        <v>31435.96</v>
      </c>
      <c r="G591" s="62">
        <v>30207.87</v>
      </c>
      <c r="H591" s="62">
        <f t="shared" si="93"/>
        <v>1228.0900000000001</v>
      </c>
      <c r="J591" s="62">
        <v>30207.87</v>
      </c>
      <c r="K591" s="62">
        <f t="shared" si="94"/>
        <v>1228.0900000000001</v>
      </c>
      <c r="M591" s="62">
        <v>31221.07</v>
      </c>
      <c r="N591" s="62">
        <f t="shared" si="95"/>
        <v>214.88999999999942</v>
      </c>
      <c r="P591" s="74">
        <v>126184.09</v>
      </c>
      <c r="Q591" s="61">
        <v>126184.09</v>
      </c>
      <c r="R591" s="61">
        <v>29385.21</v>
      </c>
      <c r="S591" s="61">
        <v>29844.31</v>
      </c>
      <c r="T591" s="62">
        <v>29844.31</v>
      </c>
      <c r="U591" s="61">
        <v>29844.31</v>
      </c>
      <c r="V591" s="61">
        <v>29991.75</v>
      </c>
      <c r="W591" s="61">
        <v>29991.75</v>
      </c>
      <c r="X591" s="61">
        <v>29991.75</v>
      </c>
      <c r="Y591" s="61">
        <v>29799.5</v>
      </c>
      <c r="Z591" s="61">
        <v>29799.5</v>
      </c>
      <c r="AA591" s="61">
        <v>29799.5</v>
      </c>
      <c r="AB591" s="75">
        <v>30207.87</v>
      </c>
      <c r="AC591" s="61">
        <v>30207.87</v>
      </c>
      <c r="AD591" s="61">
        <v>30207.87</v>
      </c>
      <c r="AE591" s="61">
        <v>30495.8</v>
      </c>
      <c r="AF591" s="62">
        <v>30495.8</v>
      </c>
      <c r="AG591" s="61">
        <v>30495.8</v>
      </c>
      <c r="AH591" s="61">
        <v>30819.600000000002</v>
      </c>
      <c r="AI591" s="61">
        <v>30819.600000000002</v>
      </c>
      <c r="AJ591" s="61">
        <v>30819.600000000002</v>
      </c>
      <c r="AK591" s="61">
        <v>31221.07</v>
      </c>
      <c r="AL591" s="61">
        <v>31221.07</v>
      </c>
      <c r="AM591" s="61">
        <v>31221.07</v>
      </c>
      <c r="AN591" s="75">
        <v>31435.96</v>
      </c>
    </row>
    <row r="592" spans="1:41" s="62" customFormat="1" hidden="1" outlineLevel="2">
      <c r="A592" s="61" t="s">
        <v>1463</v>
      </c>
      <c r="B592" s="61" t="s">
        <v>1464</v>
      </c>
      <c r="C592" s="71" t="s">
        <v>1465</v>
      </c>
      <c r="D592" s="72" t="s">
        <v>1457</v>
      </c>
      <c r="E592" s="73"/>
      <c r="F592" s="62">
        <v>0</v>
      </c>
      <c r="G592" s="62">
        <v>0</v>
      </c>
      <c r="H592" s="62">
        <f t="shared" si="93"/>
        <v>0</v>
      </c>
      <c r="J592" s="62">
        <v>0</v>
      </c>
      <c r="K592" s="62">
        <f t="shared" si="94"/>
        <v>0</v>
      </c>
      <c r="M592" s="62">
        <v>0</v>
      </c>
      <c r="N592" s="62">
        <f t="shared" si="95"/>
        <v>0</v>
      </c>
      <c r="P592" s="74">
        <v>0</v>
      </c>
      <c r="Q592" s="61">
        <v>0</v>
      </c>
      <c r="R592" s="61">
        <v>0</v>
      </c>
      <c r="S592" s="61">
        <v>0</v>
      </c>
      <c r="T592" s="62">
        <v>0</v>
      </c>
      <c r="U592" s="61">
        <v>0</v>
      </c>
      <c r="V592" s="61">
        <v>0</v>
      </c>
      <c r="W592" s="61">
        <v>0</v>
      </c>
      <c r="X592" s="61">
        <v>0</v>
      </c>
      <c r="Y592" s="61">
        <v>0</v>
      </c>
      <c r="Z592" s="61">
        <v>0</v>
      </c>
      <c r="AA592" s="61">
        <v>0</v>
      </c>
      <c r="AB592" s="75">
        <v>0</v>
      </c>
      <c r="AC592" s="61">
        <v>0</v>
      </c>
      <c r="AD592" s="61">
        <v>0</v>
      </c>
      <c r="AE592" s="61">
        <v>0</v>
      </c>
      <c r="AF592" s="62">
        <v>0</v>
      </c>
      <c r="AG592" s="61">
        <v>0</v>
      </c>
      <c r="AH592" s="61">
        <v>0</v>
      </c>
      <c r="AI592" s="61">
        <v>0</v>
      </c>
      <c r="AJ592" s="61">
        <v>0</v>
      </c>
      <c r="AK592" s="61">
        <v>0</v>
      </c>
      <c r="AL592" s="61">
        <v>0</v>
      </c>
      <c r="AM592" s="61">
        <v>0</v>
      </c>
      <c r="AN592" s="75">
        <v>0</v>
      </c>
    </row>
    <row r="593" spans="1:41" s="62" customFormat="1" hidden="1" outlineLevel="2">
      <c r="A593" s="61" t="s">
        <v>224</v>
      </c>
      <c r="B593" s="61" t="s">
        <v>225</v>
      </c>
      <c r="C593" s="71" t="s">
        <v>134</v>
      </c>
      <c r="D593" s="72" t="s">
        <v>1457</v>
      </c>
      <c r="E593" s="73"/>
      <c r="F593" s="62">
        <v>1614265.44</v>
      </c>
      <c r="G593" s="62">
        <v>1912177.6400000001</v>
      </c>
      <c r="H593" s="62">
        <f t="shared" si="93"/>
        <v>-297912.20000000019</v>
      </c>
      <c r="J593" s="62">
        <v>1912177.6400000001</v>
      </c>
      <c r="K593" s="62">
        <f t="shared" si="94"/>
        <v>-297912.20000000019</v>
      </c>
      <c r="M593" s="62">
        <v>1614265.44</v>
      </c>
      <c r="N593" s="62">
        <f t="shared" si="95"/>
        <v>0</v>
      </c>
      <c r="P593" s="74">
        <v>1845879.52</v>
      </c>
      <c r="Q593" s="61">
        <v>1864680.73</v>
      </c>
      <c r="R593" s="61">
        <v>1883481.94</v>
      </c>
      <c r="S593" s="61">
        <v>1752218.6600000001</v>
      </c>
      <c r="T593" s="62">
        <v>1769991.88</v>
      </c>
      <c r="U593" s="61">
        <v>1787765.1</v>
      </c>
      <c r="V593" s="61">
        <v>1805538.32</v>
      </c>
      <c r="W593" s="61">
        <v>1823311.54</v>
      </c>
      <c r="X593" s="61">
        <v>1841084.76</v>
      </c>
      <c r="Y593" s="61">
        <v>1858857.98</v>
      </c>
      <c r="Z593" s="61">
        <v>1876631.2000000002</v>
      </c>
      <c r="AA593" s="61">
        <v>1894404.42</v>
      </c>
      <c r="AB593" s="75">
        <v>1912177.6400000001</v>
      </c>
      <c r="AC593" s="61">
        <v>1929950.8599999999</v>
      </c>
      <c r="AD593" s="61">
        <v>1947724.08</v>
      </c>
      <c r="AE593" s="61">
        <v>1614265.44</v>
      </c>
      <c r="AF593" s="62">
        <v>1614265.44</v>
      </c>
      <c r="AG593" s="61">
        <v>1614265.44</v>
      </c>
      <c r="AH593" s="61">
        <v>1614265.44</v>
      </c>
      <c r="AI593" s="61">
        <v>1614265.44</v>
      </c>
      <c r="AJ593" s="61">
        <v>1614265.44</v>
      </c>
      <c r="AK593" s="61">
        <v>1614265.44</v>
      </c>
      <c r="AL593" s="61">
        <v>1614265.44</v>
      </c>
      <c r="AM593" s="61">
        <v>1614265.44</v>
      </c>
      <c r="AN593" s="75">
        <v>1614265.44</v>
      </c>
    </row>
    <row r="594" spans="1:41" s="62" customFormat="1" hidden="1" outlineLevel="2">
      <c r="A594" s="61" t="s">
        <v>226</v>
      </c>
      <c r="B594" s="61" t="s">
        <v>227</v>
      </c>
      <c r="C594" s="71" t="s">
        <v>228</v>
      </c>
      <c r="D594" s="72" t="s">
        <v>1457</v>
      </c>
      <c r="E594" s="73"/>
      <c r="F594" s="62">
        <v>0</v>
      </c>
      <c r="G594" s="62">
        <v>0</v>
      </c>
      <c r="H594" s="62">
        <f t="shared" si="93"/>
        <v>0</v>
      </c>
      <c r="J594" s="62">
        <v>0</v>
      </c>
      <c r="K594" s="62">
        <f t="shared" si="94"/>
        <v>0</v>
      </c>
      <c r="M594" s="62">
        <v>282588.75</v>
      </c>
      <c r="N594" s="62">
        <f t="shared" si="95"/>
        <v>-282588.75</v>
      </c>
      <c r="P594" s="74">
        <v>0</v>
      </c>
      <c r="Q594" s="61">
        <v>150992.17000000001</v>
      </c>
      <c r="R594" s="61">
        <v>301984.34000000003</v>
      </c>
      <c r="S594" s="61">
        <v>476567</v>
      </c>
      <c r="T594" s="62">
        <v>635422.67000000004</v>
      </c>
      <c r="U594" s="61">
        <v>794278.34</v>
      </c>
      <c r="V594" s="61">
        <v>-316865.99</v>
      </c>
      <c r="W594" s="61">
        <v>-158010.32</v>
      </c>
      <c r="X594" s="61">
        <v>845.35</v>
      </c>
      <c r="Y594" s="61">
        <v>159701.01999999999</v>
      </c>
      <c r="Z594" s="61">
        <v>318556.69</v>
      </c>
      <c r="AA594" s="61">
        <v>477412.36</v>
      </c>
      <c r="AB594" s="75">
        <v>0</v>
      </c>
      <c r="AC594" s="61">
        <v>131918</v>
      </c>
      <c r="AD594" s="61">
        <v>263836</v>
      </c>
      <c r="AE594" s="61">
        <v>399978.75</v>
      </c>
      <c r="AF594" s="62">
        <v>533305</v>
      </c>
      <c r="AG594" s="61">
        <v>666631.25</v>
      </c>
      <c r="AH594" s="61">
        <v>-384042.5</v>
      </c>
      <c r="AI594" s="61">
        <v>-250716.25</v>
      </c>
      <c r="AJ594" s="61">
        <v>-117390</v>
      </c>
      <c r="AK594" s="61">
        <v>15936.25</v>
      </c>
      <c r="AL594" s="61">
        <v>149262.5</v>
      </c>
      <c r="AM594" s="61">
        <v>282588.75</v>
      </c>
      <c r="AN594" s="75">
        <v>0</v>
      </c>
    </row>
    <row r="595" spans="1:41" s="62" customFormat="1" hidden="1" outlineLevel="2">
      <c r="A595" s="61" t="s">
        <v>229</v>
      </c>
      <c r="B595" s="61" t="s">
        <v>230</v>
      </c>
      <c r="C595" s="71" t="s">
        <v>231</v>
      </c>
      <c r="D595" s="72" t="s">
        <v>1457</v>
      </c>
      <c r="E595" s="73"/>
      <c r="F595" s="62">
        <v>398559.14</v>
      </c>
      <c r="G595" s="62">
        <v>324721.90000000002</v>
      </c>
      <c r="H595" s="62">
        <f t="shared" si="93"/>
        <v>73837.239999999991</v>
      </c>
      <c r="J595" s="62">
        <v>324721.90000000002</v>
      </c>
      <c r="K595" s="62">
        <f t="shared" si="94"/>
        <v>73837.239999999991</v>
      </c>
      <c r="M595" s="62">
        <v>636803.06000000006</v>
      </c>
      <c r="N595" s="62">
        <f t="shared" si="95"/>
        <v>-238243.92000000004</v>
      </c>
      <c r="P595" s="74">
        <v>392613.57</v>
      </c>
      <c r="Q595" s="61">
        <v>572671.09</v>
      </c>
      <c r="R595" s="61">
        <v>242998.2</v>
      </c>
      <c r="S595" s="61">
        <v>85541.290000000008</v>
      </c>
      <c r="T595" s="62">
        <v>249238.30000000002</v>
      </c>
      <c r="U595" s="61">
        <v>295156.74</v>
      </c>
      <c r="V595" s="61">
        <v>199928.13</v>
      </c>
      <c r="W595" s="61">
        <v>332576.8</v>
      </c>
      <c r="X595" s="61">
        <v>365496.83</v>
      </c>
      <c r="Y595" s="61">
        <v>264429.86</v>
      </c>
      <c r="Z595" s="61">
        <v>435106.86</v>
      </c>
      <c r="AA595" s="61">
        <v>429166.85000000003</v>
      </c>
      <c r="AB595" s="75">
        <v>324721.90000000002</v>
      </c>
      <c r="AC595" s="61">
        <v>505066.9</v>
      </c>
      <c r="AD595" s="61">
        <v>379042.68</v>
      </c>
      <c r="AE595" s="61">
        <v>245972.73</v>
      </c>
      <c r="AF595" s="62">
        <v>520522.82</v>
      </c>
      <c r="AG595" s="61">
        <v>524453.01</v>
      </c>
      <c r="AH595" s="61">
        <v>301857.97000000003</v>
      </c>
      <c r="AI595" s="61">
        <v>572792.99</v>
      </c>
      <c r="AJ595" s="61">
        <v>593383</v>
      </c>
      <c r="AK595" s="61">
        <v>342404.01</v>
      </c>
      <c r="AL595" s="61">
        <v>622752.95000000007</v>
      </c>
      <c r="AM595" s="61">
        <v>636803.06000000006</v>
      </c>
      <c r="AN595" s="75">
        <v>398559.14</v>
      </c>
    </row>
    <row r="596" spans="1:41" s="62" customFormat="1" hidden="1" outlineLevel="2">
      <c r="A596" s="61" t="s">
        <v>725</v>
      </c>
      <c r="B596" s="61" t="s">
        <v>726</v>
      </c>
      <c r="C596" s="71" t="s">
        <v>727</v>
      </c>
      <c r="D596" s="72" t="s">
        <v>1457</v>
      </c>
      <c r="E596" s="73"/>
      <c r="F596" s="62">
        <v>0</v>
      </c>
      <c r="G596" s="62">
        <v>0</v>
      </c>
      <c r="H596" s="62">
        <f t="shared" si="93"/>
        <v>0</v>
      </c>
      <c r="J596" s="62">
        <v>0</v>
      </c>
      <c r="K596" s="62">
        <f t="shared" si="94"/>
        <v>0</v>
      </c>
      <c r="M596" s="62">
        <v>0</v>
      </c>
      <c r="N596" s="62">
        <f t="shared" si="95"/>
        <v>0</v>
      </c>
      <c r="P596" s="74">
        <v>73552.850000000006</v>
      </c>
      <c r="Q596" s="61">
        <v>73552.850000000006</v>
      </c>
      <c r="R596" s="61">
        <v>73552.850000000006</v>
      </c>
      <c r="S596" s="61">
        <v>74504.930000000008</v>
      </c>
      <c r="T596" s="62">
        <v>74504.930000000008</v>
      </c>
      <c r="U596" s="61">
        <v>74504.930000000008</v>
      </c>
      <c r="V596" s="61">
        <v>0</v>
      </c>
      <c r="W596" s="61">
        <v>-73801</v>
      </c>
      <c r="X596" s="61">
        <v>-73801</v>
      </c>
      <c r="Y596" s="61">
        <v>0</v>
      </c>
      <c r="Z596" s="61">
        <v>0</v>
      </c>
      <c r="AA596" s="61">
        <v>0</v>
      </c>
      <c r="AB596" s="75">
        <v>0</v>
      </c>
      <c r="AC596" s="61">
        <v>0</v>
      </c>
      <c r="AD596" s="61">
        <v>0</v>
      </c>
      <c r="AE596" s="61">
        <v>0</v>
      </c>
      <c r="AF596" s="62">
        <v>0</v>
      </c>
      <c r="AG596" s="61">
        <v>0</v>
      </c>
      <c r="AH596" s="61">
        <v>0</v>
      </c>
      <c r="AI596" s="61">
        <v>0</v>
      </c>
      <c r="AJ596" s="61">
        <v>0</v>
      </c>
      <c r="AK596" s="61">
        <v>0</v>
      </c>
      <c r="AL596" s="61">
        <v>0</v>
      </c>
      <c r="AM596" s="61">
        <v>0</v>
      </c>
      <c r="AN596" s="75">
        <v>0</v>
      </c>
    </row>
    <row r="597" spans="1:41" s="62" customFormat="1" hidden="1" outlineLevel="2">
      <c r="A597" s="61" t="s">
        <v>1466</v>
      </c>
      <c r="B597" s="61" t="s">
        <v>1467</v>
      </c>
      <c r="C597" s="71" t="s">
        <v>1468</v>
      </c>
      <c r="D597" s="72" t="s">
        <v>1457</v>
      </c>
      <c r="E597" s="73"/>
      <c r="F597" s="62">
        <v>0</v>
      </c>
      <c r="G597" s="62">
        <v>0</v>
      </c>
      <c r="H597" s="62">
        <f t="shared" si="93"/>
        <v>0</v>
      </c>
      <c r="J597" s="62">
        <v>0</v>
      </c>
      <c r="K597" s="62">
        <f t="shared" si="94"/>
        <v>0</v>
      </c>
      <c r="M597" s="62">
        <v>0</v>
      </c>
      <c r="N597" s="62">
        <f t="shared" si="95"/>
        <v>0</v>
      </c>
      <c r="P597" s="74">
        <v>0</v>
      </c>
      <c r="Q597" s="61">
        <v>0</v>
      </c>
      <c r="R597" s="61">
        <v>0</v>
      </c>
      <c r="S597" s="61">
        <v>0</v>
      </c>
      <c r="T597" s="62">
        <v>0</v>
      </c>
      <c r="U597" s="61">
        <v>0</v>
      </c>
      <c r="V597" s="61">
        <v>0</v>
      </c>
      <c r="W597" s="61">
        <v>0</v>
      </c>
      <c r="X597" s="61">
        <v>0</v>
      </c>
      <c r="Y597" s="61">
        <v>0</v>
      </c>
      <c r="Z597" s="61">
        <v>0</v>
      </c>
      <c r="AA597" s="61">
        <v>0</v>
      </c>
      <c r="AB597" s="75">
        <v>0</v>
      </c>
      <c r="AC597" s="61">
        <v>0</v>
      </c>
      <c r="AD597" s="61">
        <v>0</v>
      </c>
      <c r="AE597" s="61">
        <v>0</v>
      </c>
      <c r="AF597" s="62">
        <v>0</v>
      </c>
      <c r="AG597" s="61">
        <v>0</v>
      </c>
      <c r="AH597" s="61">
        <v>0</v>
      </c>
      <c r="AI597" s="61">
        <v>0</v>
      </c>
      <c r="AJ597" s="61">
        <v>0</v>
      </c>
      <c r="AK597" s="61">
        <v>0</v>
      </c>
      <c r="AL597" s="61">
        <v>0</v>
      </c>
      <c r="AM597" s="61">
        <v>0</v>
      </c>
      <c r="AN597" s="75">
        <v>0</v>
      </c>
    </row>
    <row r="598" spans="1:41" s="62" customFormat="1" hidden="1" outlineLevel="2">
      <c r="A598" s="61" t="s">
        <v>380</v>
      </c>
      <c r="B598" s="61" t="s">
        <v>381</v>
      </c>
      <c r="C598" s="71" t="s">
        <v>382</v>
      </c>
      <c r="D598" s="72" t="s">
        <v>1457</v>
      </c>
      <c r="E598" s="73"/>
      <c r="F598" s="62">
        <v>873267.57000000007</v>
      </c>
      <c r="G598" s="62">
        <v>812877.19000000006</v>
      </c>
      <c r="H598" s="62">
        <f t="shared" si="93"/>
        <v>60390.380000000005</v>
      </c>
      <c r="J598" s="62">
        <v>812877.19000000006</v>
      </c>
      <c r="K598" s="62">
        <f t="shared" si="94"/>
        <v>60390.380000000005</v>
      </c>
      <c r="M598" s="62">
        <v>850859.11</v>
      </c>
      <c r="N598" s="62">
        <f t="shared" si="95"/>
        <v>22408.460000000079</v>
      </c>
      <c r="P598" s="74">
        <v>587719.65</v>
      </c>
      <c r="Q598" s="61">
        <v>640312.23</v>
      </c>
      <c r="R598" s="61">
        <v>647017.17000000004</v>
      </c>
      <c r="S598" s="61">
        <v>634164.05000000005</v>
      </c>
      <c r="T598" s="62">
        <v>631899.26</v>
      </c>
      <c r="U598" s="61">
        <v>603608.13</v>
      </c>
      <c r="V598" s="61">
        <v>535585.01</v>
      </c>
      <c r="W598" s="61">
        <v>793448.24</v>
      </c>
      <c r="X598" s="61">
        <v>797734.8</v>
      </c>
      <c r="Y598" s="61">
        <v>785202.04</v>
      </c>
      <c r="Z598" s="61">
        <v>790716.51</v>
      </c>
      <c r="AA598" s="61">
        <v>812474.52</v>
      </c>
      <c r="AB598" s="75">
        <v>812877.19000000006</v>
      </c>
      <c r="AC598" s="61">
        <v>812877.19000000006</v>
      </c>
      <c r="AD598" s="61">
        <v>906197.74</v>
      </c>
      <c r="AE598" s="61">
        <v>921115.09</v>
      </c>
      <c r="AF598" s="62">
        <v>897582.44000000006</v>
      </c>
      <c r="AG598" s="61">
        <v>839539.86</v>
      </c>
      <c r="AH598" s="61">
        <v>842222.5</v>
      </c>
      <c r="AI598" s="61">
        <v>854152.06</v>
      </c>
      <c r="AJ598" s="61">
        <v>825437.75</v>
      </c>
      <c r="AK598" s="61">
        <v>808115.92</v>
      </c>
      <c r="AL598" s="61">
        <v>884561.47</v>
      </c>
      <c r="AM598" s="61">
        <v>850859.11</v>
      </c>
      <c r="AN598" s="75">
        <v>873267.57000000007</v>
      </c>
    </row>
    <row r="599" spans="1:41" s="114" customFormat="1" ht="15" hidden="1" customHeight="1" outlineLevel="1">
      <c r="A599" s="113" t="s">
        <v>1469</v>
      </c>
      <c r="B599" s="114" t="s">
        <v>2</v>
      </c>
      <c r="C599" s="148" t="s">
        <v>1470</v>
      </c>
      <c r="D599" s="147" t="s">
        <v>1457</v>
      </c>
      <c r="E599" s="117"/>
      <c r="F599" s="128">
        <v>3119340.01</v>
      </c>
      <c r="G599" s="129">
        <v>3257829.42</v>
      </c>
      <c r="H599" s="129">
        <f t="shared" si="93"/>
        <v>-138489.41000000015</v>
      </c>
      <c r="I599" s="130"/>
      <c r="J599" s="129">
        <v>3257829.42</v>
      </c>
      <c r="K599" s="129">
        <f t="shared" si="94"/>
        <v>-138489.41000000015</v>
      </c>
      <c r="L599" s="129"/>
      <c r="M599" s="129">
        <v>3613833.82</v>
      </c>
      <c r="N599" s="129">
        <f t="shared" si="95"/>
        <v>-494493.81000000006</v>
      </c>
      <c r="O599" s="131"/>
      <c r="P599" s="132">
        <v>3235942.17</v>
      </c>
      <c r="Q599" s="129">
        <v>3594783.5</v>
      </c>
      <c r="R599" s="129">
        <v>3347486.79</v>
      </c>
      <c r="S599" s="129">
        <v>3224824.83</v>
      </c>
      <c r="T599" s="129">
        <v>3568566.4699999997</v>
      </c>
      <c r="U599" s="129">
        <v>3760274.1700000004</v>
      </c>
      <c r="V599" s="129">
        <v>2403741.17</v>
      </c>
      <c r="W599" s="129">
        <v>2899220.55</v>
      </c>
      <c r="X599" s="129">
        <v>3121425.0200000005</v>
      </c>
      <c r="Y599" s="129">
        <v>3256681.5999999996</v>
      </c>
      <c r="Z599" s="129">
        <v>3609076.6000000006</v>
      </c>
      <c r="AA599" s="129">
        <v>3819850.14</v>
      </c>
      <c r="AB599" s="133">
        <v>3257829.42</v>
      </c>
      <c r="AC599" s="129">
        <v>3588171.3899999997</v>
      </c>
      <c r="AD599" s="129">
        <v>3687662.3100000005</v>
      </c>
      <c r="AE599" s="129">
        <v>3374437.57</v>
      </c>
      <c r="AF599" s="129">
        <v>3759324.0199999996</v>
      </c>
      <c r="AG599" s="129">
        <v>3826521.3399999994</v>
      </c>
      <c r="AH599" s="129">
        <v>2556593.5499999998</v>
      </c>
      <c r="AI599" s="129">
        <v>2979305.18</v>
      </c>
      <c r="AJ599" s="129">
        <v>3107735.9299999997</v>
      </c>
      <c r="AK599" s="129">
        <v>2977843.26</v>
      </c>
      <c r="AL599" s="129">
        <v>3498454.91</v>
      </c>
      <c r="AM599" s="129">
        <v>3613833.82</v>
      </c>
      <c r="AN599" s="133">
        <v>3119340.01</v>
      </c>
      <c r="AO599" s="134"/>
    </row>
    <row r="600" spans="1:41" s="137" customFormat="1" ht="15" customHeight="1" collapsed="1">
      <c r="A600" s="136"/>
      <c r="B600" s="137" t="s">
        <v>2</v>
      </c>
      <c r="C600" s="138" t="s">
        <v>1471</v>
      </c>
      <c r="D600" s="146"/>
      <c r="E600" s="117"/>
      <c r="F600" s="139">
        <f>+F599+F588</f>
        <v>11809535.43</v>
      </c>
      <c r="G600" s="140">
        <f>+G599+G588</f>
        <v>11002135.84</v>
      </c>
      <c r="H600" s="140">
        <f t="shared" si="93"/>
        <v>807399.58999999985</v>
      </c>
      <c r="I600" s="141"/>
      <c r="J600" s="140">
        <f>+J599+J588</f>
        <v>11002135.84</v>
      </c>
      <c r="K600" s="140">
        <f t="shared" si="94"/>
        <v>807399.58999999985</v>
      </c>
      <c r="L600" s="140"/>
      <c r="M600" s="140">
        <f>+M599+M588</f>
        <v>10405807.99</v>
      </c>
      <c r="N600" s="140">
        <f t="shared" si="95"/>
        <v>1403727.4399999995</v>
      </c>
      <c r="O600" s="131"/>
      <c r="P600" s="142">
        <f t="shared" ref="P600:AN600" si="96">+P599+P588</f>
        <v>10497467.559999999</v>
      </c>
      <c r="Q600" s="140">
        <f t="shared" si="96"/>
        <v>10856308.890000001</v>
      </c>
      <c r="R600" s="140">
        <f t="shared" si="96"/>
        <v>10609012.18</v>
      </c>
      <c r="S600" s="140">
        <f t="shared" si="96"/>
        <v>10080955.969999999</v>
      </c>
      <c r="T600" s="140">
        <f t="shared" si="96"/>
        <v>10424697.609999999</v>
      </c>
      <c r="U600" s="140">
        <f t="shared" si="96"/>
        <v>10616405.310000001</v>
      </c>
      <c r="V600" s="140">
        <f t="shared" si="96"/>
        <v>8854478.0599999987</v>
      </c>
      <c r="W600" s="140">
        <f t="shared" si="96"/>
        <v>9349957.4399999995</v>
      </c>
      <c r="X600" s="140">
        <f t="shared" si="96"/>
        <v>9572161.9100000001</v>
      </c>
      <c r="Y600" s="140">
        <f t="shared" si="96"/>
        <v>9302024.2399999984</v>
      </c>
      <c r="Z600" s="140">
        <f t="shared" si="96"/>
        <v>9519287.8200000003</v>
      </c>
      <c r="AA600" s="140">
        <f t="shared" si="96"/>
        <v>9594929.9399999995</v>
      </c>
      <c r="AB600" s="143">
        <f t="shared" si="96"/>
        <v>11002135.84</v>
      </c>
      <c r="AC600" s="140">
        <f t="shared" si="96"/>
        <v>11332477.809999999</v>
      </c>
      <c r="AD600" s="140">
        <f t="shared" si="96"/>
        <v>11431968.73</v>
      </c>
      <c r="AE600" s="140">
        <f t="shared" si="96"/>
        <v>10801263.24</v>
      </c>
      <c r="AF600" s="140">
        <f t="shared" si="96"/>
        <v>11186149.689999999</v>
      </c>
      <c r="AG600" s="140">
        <f t="shared" si="96"/>
        <v>11253347.01</v>
      </c>
      <c r="AH600" s="140">
        <f t="shared" si="96"/>
        <v>9665993.4699999988</v>
      </c>
      <c r="AI600" s="140">
        <f t="shared" si="96"/>
        <v>10088705.1</v>
      </c>
      <c r="AJ600" s="140">
        <f t="shared" si="96"/>
        <v>10217135.85</v>
      </c>
      <c r="AK600" s="140">
        <f t="shared" si="96"/>
        <v>9769817.4299999997</v>
      </c>
      <c r="AL600" s="140">
        <f t="shared" si="96"/>
        <v>10290429.08</v>
      </c>
      <c r="AM600" s="140">
        <f t="shared" si="96"/>
        <v>10405807.99</v>
      </c>
      <c r="AN600" s="143">
        <f t="shared" si="96"/>
        <v>11809535.43</v>
      </c>
      <c r="AO600" s="144"/>
    </row>
    <row r="601" spans="1:41" s="137" customFormat="1" ht="3.75" hidden="1" customHeight="1" outlineLevel="1">
      <c r="A601" s="136"/>
      <c r="C601" s="138"/>
      <c r="D601" s="146"/>
      <c r="E601" s="117"/>
      <c r="F601" s="139"/>
      <c r="G601" s="140"/>
      <c r="H601" s="140"/>
      <c r="I601" s="141"/>
      <c r="J601" s="140"/>
      <c r="K601" s="140"/>
      <c r="L601" s="140"/>
      <c r="M601" s="140"/>
      <c r="N601" s="140"/>
      <c r="O601" s="131"/>
      <c r="P601" s="142"/>
      <c r="Q601" s="140"/>
      <c r="R601" s="140"/>
      <c r="S601" s="140"/>
      <c r="T601" s="140"/>
      <c r="U601" s="140"/>
      <c r="V601" s="140"/>
      <c r="W601" s="140"/>
      <c r="X601" s="140"/>
      <c r="Y601" s="140"/>
      <c r="Z601" s="140"/>
      <c r="AA601" s="140"/>
      <c r="AB601" s="143"/>
      <c r="AC601" s="140"/>
      <c r="AD601" s="140"/>
      <c r="AE601" s="140"/>
      <c r="AF601" s="140"/>
      <c r="AG601" s="140"/>
      <c r="AH601" s="140"/>
      <c r="AI601" s="140"/>
      <c r="AJ601" s="140"/>
      <c r="AK601" s="140"/>
      <c r="AL601" s="140"/>
      <c r="AM601" s="140"/>
      <c r="AN601" s="143"/>
      <c r="AO601" s="144"/>
    </row>
    <row r="602" spans="1:41" s="137" customFormat="1" ht="3.75" hidden="1" customHeight="1" outlineLevel="1">
      <c r="A602" s="136"/>
      <c r="C602" s="138"/>
      <c r="D602" s="146"/>
      <c r="E602" s="117"/>
      <c r="F602" s="139"/>
      <c r="G602" s="140"/>
      <c r="H602" s="140"/>
      <c r="I602" s="141"/>
      <c r="J602" s="140"/>
      <c r="K602" s="140"/>
      <c r="L602" s="140"/>
      <c r="M602" s="140"/>
      <c r="N602" s="140"/>
      <c r="O602" s="131"/>
      <c r="P602" s="142"/>
      <c r="Q602" s="140"/>
      <c r="R602" s="140"/>
      <c r="S602" s="140"/>
      <c r="T602" s="140"/>
      <c r="U602" s="140"/>
      <c r="V602" s="140"/>
      <c r="W602" s="140"/>
      <c r="X602" s="140"/>
      <c r="Y602" s="140"/>
      <c r="Z602" s="140"/>
      <c r="AA602" s="140"/>
      <c r="AB602" s="143"/>
      <c r="AC602" s="140"/>
      <c r="AD602" s="140"/>
      <c r="AE602" s="140"/>
      <c r="AF602" s="140"/>
      <c r="AG602" s="140"/>
      <c r="AH602" s="140"/>
      <c r="AI602" s="140"/>
      <c r="AJ602" s="140"/>
      <c r="AK602" s="140"/>
      <c r="AL602" s="140"/>
      <c r="AM602" s="140"/>
      <c r="AN602" s="143"/>
      <c r="AO602" s="144"/>
    </row>
    <row r="603" spans="1:41" s="137" customFormat="1" ht="15" customHeight="1" collapsed="1">
      <c r="A603" s="136" t="s">
        <v>1472</v>
      </c>
      <c r="B603" s="137" t="s">
        <v>2</v>
      </c>
      <c r="C603" s="138" t="s">
        <v>1473</v>
      </c>
      <c r="D603" s="146" t="s">
        <v>1473</v>
      </c>
      <c r="E603" s="117"/>
      <c r="F603" s="139">
        <v>0</v>
      </c>
      <c r="G603" s="140">
        <v>0</v>
      </c>
      <c r="H603" s="140">
        <f>+F603-G603</f>
        <v>0</v>
      </c>
      <c r="I603" s="141"/>
      <c r="J603" s="140">
        <v>0</v>
      </c>
      <c r="K603" s="140">
        <f>+F603-J603</f>
        <v>0</v>
      </c>
      <c r="L603" s="140"/>
      <c r="M603" s="140">
        <v>0</v>
      </c>
      <c r="N603" s="140">
        <f>+F603-M603</f>
        <v>0</v>
      </c>
      <c r="O603" s="131"/>
      <c r="P603" s="142">
        <v>0</v>
      </c>
      <c r="Q603" s="140">
        <v>0</v>
      </c>
      <c r="R603" s="140">
        <v>0</v>
      </c>
      <c r="S603" s="140">
        <v>0</v>
      </c>
      <c r="T603" s="140">
        <v>0</v>
      </c>
      <c r="U603" s="140">
        <v>0</v>
      </c>
      <c r="V603" s="140">
        <v>0</v>
      </c>
      <c r="W603" s="140">
        <v>0</v>
      </c>
      <c r="X603" s="140">
        <v>0</v>
      </c>
      <c r="Y603" s="140">
        <v>0</v>
      </c>
      <c r="Z603" s="140">
        <v>0</v>
      </c>
      <c r="AA603" s="140">
        <v>0</v>
      </c>
      <c r="AB603" s="143">
        <v>0</v>
      </c>
      <c r="AC603" s="140">
        <v>0</v>
      </c>
      <c r="AD603" s="140">
        <v>0</v>
      </c>
      <c r="AE603" s="140">
        <v>0</v>
      </c>
      <c r="AF603" s="140">
        <v>0</v>
      </c>
      <c r="AG603" s="140">
        <v>0</v>
      </c>
      <c r="AH603" s="140">
        <v>0</v>
      </c>
      <c r="AI603" s="140">
        <v>0</v>
      </c>
      <c r="AJ603" s="140">
        <v>0</v>
      </c>
      <c r="AK603" s="140">
        <v>0</v>
      </c>
      <c r="AL603" s="140">
        <v>0</v>
      </c>
      <c r="AM603" s="140">
        <v>0</v>
      </c>
      <c r="AN603" s="143">
        <v>0</v>
      </c>
      <c r="AO603" s="144"/>
    </row>
    <row r="604" spans="1:41" s="137" customFormat="1" ht="15" customHeight="1">
      <c r="A604" s="136" t="s">
        <v>1474</v>
      </c>
      <c r="B604" s="137" t="s">
        <v>2</v>
      </c>
      <c r="C604" s="138" t="s">
        <v>1475</v>
      </c>
      <c r="D604" s="146"/>
      <c r="E604" s="117"/>
      <c r="F604" s="139">
        <v>0</v>
      </c>
      <c r="G604" s="140">
        <v>0</v>
      </c>
      <c r="H604" s="140">
        <f>+F604-G604</f>
        <v>0</v>
      </c>
      <c r="I604" s="141"/>
      <c r="J604" s="140">
        <v>0</v>
      </c>
      <c r="K604" s="140">
        <f>+F604-J604</f>
        <v>0</v>
      </c>
      <c r="L604" s="140"/>
      <c r="M604" s="140">
        <v>0</v>
      </c>
      <c r="N604" s="140">
        <f>+F604-M604</f>
        <v>0</v>
      </c>
      <c r="O604" s="131"/>
      <c r="P604" s="142">
        <v>0</v>
      </c>
      <c r="Q604" s="140">
        <v>0</v>
      </c>
      <c r="R604" s="140">
        <v>0</v>
      </c>
      <c r="S604" s="140">
        <v>0</v>
      </c>
      <c r="T604" s="140">
        <v>0</v>
      </c>
      <c r="U604" s="140">
        <v>0</v>
      </c>
      <c r="V604" s="140">
        <v>0</v>
      </c>
      <c r="W604" s="140">
        <v>0</v>
      </c>
      <c r="X604" s="140">
        <v>0</v>
      </c>
      <c r="Y604" s="140">
        <v>0</v>
      </c>
      <c r="Z604" s="140">
        <v>0</v>
      </c>
      <c r="AA604" s="140">
        <v>0</v>
      </c>
      <c r="AB604" s="143">
        <v>0</v>
      </c>
      <c r="AC604" s="140">
        <v>0</v>
      </c>
      <c r="AD604" s="140">
        <v>0</v>
      </c>
      <c r="AE604" s="140">
        <v>0</v>
      </c>
      <c r="AF604" s="140">
        <v>0</v>
      </c>
      <c r="AG604" s="140">
        <v>0</v>
      </c>
      <c r="AH604" s="140">
        <v>0</v>
      </c>
      <c r="AI604" s="140">
        <v>0</v>
      </c>
      <c r="AJ604" s="140">
        <v>0</v>
      </c>
      <c r="AK604" s="140">
        <v>0</v>
      </c>
      <c r="AL604" s="140">
        <v>0</v>
      </c>
      <c r="AM604" s="140">
        <v>0</v>
      </c>
      <c r="AN604" s="143">
        <v>0</v>
      </c>
      <c r="AO604" s="144"/>
    </row>
    <row r="605" spans="1:41" s="114" customFormat="1" ht="5.25" hidden="1" customHeight="1" outlineLevel="1">
      <c r="A605" s="113"/>
      <c r="C605" s="145"/>
      <c r="D605" s="146"/>
      <c r="E605" s="117"/>
      <c r="F605" s="128"/>
      <c r="G605" s="129"/>
      <c r="H605" s="129"/>
      <c r="I605" s="130"/>
      <c r="J605" s="129"/>
      <c r="K605" s="129"/>
      <c r="L605" s="129"/>
      <c r="M605" s="129"/>
      <c r="N605" s="129"/>
      <c r="O605" s="131"/>
      <c r="P605" s="132"/>
      <c r="Q605" s="129"/>
      <c r="R605" s="129"/>
      <c r="S605" s="129"/>
      <c r="T605" s="129"/>
      <c r="U605" s="129"/>
      <c r="V605" s="129"/>
      <c r="W605" s="129"/>
      <c r="X605" s="129"/>
      <c r="Y605" s="129"/>
      <c r="Z605" s="129"/>
      <c r="AA605" s="129"/>
      <c r="AB605" s="133"/>
      <c r="AC605" s="129"/>
      <c r="AD605" s="129"/>
      <c r="AE605" s="129"/>
      <c r="AF605" s="129"/>
      <c r="AG605" s="129"/>
      <c r="AH605" s="129"/>
      <c r="AI605" s="129"/>
      <c r="AJ605" s="129"/>
      <c r="AK605" s="129"/>
      <c r="AL605" s="129"/>
      <c r="AM605" s="129"/>
      <c r="AN605" s="133"/>
      <c r="AO605" s="134"/>
    </row>
    <row r="606" spans="1:41" s="62" customFormat="1" hidden="1" outlineLevel="2">
      <c r="A606" s="61" t="s">
        <v>209</v>
      </c>
      <c r="B606" s="61" t="s">
        <v>210</v>
      </c>
      <c r="C606" s="71" t="s">
        <v>211</v>
      </c>
      <c r="D606" s="72" t="s">
        <v>1476</v>
      </c>
      <c r="E606" s="73"/>
      <c r="F606" s="62">
        <v>876920.88</v>
      </c>
      <c r="G606" s="62">
        <v>811870.29</v>
      </c>
      <c r="H606" s="62">
        <f t="shared" ref="H606:H629" si="97">+F606-G606</f>
        <v>65050.589999999967</v>
      </c>
      <c r="J606" s="62">
        <v>811870.29</v>
      </c>
      <c r="K606" s="62">
        <f t="shared" ref="K606:K629" si="98">+F606-J606</f>
        <v>65050.589999999967</v>
      </c>
      <c r="M606" s="62">
        <v>873172.95000000007</v>
      </c>
      <c r="N606" s="62">
        <f t="shared" ref="N606:N629" si="99">+F606-M606</f>
        <v>3747.9299999999348</v>
      </c>
      <c r="P606" s="74">
        <v>1159857.71</v>
      </c>
      <c r="Q606" s="61">
        <v>1150776.1000000001</v>
      </c>
      <c r="R606" s="61">
        <v>1114160.19</v>
      </c>
      <c r="S606" s="61">
        <v>1088406.8799999999</v>
      </c>
      <c r="T606" s="62">
        <v>1110749.3899999999</v>
      </c>
      <c r="U606" s="61">
        <v>1070971.1100000001</v>
      </c>
      <c r="V606" s="61">
        <v>1030881.43</v>
      </c>
      <c r="W606" s="61">
        <v>990457.56</v>
      </c>
      <c r="X606" s="61">
        <v>966830.06</v>
      </c>
      <c r="Y606" s="61">
        <v>929989.91</v>
      </c>
      <c r="Z606" s="61">
        <v>900596.86</v>
      </c>
      <c r="AA606" s="61">
        <v>851361.86</v>
      </c>
      <c r="AB606" s="75">
        <v>811870.29</v>
      </c>
      <c r="AC606" s="61">
        <v>938742.93</v>
      </c>
      <c r="AD606" s="61">
        <v>901732.62</v>
      </c>
      <c r="AE606" s="61">
        <v>864350.99</v>
      </c>
      <c r="AF606" s="62">
        <v>852047.8</v>
      </c>
      <c r="AG606" s="61">
        <v>843612.08000000007</v>
      </c>
      <c r="AH606" s="61">
        <v>854625.45000000007</v>
      </c>
      <c r="AI606" s="61">
        <v>813505.68</v>
      </c>
      <c r="AJ606" s="61">
        <v>832459.75</v>
      </c>
      <c r="AK606" s="61">
        <v>804028.97</v>
      </c>
      <c r="AL606" s="61">
        <v>779921.55</v>
      </c>
      <c r="AM606" s="61">
        <v>873172.95000000007</v>
      </c>
      <c r="AN606" s="75">
        <v>876920.88</v>
      </c>
    </row>
    <row r="607" spans="1:41" s="62" customFormat="1" hidden="1" outlineLevel="2">
      <c r="A607" s="61" t="s">
        <v>212</v>
      </c>
      <c r="B607" s="61" t="s">
        <v>213</v>
      </c>
      <c r="C607" s="71" t="s">
        <v>214</v>
      </c>
      <c r="D607" s="72" t="s">
        <v>1476</v>
      </c>
      <c r="E607" s="73"/>
      <c r="F607" s="62">
        <v>2677.4</v>
      </c>
      <c r="G607" s="62">
        <v>23408.7</v>
      </c>
      <c r="H607" s="62">
        <f t="shared" si="97"/>
        <v>-20731.3</v>
      </c>
      <c r="J607" s="62">
        <v>23408.7</v>
      </c>
      <c r="K607" s="62">
        <f t="shared" si="98"/>
        <v>-20731.3</v>
      </c>
      <c r="M607" s="62">
        <v>5616.75</v>
      </c>
      <c r="N607" s="62">
        <f t="shared" si="99"/>
        <v>-2939.35</v>
      </c>
      <c r="P607" s="74">
        <v>10939.95</v>
      </c>
      <c r="Q607" s="61">
        <v>6381.4400000000005</v>
      </c>
      <c r="R607" s="61">
        <v>17858.5</v>
      </c>
      <c r="S607" s="61">
        <v>64389.98</v>
      </c>
      <c r="T607" s="62">
        <v>0</v>
      </c>
      <c r="U607" s="61">
        <v>0</v>
      </c>
      <c r="V607" s="61">
        <v>0</v>
      </c>
      <c r="W607" s="61">
        <v>16680.13</v>
      </c>
      <c r="X607" s="61">
        <v>762.24</v>
      </c>
      <c r="Y607" s="61">
        <v>9625.26</v>
      </c>
      <c r="Z607" s="61">
        <v>33520.06</v>
      </c>
      <c r="AA607" s="61">
        <v>8042.38</v>
      </c>
      <c r="AB607" s="75">
        <v>23408.7</v>
      </c>
      <c r="AC607" s="61">
        <v>26813.79</v>
      </c>
      <c r="AD607" s="61">
        <v>33836.03</v>
      </c>
      <c r="AE607" s="61">
        <v>50382.53</v>
      </c>
      <c r="AF607" s="62">
        <v>49904.14</v>
      </c>
      <c r="AG607" s="61">
        <v>37045.74</v>
      </c>
      <c r="AH607" s="61">
        <v>2603.9900000000002</v>
      </c>
      <c r="AI607" s="61">
        <v>0</v>
      </c>
      <c r="AJ607" s="61">
        <v>8819.0300000000007</v>
      </c>
      <c r="AK607" s="61">
        <v>10485.16</v>
      </c>
      <c r="AL607" s="61">
        <v>9542.49</v>
      </c>
      <c r="AM607" s="61">
        <v>5616.75</v>
      </c>
      <c r="AN607" s="75">
        <v>2677.4</v>
      </c>
    </row>
    <row r="608" spans="1:41" s="114" customFormat="1" ht="15" hidden="1" customHeight="1" outlineLevel="1">
      <c r="A608" s="113" t="s">
        <v>1477</v>
      </c>
      <c r="B608" s="114" t="s">
        <v>2</v>
      </c>
      <c r="C608" s="126" t="s">
        <v>1478</v>
      </c>
      <c r="D608" s="147" t="s">
        <v>1476</v>
      </c>
      <c r="E608" s="117"/>
      <c r="F608" s="128">
        <v>879598.28</v>
      </c>
      <c r="G608" s="129">
        <v>835278.99</v>
      </c>
      <c r="H608" s="129">
        <f t="shared" si="97"/>
        <v>44319.290000000037</v>
      </c>
      <c r="I608" s="130"/>
      <c r="J608" s="129">
        <v>835278.99</v>
      </c>
      <c r="K608" s="129">
        <f t="shared" si="98"/>
        <v>44319.290000000037</v>
      </c>
      <c r="L608" s="129"/>
      <c r="M608" s="129">
        <v>878789.70000000007</v>
      </c>
      <c r="N608" s="129">
        <f t="shared" si="99"/>
        <v>808.57999999995809</v>
      </c>
      <c r="O608" s="131"/>
      <c r="P608" s="132">
        <v>1170797.6599999999</v>
      </c>
      <c r="Q608" s="129">
        <v>1157157.54</v>
      </c>
      <c r="R608" s="129">
        <v>1132018.69</v>
      </c>
      <c r="S608" s="129">
        <v>1152796.8599999999</v>
      </c>
      <c r="T608" s="129">
        <v>1110749.3899999999</v>
      </c>
      <c r="U608" s="129">
        <v>1070971.1100000001</v>
      </c>
      <c r="V608" s="129">
        <v>1030881.43</v>
      </c>
      <c r="W608" s="129">
        <v>1007137.6900000001</v>
      </c>
      <c r="X608" s="129">
        <v>967592.3</v>
      </c>
      <c r="Y608" s="129">
        <v>939615.17</v>
      </c>
      <c r="Z608" s="129">
        <v>934116.91999999993</v>
      </c>
      <c r="AA608" s="129">
        <v>859404.24</v>
      </c>
      <c r="AB608" s="133">
        <v>835278.99</v>
      </c>
      <c r="AC608" s="129">
        <v>965556.72000000009</v>
      </c>
      <c r="AD608" s="129">
        <v>935568.65</v>
      </c>
      <c r="AE608" s="129">
        <v>914733.52</v>
      </c>
      <c r="AF608" s="129">
        <v>901951.94000000006</v>
      </c>
      <c r="AG608" s="129">
        <v>880657.82000000007</v>
      </c>
      <c r="AH608" s="129">
        <v>857229.44000000006</v>
      </c>
      <c r="AI608" s="129">
        <v>813505.68</v>
      </c>
      <c r="AJ608" s="129">
        <v>841278.78</v>
      </c>
      <c r="AK608" s="129">
        <v>814514.13</v>
      </c>
      <c r="AL608" s="129">
        <v>789464.04</v>
      </c>
      <c r="AM608" s="129">
        <v>878789.70000000007</v>
      </c>
      <c r="AN608" s="133">
        <v>879598.28</v>
      </c>
      <c r="AO608" s="134"/>
    </row>
    <row r="609" spans="1:41" s="62" customFormat="1" hidden="1" outlineLevel="2">
      <c r="A609" s="61" t="s">
        <v>832</v>
      </c>
      <c r="B609" s="61" t="s">
        <v>833</v>
      </c>
      <c r="C609" s="71" t="s">
        <v>834</v>
      </c>
      <c r="D609" s="72" t="s">
        <v>1476</v>
      </c>
      <c r="E609" s="73"/>
      <c r="F609" s="62">
        <v>-80909</v>
      </c>
      <c r="G609" s="62">
        <v>0</v>
      </c>
      <c r="H609" s="62">
        <f t="shared" si="97"/>
        <v>-80909</v>
      </c>
      <c r="J609" s="62">
        <v>0</v>
      </c>
      <c r="K609" s="62">
        <f t="shared" si="98"/>
        <v>-80909</v>
      </c>
      <c r="M609" s="62">
        <v>-29223</v>
      </c>
      <c r="N609" s="62">
        <f t="shared" si="99"/>
        <v>-51686</v>
      </c>
      <c r="P609" s="74">
        <v>0</v>
      </c>
      <c r="Q609" s="61">
        <v>0</v>
      </c>
      <c r="R609" s="61">
        <v>0</v>
      </c>
      <c r="S609" s="61">
        <v>0</v>
      </c>
      <c r="T609" s="62">
        <v>0</v>
      </c>
      <c r="U609" s="61">
        <v>0</v>
      </c>
      <c r="V609" s="61">
        <v>0</v>
      </c>
      <c r="W609" s="61">
        <v>0</v>
      </c>
      <c r="X609" s="61">
        <v>0</v>
      </c>
      <c r="Y609" s="61">
        <v>0</v>
      </c>
      <c r="Z609" s="61">
        <v>0</v>
      </c>
      <c r="AA609" s="61">
        <v>0</v>
      </c>
      <c r="AB609" s="75">
        <v>0</v>
      </c>
      <c r="AC609" s="61">
        <v>0</v>
      </c>
      <c r="AD609" s="61">
        <v>0</v>
      </c>
      <c r="AE609" s="61">
        <v>0</v>
      </c>
      <c r="AF609" s="62">
        <v>0</v>
      </c>
      <c r="AG609" s="61">
        <v>0</v>
      </c>
      <c r="AH609" s="61">
        <v>0</v>
      </c>
      <c r="AI609" s="61">
        <v>0</v>
      </c>
      <c r="AJ609" s="61">
        <v>0</v>
      </c>
      <c r="AK609" s="61">
        <v>0</v>
      </c>
      <c r="AL609" s="61">
        <v>0</v>
      </c>
      <c r="AM609" s="61">
        <v>-29223</v>
      </c>
      <c r="AN609" s="75">
        <v>-80909</v>
      </c>
    </row>
    <row r="610" spans="1:41" s="62" customFormat="1" hidden="1" outlineLevel="2">
      <c r="A610" s="61" t="s">
        <v>465</v>
      </c>
      <c r="B610" s="61" t="s">
        <v>466</v>
      </c>
      <c r="C610" s="71" t="s">
        <v>467</v>
      </c>
      <c r="D610" s="72" t="s">
        <v>1476</v>
      </c>
      <c r="E610" s="73"/>
      <c r="F610" s="62">
        <v>14188</v>
      </c>
      <c r="G610" s="62">
        <v>0</v>
      </c>
      <c r="H610" s="62">
        <f t="shared" si="97"/>
        <v>14188</v>
      </c>
      <c r="J610" s="62">
        <v>0</v>
      </c>
      <c r="K610" s="62">
        <f t="shared" si="98"/>
        <v>14188</v>
      </c>
      <c r="M610" s="62">
        <v>14188</v>
      </c>
      <c r="N610" s="62">
        <f t="shared" si="99"/>
        <v>0</v>
      </c>
      <c r="P610" s="74">
        <v>0</v>
      </c>
      <c r="Q610" s="61">
        <v>0</v>
      </c>
      <c r="R610" s="61">
        <v>0</v>
      </c>
      <c r="S610" s="61">
        <v>0</v>
      </c>
      <c r="T610" s="62">
        <v>0</v>
      </c>
      <c r="U610" s="61">
        <v>0</v>
      </c>
      <c r="V610" s="61">
        <v>0</v>
      </c>
      <c r="W610" s="61">
        <v>0</v>
      </c>
      <c r="X610" s="61">
        <v>0</v>
      </c>
      <c r="Y610" s="61">
        <v>0</v>
      </c>
      <c r="Z610" s="61">
        <v>0</v>
      </c>
      <c r="AA610" s="61">
        <v>0</v>
      </c>
      <c r="AB610" s="75">
        <v>0</v>
      </c>
      <c r="AC610" s="61">
        <v>0</v>
      </c>
      <c r="AD610" s="61">
        <v>0</v>
      </c>
      <c r="AE610" s="61">
        <v>33561</v>
      </c>
      <c r="AF610" s="62">
        <v>33561</v>
      </c>
      <c r="AG610" s="61">
        <v>33561</v>
      </c>
      <c r="AH610" s="61">
        <v>14188</v>
      </c>
      <c r="AI610" s="61">
        <v>14188</v>
      </c>
      <c r="AJ610" s="61">
        <v>14188</v>
      </c>
      <c r="AK610" s="61">
        <v>14188</v>
      </c>
      <c r="AL610" s="61">
        <v>14188</v>
      </c>
      <c r="AM610" s="61">
        <v>14188</v>
      </c>
      <c r="AN610" s="75">
        <v>14188</v>
      </c>
    </row>
    <row r="611" spans="1:41" s="62" customFormat="1" hidden="1" outlineLevel="2">
      <c r="A611" s="61" t="s">
        <v>433</v>
      </c>
      <c r="B611" s="61" t="s">
        <v>434</v>
      </c>
      <c r="C611" s="71" t="s">
        <v>435</v>
      </c>
      <c r="D611" s="72" t="s">
        <v>1476</v>
      </c>
      <c r="E611" s="73"/>
      <c r="F611" s="62">
        <v>213746.14</v>
      </c>
      <c r="G611" s="62">
        <v>188702.14</v>
      </c>
      <c r="H611" s="62">
        <f t="shared" si="97"/>
        <v>25044</v>
      </c>
      <c r="J611" s="62">
        <v>188702.14</v>
      </c>
      <c r="K611" s="62">
        <f t="shared" si="98"/>
        <v>25044</v>
      </c>
      <c r="M611" s="62">
        <v>213746.14</v>
      </c>
      <c r="N611" s="62">
        <f t="shared" si="99"/>
        <v>0</v>
      </c>
      <c r="P611" s="74">
        <v>0</v>
      </c>
      <c r="Q611" s="61">
        <v>0</v>
      </c>
      <c r="R611" s="61">
        <v>0</v>
      </c>
      <c r="S611" s="61">
        <v>0</v>
      </c>
      <c r="T611" s="62">
        <v>0</v>
      </c>
      <c r="U611" s="61">
        <v>0</v>
      </c>
      <c r="V611" s="61">
        <v>0</v>
      </c>
      <c r="W611" s="61">
        <v>0</v>
      </c>
      <c r="X611" s="61">
        <v>0</v>
      </c>
      <c r="Y611" s="61">
        <v>0</v>
      </c>
      <c r="Z611" s="61">
        <v>0</v>
      </c>
      <c r="AA611" s="61">
        <v>0</v>
      </c>
      <c r="AB611" s="75">
        <v>188702.14</v>
      </c>
      <c r="AC611" s="61">
        <v>188702.14</v>
      </c>
      <c r="AD611" s="61">
        <v>188702.14</v>
      </c>
      <c r="AE611" s="61">
        <v>213746.14</v>
      </c>
      <c r="AF611" s="62">
        <v>213746.14</v>
      </c>
      <c r="AG611" s="61">
        <v>213746.14</v>
      </c>
      <c r="AH611" s="61">
        <v>213746.14</v>
      </c>
      <c r="AI611" s="61">
        <v>213746.14</v>
      </c>
      <c r="AJ611" s="61">
        <v>213746.14</v>
      </c>
      <c r="AK611" s="61">
        <v>213746.14</v>
      </c>
      <c r="AL611" s="61">
        <v>213746.14</v>
      </c>
      <c r="AM611" s="61">
        <v>213746.14</v>
      </c>
      <c r="AN611" s="75">
        <v>213746.14</v>
      </c>
    </row>
    <row r="612" spans="1:41" s="62" customFormat="1" hidden="1" outlineLevel="2">
      <c r="A612" s="61" t="s">
        <v>318</v>
      </c>
      <c r="B612" s="61" t="s">
        <v>319</v>
      </c>
      <c r="C612" s="71" t="s">
        <v>320</v>
      </c>
      <c r="D612" s="72" t="s">
        <v>1476</v>
      </c>
      <c r="E612" s="73"/>
      <c r="F612" s="62">
        <v>47451</v>
      </c>
      <c r="G612" s="62">
        <v>43549</v>
      </c>
      <c r="H612" s="62">
        <f t="shared" si="97"/>
        <v>3902</v>
      </c>
      <c r="J612" s="62">
        <v>43549</v>
      </c>
      <c r="K612" s="62">
        <f t="shared" si="98"/>
        <v>3902</v>
      </c>
      <c r="M612" s="62">
        <v>47451</v>
      </c>
      <c r="N612" s="62">
        <f t="shared" si="99"/>
        <v>0</v>
      </c>
      <c r="P612" s="74">
        <v>43549</v>
      </c>
      <c r="Q612" s="61">
        <v>43549</v>
      </c>
      <c r="R612" s="61">
        <v>43549</v>
      </c>
      <c r="S612" s="61">
        <v>43549</v>
      </c>
      <c r="T612" s="62">
        <v>43549</v>
      </c>
      <c r="U612" s="61">
        <v>43549</v>
      </c>
      <c r="V612" s="61">
        <v>43549</v>
      </c>
      <c r="W612" s="61">
        <v>43549</v>
      </c>
      <c r="X612" s="61">
        <v>43549</v>
      </c>
      <c r="Y612" s="61">
        <v>43549</v>
      </c>
      <c r="Z612" s="61">
        <v>43549</v>
      </c>
      <c r="AA612" s="61">
        <v>43549</v>
      </c>
      <c r="AB612" s="75">
        <v>43549</v>
      </c>
      <c r="AC612" s="61">
        <v>43549</v>
      </c>
      <c r="AD612" s="61">
        <v>43549</v>
      </c>
      <c r="AE612" s="61">
        <v>45919</v>
      </c>
      <c r="AF612" s="62">
        <v>45919</v>
      </c>
      <c r="AG612" s="61">
        <v>46882</v>
      </c>
      <c r="AH612" s="61">
        <v>46882</v>
      </c>
      <c r="AI612" s="61">
        <v>46882</v>
      </c>
      <c r="AJ612" s="61">
        <v>47712</v>
      </c>
      <c r="AK612" s="61">
        <v>47712</v>
      </c>
      <c r="AL612" s="61">
        <v>47712</v>
      </c>
      <c r="AM612" s="61">
        <v>47451</v>
      </c>
      <c r="AN612" s="75">
        <v>47451</v>
      </c>
    </row>
    <row r="613" spans="1:41" s="62" customFormat="1" hidden="1" outlineLevel="2">
      <c r="A613" s="61" t="s">
        <v>471</v>
      </c>
      <c r="B613" s="61" t="s">
        <v>472</v>
      </c>
      <c r="C613" s="71" t="s">
        <v>473</v>
      </c>
      <c r="D613" s="72" t="s">
        <v>1476</v>
      </c>
      <c r="E613" s="73"/>
      <c r="F613" s="62">
        <v>1071</v>
      </c>
      <c r="G613" s="62">
        <v>0</v>
      </c>
      <c r="H613" s="62">
        <f t="shared" si="97"/>
        <v>1071</v>
      </c>
      <c r="J613" s="62">
        <v>0</v>
      </c>
      <c r="K613" s="62">
        <f t="shared" si="98"/>
        <v>1071</v>
      </c>
      <c r="M613" s="62">
        <v>914</v>
      </c>
      <c r="N613" s="62">
        <f t="shared" si="99"/>
        <v>157</v>
      </c>
      <c r="P613" s="74">
        <v>0</v>
      </c>
      <c r="Q613" s="61">
        <v>0</v>
      </c>
      <c r="R613" s="61">
        <v>0</v>
      </c>
      <c r="S613" s="61">
        <v>0</v>
      </c>
      <c r="T613" s="62">
        <v>0</v>
      </c>
      <c r="U613" s="61">
        <v>0</v>
      </c>
      <c r="V613" s="61">
        <v>0</v>
      </c>
      <c r="W613" s="61">
        <v>0</v>
      </c>
      <c r="X613" s="61">
        <v>0</v>
      </c>
      <c r="Y613" s="61">
        <v>0</v>
      </c>
      <c r="Z613" s="61">
        <v>0</v>
      </c>
      <c r="AA613" s="61">
        <v>0</v>
      </c>
      <c r="AB613" s="75">
        <v>0</v>
      </c>
      <c r="AC613" s="61">
        <v>0</v>
      </c>
      <c r="AD613" s="61">
        <v>0</v>
      </c>
      <c r="AE613" s="61">
        <v>2601</v>
      </c>
      <c r="AF613" s="62">
        <v>2601</v>
      </c>
      <c r="AG613" s="61">
        <v>2601</v>
      </c>
      <c r="AH613" s="61">
        <v>755</v>
      </c>
      <c r="AI613" s="61">
        <v>755</v>
      </c>
      <c r="AJ613" s="61">
        <v>755</v>
      </c>
      <c r="AK613" s="61">
        <v>914</v>
      </c>
      <c r="AL613" s="61">
        <v>914</v>
      </c>
      <c r="AM613" s="61">
        <v>914</v>
      </c>
      <c r="AN613" s="75">
        <v>1071</v>
      </c>
    </row>
    <row r="614" spans="1:41" s="114" customFormat="1" ht="15" hidden="1" customHeight="1" outlineLevel="1">
      <c r="A614" s="113" t="s">
        <v>1479</v>
      </c>
      <c r="B614" s="114" t="s">
        <v>2</v>
      </c>
      <c r="C614" s="126" t="s">
        <v>1480</v>
      </c>
      <c r="D614" s="147" t="s">
        <v>1476</v>
      </c>
      <c r="E614" s="117"/>
      <c r="F614" s="222">
        <v>195547.14</v>
      </c>
      <c r="G614" s="129">
        <v>232251.14</v>
      </c>
      <c r="H614" s="129">
        <f t="shared" si="97"/>
        <v>-36704</v>
      </c>
      <c r="I614" s="130"/>
      <c r="J614" s="129">
        <v>232251.14</v>
      </c>
      <c r="K614" s="129">
        <f t="shared" si="98"/>
        <v>-36704</v>
      </c>
      <c r="L614" s="129"/>
      <c r="M614" s="129">
        <v>247076.14</v>
      </c>
      <c r="N614" s="129">
        <f t="shared" si="99"/>
        <v>-51529</v>
      </c>
      <c r="O614" s="131"/>
      <c r="P614" s="223">
        <v>43549</v>
      </c>
      <c r="Q614" s="129">
        <v>43549</v>
      </c>
      <c r="R614" s="129">
        <v>43549</v>
      </c>
      <c r="S614" s="129">
        <v>43549</v>
      </c>
      <c r="T614" s="129">
        <v>43549</v>
      </c>
      <c r="U614" s="129">
        <v>43549</v>
      </c>
      <c r="V614" s="224">
        <v>43549</v>
      </c>
      <c r="W614" s="129">
        <v>43549</v>
      </c>
      <c r="X614" s="129">
        <v>43549</v>
      </c>
      <c r="Y614" s="129">
        <v>43549</v>
      </c>
      <c r="Z614" s="129">
        <v>43549</v>
      </c>
      <c r="AA614" s="224">
        <v>43549</v>
      </c>
      <c r="AB614" s="133">
        <v>232251.14</v>
      </c>
      <c r="AC614" s="129">
        <v>232251.14</v>
      </c>
      <c r="AD614" s="129">
        <v>232251.14</v>
      </c>
      <c r="AE614" s="129">
        <v>295827.14</v>
      </c>
      <c r="AF614" s="129">
        <v>295827.14</v>
      </c>
      <c r="AG614" s="224">
        <v>296790.14</v>
      </c>
      <c r="AH614" s="129">
        <v>275571.14</v>
      </c>
      <c r="AI614" s="129">
        <v>275571.14</v>
      </c>
      <c r="AJ614" s="129">
        <v>276401.14</v>
      </c>
      <c r="AK614" s="129">
        <v>276560.14</v>
      </c>
      <c r="AL614" s="224">
        <v>276560.14</v>
      </c>
      <c r="AM614" s="129">
        <v>247076.14</v>
      </c>
      <c r="AN614" s="133">
        <v>195547.14</v>
      </c>
      <c r="AO614" s="134"/>
    </row>
    <row r="615" spans="1:41" s="114" customFormat="1" ht="15" hidden="1" customHeight="1" outlineLevel="1">
      <c r="A615" s="113" t="s">
        <v>1481</v>
      </c>
      <c r="B615" s="114" t="s">
        <v>2</v>
      </c>
      <c r="C615" s="126" t="s">
        <v>1482</v>
      </c>
      <c r="D615" s="147" t="s">
        <v>1476</v>
      </c>
      <c r="E615" s="117"/>
      <c r="F615" s="128">
        <v>0</v>
      </c>
      <c r="G615" s="129">
        <v>0</v>
      </c>
      <c r="H615" s="129">
        <f t="shared" si="97"/>
        <v>0</v>
      </c>
      <c r="I615" s="130"/>
      <c r="J615" s="129">
        <v>0</v>
      </c>
      <c r="K615" s="129">
        <f t="shared" si="98"/>
        <v>0</v>
      </c>
      <c r="L615" s="129"/>
      <c r="M615" s="129">
        <v>0</v>
      </c>
      <c r="N615" s="129">
        <f t="shared" si="99"/>
        <v>0</v>
      </c>
      <c r="O615" s="131"/>
      <c r="P615" s="132">
        <v>0</v>
      </c>
      <c r="Q615" s="129">
        <v>0</v>
      </c>
      <c r="R615" s="129">
        <v>0</v>
      </c>
      <c r="S615" s="129">
        <v>0</v>
      </c>
      <c r="T615" s="129">
        <v>0</v>
      </c>
      <c r="U615" s="129">
        <v>0</v>
      </c>
      <c r="V615" s="129">
        <v>0</v>
      </c>
      <c r="W615" s="129">
        <v>0</v>
      </c>
      <c r="X615" s="129">
        <v>0</v>
      </c>
      <c r="Y615" s="129">
        <v>0</v>
      </c>
      <c r="Z615" s="129">
        <v>0</v>
      </c>
      <c r="AA615" s="129">
        <v>0</v>
      </c>
      <c r="AB615" s="133">
        <v>0</v>
      </c>
      <c r="AC615" s="129">
        <v>0</v>
      </c>
      <c r="AD615" s="129">
        <v>0</v>
      </c>
      <c r="AE615" s="129">
        <v>0</v>
      </c>
      <c r="AF615" s="129">
        <v>0</v>
      </c>
      <c r="AG615" s="129">
        <v>0</v>
      </c>
      <c r="AH615" s="129">
        <v>0</v>
      </c>
      <c r="AI615" s="129">
        <v>0</v>
      </c>
      <c r="AJ615" s="129">
        <v>0</v>
      </c>
      <c r="AK615" s="129">
        <v>0</v>
      </c>
      <c r="AL615" s="129">
        <v>0</v>
      </c>
      <c r="AM615" s="129">
        <v>0</v>
      </c>
      <c r="AN615" s="133">
        <v>0</v>
      </c>
      <c r="AO615" s="134"/>
    </row>
    <row r="616" spans="1:41" s="62" customFormat="1" hidden="1" outlineLevel="2">
      <c r="A616" s="61" t="s">
        <v>659</v>
      </c>
      <c r="B616" s="61" t="s">
        <v>660</v>
      </c>
      <c r="C616" s="71" t="s">
        <v>661</v>
      </c>
      <c r="D616" s="72" t="s">
        <v>1476</v>
      </c>
      <c r="E616" s="73"/>
      <c r="F616" s="62">
        <v>158189.20000000001</v>
      </c>
      <c r="G616" s="62">
        <v>162493.16</v>
      </c>
      <c r="H616" s="62">
        <f t="shared" si="97"/>
        <v>-4303.9599999999919</v>
      </c>
      <c r="J616" s="62">
        <v>162493.16</v>
      </c>
      <c r="K616" s="62">
        <f t="shared" si="98"/>
        <v>-4303.9599999999919</v>
      </c>
      <c r="M616" s="62">
        <v>158239.20000000001</v>
      </c>
      <c r="N616" s="62">
        <f t="shared" si="99"/>
        <v>-50</v>
      </c>
      <c r="P616" s="74">
        <v>121843.94</v>
      </c>
      <c r="Q616" s="61">
        <v>116717.36</v>
      </c>
      <c r="R616" s="61">
        <v>118261.25</v>
      </c>
      <c r="S616" s="61">
        <v>120284.46</v>
      </c>
      <c r="T616" s="62">
        <v>120384.76000000001</v>
      </c>
      <c r="U616" s="61">
        <v>119903.1</v>
      </c>
      <c r="V616" s="61">
        <v>164432.95000000001</v>
      </c>
      <c r="W616" s="61">
        <v>164173.43</v>
      </c>
      <c r="X616" s="61">
        <v>163304.97</v>
      </c>
      <c r="Y616" s="61">
        <v>162664.25</v>
      </c>
      <c r="Z616" s="61">
        <v>165013.23000000001</v>
      </c>
      <c r="AA616" s="61">
        <v>164963.23000000001</v>
      </c>
      <c r="AB616" s="75">
        <v>162493.16</v>
      </c>
      <c r="AC616" s="61">
        <v>161571.24</v>
      </c>
      <c r="AD616" s="61">
        <v>163141.13</v>
      </c>
      <c r="AE616" s="61">
        <v>162839</v>
      </c>
      <c r="AF616" s="62">
        <v>162499.70000000001</v>
      </c>
      <c r="AG616" s="61">
        <v>161380.45000000001</v>
      </c>
      <c r="AH616" s="61">
        <v>161530.45000000001</v>
      </c>
      <c r="AI616" s="61">
        <v>161430.45000000001</v>
      </c>
      <c r="AJ616" s="61">
        <v>160911.99</v>
      </c>
      <c r="AK616" s="61">
        <v>160320.23000000001</v>
      </c>
      <c r="AL616" s="61">
        <v>158139.20000000001</v>
      </c>
      <c r="AM616" s="61">
        <v>158239.20000000001</v>
      </c>
      <c r="AN616" s="75">
        <v>158189.20000000001</v>
      </c>
    </row>
    <row r="617" spans="1:41" s="114" customFormat="1" ht="15" hidden="1" customHeight="1" outlineLevel="1">
      <c r="A617" s="113" t="s">
        <v>1483</v>
      </c>
      <c r="B617" s="114" t="s">
        <v>2</v>
      </c>
      <c r="C617" s="135" t="s">
        <v>1484</v>
      </c>
      <c r="D617" s="147" t="s">
        <v>1476</v>
      </c>
      <c r="E617" s="117"/>
      <c r="F617" s="128">
        <v>158189.20000000001</v>
      </c>
      <c r="G617" s="129">
        <v>162493.16</v>
      </c>
      <c r="H617" s="129">
        <f t="shared" si="97"/>
        <v>-4303.9599999999919</v>
      </c>
      <c r="I617" s="130"/>
      <c r="J617" s="129">
        <v>162493.16</v>
      </c>
      <c r="K617" s="129">
        <f t="shared" si="98"/>
        <v>-4303.9599999999919</v>
      </c>
      <c r="L617" s="129"/>
      <c r="M617" s="129">
        <v>158239.20000000001</v>
      </c>
      <c r="N617" s="129">
        <f t="shared" si="99"/>
        <v>-50</v>
      </c>
      <c r="O617" s="131"/>
      <c r="P617" s="132">
        <v>121843.94</v>
      </c>
      <c r="Q617" s="129">
        <v>116717.36</v>
      </c>
      <c r="R617" s="129">
        <v>118261.25</v>
      </c>
      <c r="S617" s="129">
        <v>120284.46</v>
      </c>
      <c r="T617" s="129">
        <v>120384.76000000001</v>
      </c>
      <c r="U617" s="129">
        <v>119903.1</v>
      </c>
      <c r="V617" s="129">
        <v>164432.95000000001</v>
      </c>
      <c r="W617" s="129">
        <v>164173.43</v>
      </c>
      <c r="X617" s="129">
        <v>163304.97</v>
      </c>
      <c r="Y617" s="129">
        <v>162664.25</v>
      </c>
      <c r="Z617" s="129">
        <v>165013.23000000001</v>
      </c>
      <c r="AA617" s="129">
        <v>164963.23000000001</v>
      </c>
      <c r="AB617" s="133">
        <v>162493.16</v>
      </c>
      <c r="AC617" s="129">
        <v>161571.24</v>
      </c>
      <c r="AD617" s="129">
        <v>163141.13</v>
      </c>
      <c r="AE617" s="129">
        <v>162839</v>
      </c>
      <c r="AF617" s="129">
        <v>162499.70000000001</v>
      </c>
      <c r="AG617" s="129">
        <v>161380.45000000001</v>
      </c>
      <c r="AH617" s="129">
        <v>161530.45000000001</v>
      </c>
      <c r="AI617" s="129">
        <v>161430.45000000001</v>
      </c>
      <c r="AJ617" s="129">
        <v>160911.99</v>
      </c>
      <c r="AK617" s="129">
        <v>160320.23000000001</v>
      </c>
      <c r="AL617" s="129">
        <v>158139.20000000001</v>
      </c>
      <c r="AM617" s="129">
        <v>158239.20000000001</v>
      </c>
      <c r="AN617" s="133">
        <v>158189.20000000001</v>
      </c>
      <c r="AO617" s="134"/>
    </row>
    <row r="618" spans="1:41" s="114" customFormat="1" ht="15" hidden="1" customHeight="1" outlineLevel="1">
      <c r="A618" s="113" t="s">
        <v>1485</v>
      </c>
      <c r="B618" s="114" t="s">
        <v>2</v>
      </c>
      <c r="C618" s="135" t="s">
        <v>1486</v>
      </c>
      <c r="D618" s="147" t="s">
        <v>1476</v>
      </c>
      <c r="E618" s="117"/>
      <c r="F618" s="128">
        <v>0</v>
      </c>
      <c r="G618" s="129">
        <v>0</v>
      </c>
      <c r="H618" s="129">
        <f t="shared" si="97"/>
        <v>0</v>
      </c>
      <c r="I618" s="130"/>
      <c r="J618" s="129">
        <v>0</v>
      </c>
      <c r="K618" s="129">
        <f t="shared" si="98"/>
        <v>0</v>
      </c>
      <c r="L618" s="129"/>
      <c r="M618" s="129">
        <v>0</v>
      </c>
      <c r="N618" s="129">
        <f t="shared" si="99"/>
        <v>0</v>
      </c>
      <c r="O618" s="131"/>
      <c r="P618" s="132">
        <v>0</v>
      </c>
      <c r="Q618" s="129">
        <v>0</v>
      </c>
      <c r="R618" s="129">
        <v>0</v>
      </c>
      <c r="S618" s="129">
        <v>0</v>
      </c>
      <c r="T618" s="129">
        <v>0</v>
      </c>
      <c r="U618" s="129">
        <v>0</v>
      </c>
      <c r="V618" s="129">
        <v>0</v>
      </c>
      <c r="W618" s="129">
        <v>0</v>
      </c>
      <c r="X618" s="129">
        <v>0</v>
      </c>
      <c r="Y618" s="129">
        <v>0</v>
      </c>
      <c r="Z618" s="129">
        <v>0</v>
      </c>
      <c r="AA618" s="129">
        <v>0</v>
      </c>
      <c r="AB618" s="133">
        <v>0</v>
      </c>
      <c r="AC618" s="129">
        <v>0</v>
      </c>
      <c r="AD618" s="129">
        <v>0</v>
      </c>
      <c r="AE618" s="129">
        <v>0</v>
      </c>
      <c r="AF618" s="129">
        <v>0</v>
      </c>
      <c r="AG618" s="129">
        <v>0</v>
      </c>
      <c r="AH618" s="129">
        <v>0</v>
      </c>
      <c r="AI618" s="129">
        <v>0</v>
      </c>
      <c r="AJ618" s="129">
        <v>0</v>
      </c>
      <c r="AK618" s="129">
        <v>0</v>
      </c>
      <c r="AL618" s="129">
        <v>0</v>
      </c>
      <c r="AM618" s="129">
        <v>0</v>
      </c>
      <c r="AN618" s="133">
        <v>0</v>
      </c>
      <c r="AO618" s="134"/>
    </row>
    <row r="619" spans="1:41" s="114" customFormat="1" ht="15" hidden="1" customHeight="1" outlineLevel="1">
      <c r="A619" s="113" t="s">
        <v>1487</v>
      </c>
      <c r="B619" s="114" t="s">
        <v>2</v>
      </c>
      <c r="C619" s="135" t="s">
        <v>1488</v>
      </c>
      <c r="D619" s="147" t="s">
        <v>1476</v>
      </c>
      <c r="E619" s="117"/>
      <c r="F619" s="128">
        <v>0</v>
      </c>
      <c r="G619" s="129">
        <v>0</v>
      </c>
      <c r="H619" s="129">
        <f t="shared" si="97"/>
        <v>0</v>
      </c>
      <c r="I619" s="130"/>
      <c r="J619" s="129">
        <v>0</v>
      </c>
      <c r="K619" s="129">
        <f t="shared" si="98"/>
        <v>0</v>
      </c>
      <c r="L619" s="129"/>
      <c r="M619" s="129">
        <v>0</v>
      </c>
      <c r="N619" s="129">
        <f t="shared" si="99"/>
        <v>0</v>
      </c>
      <c r="O619" s="131"/>
      <c r="P619" s="132">
        <v>0</v>
      </c>
      <c r="Q619" s="129">
        <v>0</v>
      </c>
      <c r="R619" s="129">
        <v>0</v>
      </c>
      <c r="S619" s="129">
        <v>0</v>
      </c>
      <c r="T619" s="129">
        <v>0</v>
      </c>
      <c r="U619" s="129">
        <v>0</v>
      </c>
      <c r="V619" s="129">
        <v>0</v>
      </c>
      <c r="W619" s="129">
        <v>0</v>
      </c>
      <c r="X619" s="129">
        <v>0</v>
      </c>
      <c r="Y619" s="129">
        <v>0</v>
      </c>
      <c r="Z619" s="129">
        <v>0</v>
      </c>
      <c r="AA619" s="129">
        <v>0</v>
      </c>
      <c r="AB619" s="133">
        <v>0</v>
      </c>
      <c r="AC619" s="129">
        <v>0</v>
      </c>
      <c r="AD619" s="129">
        <v>0</v>
      </c>
      <c r="AE619" s="129">
        <v>0</v>
      </c>
      <c r="AF619" s="129">
        <v>0</v>
      </c>
      <c r="AG619" s="129">
        <v>0</v>
      </c>
      <c r="AH619" s="129">
        <v>0</v>
      </c>
      <c r="AI619" s="129">
        <v>0</v>
      </c>
      <c r="AJ619" s="129">
        <v>0</v>
      </c>
      <c r="AK619" s="129">
        <v>0</v>
      </c>
      <c r="AL619" s="129">
        <v>0</v>
      </c>
      <c r="AM619" s="129">
        <v>0</v>
      </c>
      <c r="AN619" s="133">
        <v>0</v>
      </c>
      <c r="AO619" s="134"/>
    </row>
    <row r="620" spans="1:41" s="114" customFormat="1" ht="15" hidden="1" customHeight="1" outlineLevel="1">
      <c r="A620" s="113" t="s">
        <v>1489</v>
      </c>
      <c r="B620" s="114" t="s">
        <v>2</v>
      </c>
      <c r="C620" s="135" t="s">
        <v>1490</v>
      </c>
      <c r="D620" s="147" t="s">
        <v>1476</v>
      </c>
      <c r="E620" s="117"/>
      <c r="F620" s="128">
        <v>0</v>
      </c>
      <c r="G620" s="129">
        <v>0</v>
      </c>
      <c r="H620" s="129">
        <f t="shared" si="97"/>
        <v>0</v>
      </c>
      <c r="I620" s="130"/>
      <c r="J620" s="129">
        <v>0</v>
      </c>
      <c r="K620" s="129">
        <f t="shared" si="98"/>
        <v>0</v>
      </c>
      <c r="L620" s="129"/>
      <c r="M620" s="129">
        <v>0</v>
      </c>
      <c r="N620" s="129">
        <f t="shared" si="99"/>
        <v>0</v>
      </c>
      <c r="O620" s="131"/>
      <c r="P620" s="132">
        <v>0</v>
      </c>
      <c r="Q620" s="129">
        <v>0</v>
      </c>
      <c r="R620" s="129">
        <v>0</v>
      </c>
      <c r="S620" s="129">
        <v>0</v>
      </c>
      <c r="T620" s="129">
        <v>0</v>
      </c>
      <c r="U620" s="129">
        <v>0</v>
      </c>
      <c r="V620" s="129">
        <v>0</v>
      </c>
      <c r="W620" s="129">
        <v>0</v>
      </c>
      <c r="X620" s="129">
        <v>0</v>
      </c>
      <c r="Y620" s="129">
        <v>0</v>
      </c>
      <c r="Z620" s="129">
        <v>0</v>
      </c>
      <c r="AA620" s="129">
        <v>0</v>
      </c>
      <c r="AB620" s="133">
        <v>0</v>
      </c>
      <c r="AC620" s="129">
        <v>0</v>
      </c>
      <c r="AD620" s="129">
        <v>0</v>
      </c>
      <c r="AE620" s="129">
        <v>0</v>
      </c>
      <c r="AF620" s="129">
        <v>0</v>
      </c>
      <c r="AG620" s="129">
        <v>0</v>
      </c>
      <c r="AH620" s="129">
        <v>0</v>
      </c>
      <c r="AI620" s="129">
        <v>0</v>
      </c>
      <c r="AJ620" s="129">
        <v>0</v>
      </c>
      <c r="AK620" s="129">
        <v>0</v>
      </c>
      <c r="AL620" s="129">
        <v>0</v>
      </c>
      <c r="AM620" s="129">
        <v>0</v>
      </c>
      <c r="AN620" s="133">
        <v>0</v>
      </c>
      <c r="AO620" s="134"/>
    </row>
    <row r="621" spans="1:41" s="62" customFormat="1" hidden="1" outlineLevel="2">
      <c r="A621" s="61" t="s">
        <v>858</v>
      </c>
      <c r="B621" s="61" t="s">
        <v>859</v>
      </c>
      <c r="C621" s="71" t="s">
        <v>419</v>
      </c>
      <c r="D621" s="72" t="s">
        <v>1476</v>
      </c>
      <c r="E621" s="73"/>
      <c r="F621" s="62">
        <v>0</v>
      </c>
      <c r="G621" s="62">
        <v>0</v>
      </c>
      <c r="H621" s="62">
        <f t="shared" si="97"/>
        <v>0</v>
      </c>
      <c r="J621" s="62">
        <v>0</v>
      </c>
      <c r="K621" s="62">
        <f t="shared" si="98"/>
        <v>0</v>
      </c>
      <c r="M621" s="62">
        <v>0</v>
      </c>
      <c r="N621" s="62">
        <f t="shared" si="99"/>
        <v>0</v>
      </c>
      <c r="P621" s="74">
        <v>0</v>
      </c>
      <c r="Q621" s="61">
        <v>0</v>
      </c>
      <c r="R621" s="61">
        <v>0</v>
      </c>
      <c r="S621" s="61">
        <v>0</v>
      </c>
      <c r="T621" s="62">
        <v>0</v>
      </c>
      <c r="U621" s="61">
        <v>0</v>
      </c>
      <c r="V621" s="61">
        <v>7822.5</v>
      </c>
      <c r="W621" s="61">
        <v>0</v>
      </c>
      <c r="X621" s="61">
        <v>0</v>
      </c>
      <c r="Y621" s="61">
        <v>0</v>
      </c>
      <c r="Z621" s="61">
        <v>0</v>
      </c>
      <c r="AA621" s="61">
        <v>0</v>
      </c>
      <c r="AB621" s="75">
        <v>0</v>
      </c>
      <c r="AC621" s="61">
        <v>0</v>
      </c>
      <c r="AD621" s="61">
        <v>0</v>
      </c>
      <c r="AE621" s="61">
        <v>0</v>
      </c>
      <c r="AF621" s="62">
        <v>0</v>
      </c>
      <c r="AG621" s="61">
        <v>0</v>
      </c>
      <c r="AH621" s="61">
        <v>0</v>
      </c>
      <c r="AI621" s="61">
        <v>0</v>
      </c>
      <c r="AJ621" s="61">
        <v>0</v>
      </c>
      <c r="AK621" s="61">
        <v>0</v>
      </c>
      <c r="AL621" s="61">
        <v>0</v>
      </c>
      <c r="AM621" s="61">
        <v>0</v>
      </c>
      <c r="AN621" s="75">
        <v>0</v>
      </c>
    </row>
    <row r="622" spans="1:41" s="62" customFormat="1" hidden="1" outlineLevel="2">
      <c r="A622" s="61" t="s">
        <v>668</v>
      </c>
      <c r="B622" s="61" t="s">
        <v>669</v>
      </c>
      <c r="C622" s="71" t="s">
        <v>670</v>
      </c>
      <c r="D622" s="72" t="s">
        <v>1476</v>
      </c>
      <c r="E622" s="73"/>
      <c r="F622" s="62">
        <v>134775</v>
      </c>
      <c r="G622" s="62">
        <v>143127</v>
      </c>
      <c r="H622" s="62">
        <f t="shared" si="97"/>
        <v>-8352</v>
      </c>
      <c r="J622" s="62">
        <v>143127</v>
      </c>
      <c r="K622" s="62">
        <f t="shared" si="98"/>
        <v>-8352</v>
      </c>
      <c r="M622" s="62">
        <v>135471</v>
      </c>
      <c r="N622" s="62">
        <f t="shared" si="99"/>
        <v>-696</v>
      </c>
      <c r="P622" s="74">
        <v>150472</v>
      </c>
      <c r="Q622" s="61">
        <v>149860</v>
      </c>
      <c r="R622" s="61">
        <v>149247</v>
      </c>
      <c r="S622" s="61">
        <v>148635</v>
      </c>
      <c r="T622" s="62">
        <v>148023</v>
      </c>
      <c r="U622" s="61">
        <v>147411</v>
      </c>
      <c r="V622" s="61">
        <v>146799</v>
      </c>
      <c r="W622" s="61">
        <v>146187</v>
      </c>
      <c r="X622" s="61">
        <v>145575</v>
      </c>
      <c r="Y622" s="61">
        <v>144963</v>
      </c>
      <c r="Z622" s="61">
        <v>144351</v>
      </c>
      <c r="AA622" s="61">
        <v>143739</v>
      </c>
      <c r="AB622" s="75">
        <v>143127</v>
      </c>
      <c r="AC622" s="61">
        <v>142431</v>
      </c>
      <c r="AD622" s="61">
        <v>141735</v>
      </c>
      <c r="AE622" s="61">
        <v>141039</v>
      </c>
      <c r="AF622" s="62">
        <v>140343</v>
      </c>
      <c r="AG622" s="61">
        <v>139647</v>
      </c>
      <c r="AH622" s="61">
        <v>138951</v>
      </c>
      <c r="AI622" s="61">
        <v>138255</v>
      </c>
      <c r="AJ622" s="61">
        <v>137559</v>
      </c>
      <c r="AK622" s="61">
        <v>136863</v>
      </c>
      <c r="AL622" s="61">
        <v>136167</v>
      </c>
      <c r="AM622" s="61">
        <v>135471</v>
      </c>
      <c r="AN622" s="75">
        <v>134775</v>
      </c>
    </row>
    <row r="623" spans="1:41" s="62" customFormat="1" hidden="1" outlineLevel="2">
      <c r="A623" s="61" t="s">
        <v>671</v>
      </c>
      <c r="B623" s="61" t="s">
        <v>672</v>
      </c>
      <c r="C623" s="71" t="s">
        <v>673</v>
      </c>
      <c r="D623" s="72" t="s">
        <v>1476</v>
      </c>
      <c r="E623" s="73"/>
      <c r="F623" s="62">
        <v>187.66</v>
      </c>
      <c r="G623" s="62">
        <v>327.42</v>
      </c>
      <c r="H623" s="62">
        <f t="shared" si="97"/>
        <v>-139.76000000000002</v>
      </c>
      <c r="J623" s="62">
        <v>327.42</v>
      </c>
      <c r="K623" s="62">
        <f t="shared" si="98"/>
        <v>-139.76000000000002</v>
      </c>
      <c r="M623" s="62">
        <v>120</v>
      </c>
      <c r="N623" s="62">
        <f t="shared" si="99"/>
        <v>67.66</v>
      </c>
      <c r="P623" s="74">
        <v>389.94</v>
      </c>
      <c r="Q623" s="61">
        <v>0</v>
      </c>
      <c r="R623" s="61">
        <v>0</v>
      </c>
      <c r="S623" s="61">
        <v>170</v>
      </c>
      <c r="T623" s="62">
        <v>0</v>
      </c>
      <c r="U623" s="61">
        <v>0</v>
      </c>
      <c r="V623" s="61">
        <v>727.09</v>
      </c>
      <c r="W623" s="61">
        <v>0</v>
      </c>
      <c r="X623" s="61">
        <v>0</v>
      </c>
      <c r="Y623" s="61">
        <v>0</v>
      </c>
      <c r="Z623" s="61">
        <v>0</v>
      </c>
      <c r="AA623" s="61">
        <v>0</v>
      </c>
      <c r="AB623" s="75">
        <v>327.42</v>
      </c>
      <c r="AC623" s="61">
        <v>0</v>
      </c>
      <c r="AD623" s="61">
        <v>0</v>
      </c>
      <c r="AE623" s="61">
        <v>35</v>
      </c>
      <c r="AF623" s="62">
        <v>0</v>
      </c>
      <c r="AG623" s="61">
        <v>0</v>
      </c>
      <c r="AH623" s="61">
        <v>220</v>
      </c>
      <c r="AI623" s="61">
        <v>0</v>
      </c>
      <c r="AJ623" s="61">
        <v>0</v>
      </c>
      <c r="AK623" s="61">
        <v>120</v>
      </c>
      <c r="AL623" s="61">
        <v>120</v>
      </c>
      <c r="AM623" s="61">
        <v>120</v>
      </c>
      <c r="AN623" s="75">
        <v>187.66</v>
      </c>
    </row>
    <row r="624" spans="1:41" s="114" customFormat="1" ht="15" hidden="1" customHeight="1" outlineLevel="1">
      <c r="A624" s="113" t="s">
        <v>1491</v>
      </c>
      <c r="B624" s="114" t="s">
        <v>2</v>
      </c>
      <c r="C624" s="135" t="s">
        <v>1492</v>
      </c>
      <c r="D624" s="147" t="s">
        <v>1476</v>
      </c>
      <c r="E624" s="117"/>
      <c r="F624" s="128">
        <v>134962.66</v>
      </c>
      <c r="G624" s="129">
        <v>143454.42000000001</v>
      </c>
      <c r="H624" s="129">
        <f t="shared" si="97"/>
        <v>-8491.7600000000093</v>
      </c>
      <c r="I624" s="130"/>
      <c r="J624" s="129">
        <v>143454.42000000001</v>
      </c>
      <c r="K624" s="129">
        <f t="shared" si="98"/>
        <v>-8491.7600000000093</v>
      </c>
      <c r="L624" s="129"/>
      <c r="M624" s="129">
        <v>135591</v>
      </c>
      <c r="N624" s="129">
        <f t="shared" si="99"/>
        <v>-628.33999999999651</v>
      </c>
      <c r="O624" s="131"/>
      <c r="P624" s="132">
        <v>150861.94</v>
      </c>
      <c r="Q624" s="129">
        <v>149860</v>
      </c>
      <c r="R624" s="129">
        <v>149247</v>
      </c>
      <c r="S624" s="129">
        <v>148805</v>
      </c>
      <c r="T624" s="129">
        <v>148023</v>
      </c>
      <c r="U624" s="129">
        <v>147411</v>
      </c>
      <c r="V624" s="129">
        <v>155348.59</v>
      </c>
      <c r="W624" s="129">
        <v>146187</v>
      </c>
      <c r="X624" s="129">
        <v>145575</v>
      </c>
      <c r="Y624" s="129">
        <v>144963</v>
      </c>
      <c r="Z624" s="129">
        <v>144351</v>
      </c>
      <c r="AA624" s="129">
        <v>143739</v>
      </c>
      <c r="AB624" s="133">
        <v>143454.42000000001</v>
      </c>
      <c r="AC624" s="129">
        <v>142431</v>
      </c>
      <c r="AD624" s="129">
        <v>141735</v>
      </c>
      <c r="AE624" s="129">
        <v>141074</v>
      </c>
      <c r="AF624" s="129">
        <v>140343</v>
      </c>
      <c r="AG624" s="129">
        <v>139647</v>
      </c>
      <c r="AH624" s="129">
        <v>139171</v>
      </c>
      <c r="AI624" s="129">
        <v>138255</v>
      </c>
      <c r="AJ624" s="129">
        <v>137559</v>
      </c>
      <c r="AK624" s="129">
        <v>136983</v>
      </c>
      <c r="AL624" s="129">
        <v>136287</v>
      </c>
      <c r="AM624" s="129">
        <v>135591</v>
      </c>
      <c r="AN624" s="133">
        <v>134962.66</v>
      </c>
      <c r="AO624" s="134"/>
    </row>
    <row r="625" spans="1:41" s="114" customFormat="1" ht="15" hidden="1" customHeight="1" outlineLevel="1">
      <c r="A625" s="113"/>
      <c r="B625" s="114" t="s">
        <v>2</v>
      </c>
      <c r="C625" s="126" t="s">
        <v>1493</v>
      </c>
      <c r="D625" s="146"/>
      <c r="E625" s="117"/>
      <c r="F625" s="128">
        <f>+F624+F620+F618+F617+F619</f>
        <v>293151.86</v>
      </c>
      <c r="G625" s="129">
        <f>+G624+G620+G618+G617+G619</f>
        <v>305947.58</v>
      </c>
      <c r="H625" s="129">
        <f t="shared" si="97"/>
        <v>-12795.72000000003</v>
      </c>
      <c r="I625" s="130"/>
      <c r="J625" s="129">
        <f>+J624+J620+J618+J617+J619</f>
        <v>305947.58</v>
      </c>
      <c r="K625" s="129">
        <f t="shared" si="98"/>
        <v>-12795.72000000003</v>
      </c>
      <c r="L625" s="129"/>
      <c r="M625" s="129">
        <f>+M624+M620+M618+M617+M619</f>
        <v>293830.2</v>
      </c>
      <c r="N625" s="129">
        <f t="shared" si="99"/>
        <v>-678.34000000002561</v>
      </c>
      <c r="O625" s="131"/>
      <c r="P625" s="132">
        <f t="shared" ref="P625:AN625" si="100">+P624+P620+P618+P617+P619</f>
        <v>272705.88</v>
      </c>
      <c r="Q625" s="129">
        <f t="shared" si="100"/>
        <v>266577.36</v>
      </c>
      <c r="R625" s="129">
        <f t="shared" si="100"/>
        <v>267508.25</v>
      </c>
      <c r="S625" s="129">
        <f t="shared" si="100"/>
        <v>269089.46000000002</v>
      </c>
      <c r="T625" s="129">
        <f t="shared" si="100"/>
        <v>268407.76</v>
      </c>
      <c r="U625" s="129">
        <f t="shared" si="100"/>
        <v>267314.09999999998</v>
      </c>
      <c r="V625" s="129">
        <f t="shared" si="100"/>
        <v>319781.54000000004</v>
      </c>
      <c r="W625" s="129">
        <f t="shared" si="100"/>
        <v>310360.43</v>
      </c>
      <c r="X625" s="129">
        <f t="shared" si="100"/>
        <v>308879.96999999997</v>
      </c>
      <c r="Y625" s="129">
        <f t="shared" si="100"/>
        <v>307627.25</v>
      </c>
      <c r="Z625" s="129">
        <f t="shared" si="100"/>
        <v>309364.23</v>
      </c>
      <c r="AA625" s="129">
        <f t="shared" si="100"/>
        <v>308702.23</v>
      </c>
      <c r="AB625" s="133">
        <f t="shared" si="100"/>
        <v>305947.58</v>
      </c>
      <c r="AC625" s="129">
        <f t="shared" si="100"/>
        <v>304002.24</v>
      </c>
      <c r="AD625" s="129">
        <f t="shared" si="100"/>
        <v>304876.13</v>
      </c>
      <c r="AE625" s="129">
        <f t="shared" si="100"/>
        <v>303913</v>
      </c>
      <c r="AF625" s="129">
        <f t="shared" si="100"/>
        <v>302842.7</v>
      </c>
      <c r="AG625" s="129">
        <f t="shared" si="100"/>
        <v>301027.45</v>
      </c>
      <c r="AH625" s="129">
        <f t="shared" si="100"/>
        <v>300701.45</v>
      </c>
      <c r="AI625" s="129">
        <f t="shared" si="100"/>
        <v>299685.45</v>
      </c>
      <c r="AJ625" s="129">
        <f t="shared" si="100"/>
        <v>298470.99</v>
      </c>
      <c r="AK625" s="129">
        <f t="shared" si="100"/>
        <v>297303.23</v>
      </c>
      <c r="AL625" s="129">
        <f t="shared" si="100"/>
        <v>294426.2</v>
      </c>
      <c r="AM625" s="129">
        <f t="shared" si="100"/>
        <v>293830.2</v>
      </c>
      <c r="AN625" s="133">
        <f t="shared" si="100"/>
        <v>293151.86</v>
      </c>
      <c r="AO625" s="134"/>
    </row>
    <row r="626" spans="1:41" s="137" customFormat="1" ht="15" hidden="1" customHeight="1" outlineLevel="1">
      <c r="A626" s="113" t="s">
        <v>1494</v>
      </c>
      <c r="B626" s="114" t="s">
        <v>2</v>
      </c>
      <c r="C626" s="126" t="s">
        <v>1495</v>
      </c>
      <c r="D626" s="147" t="s">
        <v>1476</v>
      </c>
      <c r="E626" s="117"/>
      <c r="F626" s="128">
        <v>0</v>
      </c>
      <c r="G626" s="129">
        <v>0</v>
      </c>
      <c r="H626" s="129">
        <f t="shared" si="97"/>
        <v>0</v>
      </c>
      <c r="I626" s="130"/>
      <c r="J626" s="129">
        <v>0</v>
      </c>
      <c r="K626" s="129">
        <f t="shared" si="98"/>
        <v>0</v>
      </c>
      <c r="L626" s="129"/>
      <c r="M626" s="129">
        <v>0</v>
      </c>
      <c r="N626" s="129">
        <f t="shared" si="99"/>
        <v>0</v>
      </c>
      <c r="O626" s="131"/>
      <c r="P626" s="132">
        <v>0</v>
      </c>
      <c r="Q626" s="129">
        <v>0</v>
      </c>
      <c r="R626" s="129">
        <v>0</v>
      </c>
      <c r="S626" s="129">
        <v>0</v>
      </c>
      <c r="T626" s="129">
        <v>0</v>
      </c>
      <c r="U626" s="129">
        <v>0</v>
      </c>
      <c r="V626" s="129">
        <v>0</v>
      </c>
      <c r="W626" s="129">
        <v>0</v>
      </c>
      <c r="X626" s="129">
        <v>0</v>
      </c>
      <c r="Y626" s="129">
        <v>0</v>
      </c>
      <c r="Z626" s="129">
        <v>0</v>
      </c>
      <c r="AA626" s="129">
        <v>0</v>
      </c>
      <c r="AB626" s="133">
        <v>0</v>
      </c>
      <c r="AC626" s="129">
        <v>0</v>
      </c>
      <c r="AD626" s="129">
        <v>0</v>
      </c>
      <c r="AE626" s="129">
        <v>0</v>
      </c>
      <c r="AF626" s="129">
        <v>0</v>
      </c>
      <c r="AG626" s="129">
        <v>0</v>
      </c>
      <c r="AH626" s="129">
        <v>0</v>
      </c>
      <c r="AI626" s="129">
        <v>0</v>
      </c>
      <c r="AJ626" s="129">
        <v>0</v>
      </c>
      <c r="AK626" s="129">
        <v>0</v>
      </c>
      <c r="AL626" s="129">
        <v>0</v>
      </c>
      <c r="AM626" s="129">
        <v>0</v>
      </c>
      <c r="AN626" s="133">
        <v>0</v>
      </c>
      <c r="AO626" s="134"/>
    </row>
    <row r="627" spans="1:41" s="114" customFormat="1" ht="15" hidden="1" customHeight="1" outlineLevel="1">
      <c r="A627" s="113" t="s">
        <v>1496</v>
      </c>
      <c r="B627" s="114" t="s">
        <v>2</v>
      </c>
      <c r="C627" s="126" t="s">
        <v>1497</v>
      </c>
      <c r="D627" s="147" t="s">
        <v>1476</v>
      </c>
      <c r="E627" s="117"/>
      <c r="F627" s="128">
        <v>0</v>
      </c>
      <c r="G627" s="129">
        <v>0</v>
      </c>
      <c r="H627" s="129">
        <f t="shared" si="97"/>
        <v>0</v>
      </c>
      <c r="I627" s="130"/>
      <c r="J627" s="129">
        <v>0</v>
      </c>
      <c r="K627" s="129">
        <f t="shared" si="98"/>
        <v>0</v>
      </c>
      <c r="L627" s="129"/>
      <c r="M627" s="129">
        <v>0</v>
      </c>
      <c r="N627" s="129">
        <f t="shared" si="99"/>
        <v>0</v>
      </c>
      <c r="O627" s="131"/>
      <c r="P627" s="132">
        <v>0</v>
      </c>
      <c r="Q627" s="129">
        <v>0</v>
      </c>
      <c r="R627" s="129">
        <v>0</v>
      </c>
      <c r="S627" s="129">
        <v>0</v>
      </c>
      <c r="T627" s="129">
        <v>0</v>
      </c>
      <c r="U627" s="129">
        <v>0</v>
      </c>
      <c r="V627" s="129">
        <v>0</v>
      </c>
      <c r="W627" s="129">
        <v>0</v>
      </c>
      <c r="X627" s="129">
        <v>0</v>
      </c>
      <c r="Y627" s="129">
        <v>0</v>
      </c>
      <c r="Z627" s="129">
        <v>0</v>
      </c>
      <c r="AA627" s="129">
        <v>0</v>
      </c>
      <c r="AB627" s="133">
        <v>0</v>
      </c>
      <c r="AC627" s="129">
        <v>0</v>
      </c>
      <c r="AD627" s="129">
        <v>0</v>
      </c>
      <c r="AE627" s="129">
        <v>0</v>
      </c>
      <c r="AF627" s="129">
        <v>0</v>
      </c>
      <c r="AG627" s="129">
        <v>0</v>
      </c>
      <c r="AH627" s="129">
        <v>0</v>
      </c>
      <c r="AI627" s="129">
        <v>0</v>
      </c>
      <c r="AJ627" s="129">
        <v>0</v>
      </c>
      <c r="AK627" s="129">
        <v>0</v>
      </c>
      <c r="AL627" s="129">
        <v>0</v>
      </c>
      <c r="AM627" s="129">
        <v>0</v>
      </c>
      <c r="AN627" s="133">
        <v>0</v>
      </c>
      <c r="AO627" s="134"/>
    </row>
    <row r="628" spans="1:41" s="137" customFormat="1" ht="15" customHeight="1" collapsed="1">
      <c r="A628" s="195"/>
      <c r="B628" s="195" t="s">
        <v>2</v>
      </c>
      <c r="C628" s="196" t="s">
        <v>1498</v>
      </c>
      <c r="D628" s="153"/>
      <c r="E628" s="154"/>
      <c r="F628" s="197">
        <f>+F627+F626+F608+F625+F614+F615</f>
        <v>1368297.2800000003</v>
      </c>
      <c r="G628" s="198">
        <f>+G627+G626+G608+G625+G614+G615</f>
        <v>1373477.71</v>
      </c>
      <c r="H628" s="198">
        <f t="shared" si="97"/>
        <v>-5180.429999999702</v>
      </c>
      <c r="I628" s="141"/>
      <c r="J628" s="198">
        <f>+J627+J626+J608+J625+J614+J615</f>
        <v>1373477.71</v>
      </c>
      <c r="K628" s="198">
        <f t="shared" si="98"/>
        <v>-5180.429999999702</v>
      </c>
      <c r="L628" s="198"/>
      <c r="M628" s="198">
        <f>+M627+M626+M608+M625+M614+M615</f>
        <v>1419696.04</v>
      </c>
      <c r="N628" s="198">
        <f t="shared" si="99"/>
        <v>-51398.759999999776</v>
      </c>
      <c r="O628" s="131"/>
      <c r="P628" s="199">
        <f t="shared" ref="P628:AN628" si="101">+P627+P626+P608+P625+P614+P615</f>
        <v>1487052.54</v>
      </c>
      <c r="Q628" s="198">
        <f t="shared" si="101"/>
        <v>1467283.9</v>
      </c>
      <c r="R628" s="198">
        <f t="shared" si="101"/>
        <v>1443075.94</v>
      </c>
      <c r="S628" s="198">
        <f t="shared" si="101"/>
        <v>1465435.3199999998</v>
      </c>
      <c r="T628" s="198">
        <f t="shared" si="101"/>
        <v>1422706.15</v>
      </c>
      <c r="U628" s="198">
        <f t="shared" si="101"/>
        <v>1381834.21</v>
      </c>
      <c r="V628" s="198">
        <f t="shared" si="101"/>
        <v>1394211.9700000002</v>
      </c>
      <c r="W628" s="198">
        <f t="shared" si="101"/>
        <v>1361047.12</v>
      </c>
      <c r="X628" s="198">
        <f t="shared" si="101"/>
        <v>1320021.27</v>
      </c>
      <c r="Y628" s="198">
        <f t="shared" si="101"/>
        <v>1290791.42</v>
      </c>
      <c r="Z628" s="198">
        <f t="shared" si="101"/>
        <v>1287030.1499999999</v>
      </c>
      <c r="AA628" s="198">
        <f t="shared" si="101"/>
        <v>1211655.47</v>
      </c>
      <c r="AB628" s="200">
        <f t="shared" si="101"/>
        <v>1373477.71</v>
      </c>
      <c r="AC628" s="198">
        <f t="shared" si="101"/>
        <v>1501810.1</v>
      </c>
      <c r="AD628" s="198">
        <f t="shared" si="101"/>
        <v>1472695.92</v>
      </c>
      <c r="AE628" s="198">
        <f t="shared" si="101"/>
        <v>1514473.6600000001</v>
      </c>
      <c r="AF628" s="198">
        <f t="shared" si="101"/>
        <v>1500621.7800000003</v>
      </c>
      <c r="AG628" s="198">
        <f t="shared" si="101"/>
        <v>1478475.4100000001</v>
      </c>
      <c r="AH628" s="198">
        <f t="shared" si="101"/>
        <v>1433502.0300000003</v>
      </c>
      <c r="AI628" s="198">
        <f t="shared" si="101"/>
        <v>1388762.27</v>
      </c>
      <c r="AJ628" s="198">
        <f t="shared" si="101"/>
        <v>1416150.9100000001</v>
      </c>
      <c r="AK628" s="198">
        <f t="shared" si="101"/>
        <v>1388377.5</v>
      </c>
      <c r="AL628" s="198">
        <f t="shared" si="101"/>
        <v>1360450.38</v>
      </c>
      <c r="AM628" s="198">
        <f t="shared" si="101"/>
        <v>1419696.04</v>
      </c>
      <c r="AN628" s="200">
        <f t="shared" si="101"/>
        <v>1368297.2800000003</v>
      </c>
      <c r="AO628" s="144"/>
    </row>
    <row r="629" spans="1:41" s="114" customFormat="1" ht="15" customHeight="1">
      <c r="A629" s="136"/>
      <c r="B629" s="137"/>
      <c r="C629" s="64" t="s">
        <v>1499</v>
      </c>
      <c r="D629" s="146"/>
      <c r="E629" s="117"/>
      <c r="F629" s="139">
        <f>+F628+F604+F603+F600+F580+F582+F576+F555+F558+F535+F525+F519+F528</f>
        <v>324991505.85800004</v>
      </c>
      <c r="G629" s="140">
        <f>+G628+G604+G603+G600+G580+G582+G576+G555+G558+G535+G525+G519+G528</f>
        <v>397109651.85800004</v>
      </c>
      <c r="H629" s="140">
        <f t="shared" si="97"/>
        <v>-72118146</v>
      </c>
      <c r="I629" s="141"/>
      <c r="J629" s="140">
        <f>+J628+J604+J603+J600+J580+J582+J576+J555+J558+J535+J525+J519+J528</f>
        <v>397109651.85800004</v>
      </c>
      <c r="K629" s="140">
        <f t="shared" si="98"/>
        <v>-72118146</v>
      </c>
      <c r="L629" s="140"/>
      <c r="M629" s="140">
        <f>+M628+M604+M603+M600+M580+M582+M576+M555+M558+M535+M525+M519+M528</f>
        <v>324837961.49799997</v>
      </c>
      <c r="N629" s="140">
        <f t="shared" si="99"/>
        <v>153544.36000007391</v>
      </c>
      <c r="O629" s="131"/>
      <c r="P629" s="142">
        <f t="shared" ref="P629:AN629" si="102">+P628+P604+P603+P600+P580+P582+P576+P555+P558+P535+P525+P519+P528</f>
        <v>366778677.10799998</v>
      </c>
      <c r="Q629" s="140">
        <f t="shared" si="102"/>
        <v>354190405.19800007</v>
      </c>
      <c r="R629" s="140">
        <f t="shared" si="102"/>
        <v>357830353.09799999</v>
      </c>
      <c r="S629" s="140">
        <f t="shared" si="102"/>
        <v>367288751.10800004</v>
      </c>
      <c r="T629" s="140">
        <f t="shared" si="102"/>
        <v>370003769.76800001</v>
      </c>
      <c r="U629" s="140">
        <f t="shared" si="102"/>
        <v>372854890.98799998</v>
      </c>
      <c r="V629" s="140">
        <f t="shared" si="102"/>
        <v>375908238.48800004</v>
      </c>
      <c r="W629" s="140">
        <f t="shared" si="102"/>
        <v>381845198.50800002</v>
      </c>
      <c r="X629" s="140">
        <f t="shared" si="102"/>
        <v>385450827.088</v>
      </c>
      <c r="Y629" s="140">
        <f t="shared" si="102"/>
        <v>388679903.03799999</v>
      </c>
      <c r="Z629" s="140">
        <f t="shared" si="102"/>
        <v>399875624.75800002</v>
      </c>
      <c r="AA629" s="140">
        <f t="shared" si="102"/>
        <v>404022927.00800002</v>
      </c>
      <c r="AB629" s="143">
        <f t="shared" si="102"/>
        <v>397109651.85800004</v>
      </c>
      <c r="AC629" s="140">
        <f t="shared" si="102"/>
        <v>398963800.50800008</v>
      </c>
      <c r="AD629" s="140">
        <f t="shared" si="102"/>
        <v>401019459.84800005</v>
      </c>
      <c r="AE629" s="140">
        <f t="shared" si="102"/>
        <v>402720977.34799999</v>
      </c>
      <c r="AF629" s="140">
        <f t="shared" si="102"/>
        <v>404148120.97799999</v>
      </c>
      <c r="AG629" s="140">
        <f t="shared" si="102"/>
        <v>406096184.528</v>
      </c>
      <c r="AH629" s="140">
        <f t="shared" si="102"/>
        <v>413351199.31799996</v>
      </c>
      <c r="AI629" s="140">
        <f t="shared" si="102"/>
        <v>415198060.07800001</v>
      </c>
      <c r="AJ629" s="140">
        <f t="shared" si="102"/>
        <v>417661359.06799996</v>
      </c>
      <c r="AK629" s="140">
        <f t="shared" si="102"/>
        <v>321581424.81800008</v>
      </c>
      <c r="AL629" s="140">
        <f t="shared" si="102"/>
        <v>323437902.92800003</v>
      </c>
      <c r="AM629" s="140">
        <f t="shared" si="102"/>
        <v>324837961.49799997</v>
      </c>
      <c r="AN629" s="143">
        <f t="shared" si="102"/>
        <v>324991505.85800004</v>
      </c>
      <c r="AO629" s="144"/>
    </row>
    <row r="630" spans="1:41" s="114" customFormat="1" ht="15" customHeight="1">
      <c r="A630" s="113"/>
      <c r="C630" s="63"/>
      <c r="D630" s="146"/>
      <c r="E630" s="117"/>
      <c r="F630" s="128"/>
      <c r="G630" s="129"/>
      <c r="H630" s="129"/>
      <c r="I630" s="130"/>
      <c r="J630" s="129"/>
      <c r="K630" s="129"/>
      <c r="L630" s="129"/>
      <c r="M630" s="129"/>
      <c r="N630" s="129"/>
      <c r="O630" s="131"/>
      <c r="P630" s="132"/>
      <c r="Q630" s="129"/>
      <c r="R630" s="129"/>
      <c r="S630" s="129"/>
      <c r="T630" s="129"/>
      <c r="U630" s="129"/>
      <c r="V630" s="129"/>
      <c r="W630" s="129"/>
      <c r="X630" s="129"/>
      <c r="Y630" s="129"/>
      <c r="Z630" s="129"/>
      <c r="AA630" s="129"/>
      <c r="AB630" s="133"/>
      <c r="AC630" s="129"/>
      <c r="AD630" s="129"/>
      <c r="AE630" s="129"/>
      <c r="AF630" s="129"/>
      <c r="AG630" s="129"/>
      <c r="AH630" s="129"/>
      <c r="AI630" s="129"/>
      <c r="AJ630" s="129"/>
      <c r="AK630" s="129"/>
      <c r="AL630" s="129"/>
      <c r="AM630" s="129"/>
      <c r="AN630" s="133"/>
      <c r="AO630" s="134"/>
    </row>
    <row r="631" spans="1:41" s="114" customFormat="1" ht="15" hidden="1" customHeight="1" outlineLevel="1">
      <c r="A631" s="113"/>
      <c r="C631" s="63" t="s">
        <v>1500</v>
      </c>
      <c r="D631" s="146" t="s">
        <v>1500</v>
      </c>
      <c r="E631" s="117"/>
      <c r="F631" s="128"/>
      <c r="G631" s="129"/>
      <c r="H631" s="129">
        <f>+F631-G631</f>
        <v>0</v>
      </c>
      <c r="I631" s="130"/>
      <c r="J631" s="129"/>
      <c r="K631" s="129">
        <f>+F631-J631</f>
        <v>0</v>
      </c>
      <c r="L631" s="129"/>
      <c r="M631" s="129"/>
      <c r="N631" s="129">
        <f>+F631-M631</f>
        <v>0</v>
      </c>
      <c r="O631" s="131"/>
      <c r="P631" s="132"/>
      <c r="Q631" s="129"/>
      <c r="R631" s="129"/>
      <c r="S631" s="129"/>
      <c r="T631" s="129"/>
      <c r="U631" s="129"/>
      <c r="V631" s="129"/>
      <c r="W631" s="129"/>
      <c r="X631" s="129"/>
      <c r="Y631" s="129"/>
      <c r="Z631" s="129"/>
      <c r="AA631" s="129"/>
      <c r="AB631" s="133"/>
      <c r="AC631" s="129"/>
      <c r="AD631" s="129"/>
      <c r="AE631" s="129"/>
      <c r="AF631" s="129"/>
      <c r="AG631" s="129"/>
      <c r="AH631" s="129"/>
      <c r="AI631" s="129"/>
      <c r="AJ631" s="129"/>
      <c r="AK631" s="129"/>
      <c r="AL631" s="129"/>
      <c r="AM631" s="129"/>
      <c r="AN631" s="133"/>
      <c r="AO631" s="134"/>
    </row>
    <row r="632" spans="1:41" s="137" customFormat="1" ht="15" hidden="1" customHeight="1" outlineLevel="1">
      <c r="A632" s="113"/>
      <c r="B632" s="114"/>
      <c r="C632" s="63" t="s">
        <v>1501</v>
      </c>
      <c r="D632" s="146"/>
      <c r="E632" s="117"/>
      <c r="F632" s="128"/>
      <c r="G632" s="129"/>
      <c r="H632" s="129">
        <f>+F632-G632</f>
        <v>0</v>
      </c>
      <c r="I632" s="130"/>
      <c r="J632" s="129"/>
      <c r="K632" s="129">
        <f>+F632-J632</f>
        <v>0</v>
      </c>
      <c r="L632" s="129"/>
      <c r="M632" s="129"/>
      <c r="N632" s="129">
        <f>+F632-M632</f>
        <v>0</v>
      </c>
      <c r="O632" s="131"/>
      <c r="P632" s="132"/>
      <c r="Q632" s="129"/>
      <c r="R632" s="129"/>
      <c r="S632" s="129"/>
      <c r="T632" s="129"/>
      <c r="U632" s="129"/>
      <c r="V632" s="129"/>
      <c r="W632" s="129"/>
      <c r="X632" s="129"/>
      <c r="Y632" s="129"/>
      <c r="Z632" s="129"/>
      <c r="AA632" s="129"/>
      <c r="AB632" s="133"/>
      <c r="AC632" s="129"/>
      <c r="AD632" s="129"/>
      <c r="AE632" s="129"/>
      <c r="AF632" s="129"/>
      <c r="AG632" s="129"/>
      <c r="AH632" s="129"/>
      <c r="AI632" s="129"/>
      <c r="AJ632" s="129"/>
      <c r="AK632" s="129"/>
      <c r="AL632" s="129"/>
      <c r="AM632" s="129"/>
      <c r="AN632" s="133"/>
      <c r="AO632" s="134"/>
    </row>
    <row r="633" spans="1:41" s="137" customFormat="1" ht="4.5" hidden="1" customHeight="1" outlineLevel="1">
      <c r="A633" s="113"/>
      <c r="B633" s="114"/>
      <c r="C633" s="63"/>
      <c r="D633" s="146"/>
      <c r="E633" s="117"/>
      <c r="F633" s="128"/>
      <c r="G633" s="129"/>
      <c r="H633" s="129"/>
      <c r="I633" s="130"/>
      <c r="J633" s="129"/>
      <c r="K633" s="129"/>
      <c r="L633" s="129"/>
      <c r="M633" s="129"/>
      <c r="N633" s="129"/>
      <c r="O633" s="131"/>
      <c r="P633" s="132"/>
      <c r="Q633" s="129"/>
      <c r="R633" s="129"/>
      <c r="S633" s="129"/>
      <c r="T633" s="129"/>
      <c r="U633" s="129"/>
      <c r="V633" s="129"/>
      <c r="W633" s="129"/>
      <c r="X633" s="129"/>
      <c r="Y633" s="129"/>
      <c r="Z633" s="129"/>
      <c r="AA633" s="129"/>
      <c r="AB633" s="133"/>
      <c r="AC633" s="129"/>
      <c r="AD633" s="129"/>
      <c r="AE633" s="129"/>
      <c r="AF633" s="129"/>
      <c r="AG633" s="129"/>
      <c r="AH633" s="129"/>
      <c r="AI633" s="129"/>
      <c r="AJ633" s="129"/>
      <c r="AK633" s="129"/>
      <c r="AL633" s="129"/>
      <c r="AM633" s="129"/>
      <c r="AN633" s="133"/>
      <c r="AO633" s="134"/>
    </row>
    <row r="634" spans="1:41" s="114" customFormat="1" ht="6.75" hidden="1" customHeight="1" outlineLevel="1">
      <c r="A634" s="113"/>
      <c r="C634" s="63"/>
      <c r="D634" s="146"/>
      <c r="E634" s="117"/>
      <c r="F634" s="128"/>
      <c r="G634" s="129"/>
      <c r="H634" s="129"/>
      <c r="I634" s="130"/>
      <c r="J634" s="129"/>
      <c r="K634" s="129"/>
      <c r="L634" s="129"/>
      <c r="M634" s="129"/>
      <c r="N634" s="129"/>
      <c r="O634" s="131"/>
      <c r="P634" s="132"/>
      <c r="Q634" s="129"/>
      <c r="R634" s="129"/>
      <c r="S634" s="129"/>
      <c r="T634" s="129"/>
      <c r="U634" s="129"/>
      <c r="V634" s="129"/>
      <c r="W634" s="129"/>
      <c r="X634" s="129"/>
      <c r="Y634" s="129"/>
      <c r="Z634" s="129"/>
      <c r="AA634" s="129"/>
      <c r="AB634" s="133"/>
      <c r="AC634" s="129"/>
      <c r="AD634" s="129"/>
      <c r="AE634" s="129"/>
      <c r="AF634" s="129"/>
      <c r="AG634" s="129"/>
      <c r="AH634" s="129"/>
      <c r="AI634" s="129"/>
      <c r="AJ634" s="129"/>
      <c r="AK634" s="129"/>
      <c r="AL634" s="129"/>
      <c r="AM634" s="129"/>
      <c r="AN634" s="133"/>
      <c r="AO634" s="134"/>
    </row>
    <row r="635" spans="1:41" s="114" customFormat="1" ht="15" customHeight="1" collapsed="1" thickBot="1">
      <c r="A635" s="225"/>
      <c r="B635" s="225"/>
      <c r="C635" s="226" t="s">
        <v>1502</v>
      </c>
      <c r="D635" s="227"/>
      <c r="E635" s="228"/>
      <c r="F635" s="229">
        <f>+F515+F629+F631+F632</f>
        <v>570175864.829</v>
      </c>
      <c r="G635" s="230">
        <f>+G515+G629+G631+G632</f>
        <v>534982553.09200001</v>
      </c>
      <c r="H635" s="230">
        <f>+F635-G635</f>
        <v>35193311.736999989</v>
      </c>
      <c r="I635" s="141"/>
      <c r="J635" s="230">
        <f>+J515+J629+J631+J632</f>
        <v>534982553.09200001</v>
      </c>
      <c r="K635" s="230">
        <f>+F635-J635</f>
        <v>35193311.736999989</v>
      </c>
      <c r="L635" s="230"/>
      <c r="M635" s="230">
        <f>+M515+M629+M631+M632</f>
        <v>551018040.4849999</v>
      </c>
      <c r="N635" s="230">
        <f>+F635-M635</f>
        <v>19157824.344000101</v>
      </c>
      <c r="O635" s="131"/>
      <c r="P635" s="231">
        <f t="shared" ref="P635:AN635" si="103">+P515+P629+P631+P632</f>
        <v>691874442.77399993</v>
      </c>
      <c r="Q635" s="230">
        <f t="shared" si="103"/>
        <v>502678255.0570001</v>
      </c>
      <c r="R635" s="230">
        <f t="shared" si="103"/>
        <v>498572137.40999997</v>
      </c>
      <c r="S635" s="230">
        <f t="shared" si="103"/>
        <v>494761705.34900004</v>
      </c>
      <c r="T635" s="230">
        <f t="shared" si="103"/>
        <v>491615241.949</v>
      </c>
      <c r="U635" s="230">
        <f t="shared" si="103"/>
        <v>499523633.87899995</v>
      </c>
      <c r="V635" s="230">
        <f t="shared" si="103"/>
        <v>504398988.03500003</v>
      </c>
      <c r="W635" s="230">
        <f t="shared" si="103"/>
        <v>506673279.98500001</v>
      </c>
      <c r="X635" s="230">
        <f t="shared" si="103"/>
        <v>508422399.755</v>
      </c>
      <c r="Y635" s="230">
        <f t="shared" si="103"/>
        <v>518922247.00999999</v>
      </c>
      <c r="Z635" s="230">
        <f t="shared" si="103"/>
        <v>524176400.31</v>
      </c>
      <c r="AA635" s="230">
        <f t="shared" si="103"/>
        <v>516987458.05500007</v>
      </c>
      <c r="AB635" s="232">
        <f t="shared" si="103"/>
        <v>534982553.09200001</v>
      </c>
      <c r="AC635" s="230">
        <f t="shared" si="103"/>
        <v>540538424.65799999</v>
      </c>
      <c r="AD635" s="230">
        <f t="shared" si="103"/>
        <v>537609518.17799997</v>
      </c>
      <c r="AE635" s="230">
        <f t="shared" si="103"/>
        <v>539781580.83700001</v>
      </c>
      <c r="AF635" s="230">
        <f t="shared" si="103"/>
        <v>529264197.34100002</v>
      </c>
      <c r="AG635" s="230">
        <f t="shared" si="103"/>
        <v>539289905.38699996</v>
      </c>
      <c r="AH635" s="230">
        <f t="shared" si="103"/>
        <v>544220588.25</v>
      </c>
      <c r="AI635" s="230">
        <f t="shared" si="103"/>
        <v>542432196.49800003</v>
      </c>
      <c r="AJ635" s="230">
        <f t="shared" si="103"/>
        <v>542676144.00699997</v>
      </c>
      <c r="AK635" s="230">
        <f t="shared" si="103"/>
        <v>542848881.33900011</v>
      </c>
      <c r="AL635" s="230">
        <f t="shared" si="103"/>
        <v>537220897.28500009</v>
      </c>
      <c r="AM635" s="230">
        <f t="shared" si="103"/>
        <v>551018040.4849999</v>
      </c>
      <c r="AN635" s="232">
        <f t="shared" si="103"/>
        <v>570175864.829</v>
      </c>
      <c r="AO635" s="144"/>
    </row>
    <row r="636" spans="1:41" s="137" customFormat="1" ht="15" hidden="1" customHeight="1" outlineLevel="1">
      <c r="A636" s="136"/>
      <c r="C636" s="138"/>
      <c r="D636" s="146"/>
      <c r="E636" s="117"/>
      <c r="F636" s="139"/>
      <c r="G636" s="140"/>
      <c r="H636" s="140"/>
      <c r="I636" s="141"/>
      <c r="J636" s="140"/>
      <c r="K636" s="140"/>
      <c r="L636" s="140"/>
      <c r="M636" s="140"/>
      <c r="N636" s="140"/>
      <c r="O636" s="131"/>
      <c r="P636" s="142"/>
      <c r="Q636" s="140"/>
      <c r="R636" s="140"/>
      <c r="S636" s="140"/>
      <c r="T636" s="140"/>
      <c r="U636" s="140"/>
      <c r="V636" s="140"/>
      <c r="W636" s="140"/>
      <c r="X636" s="140"/>
      <c r="Y636" s="140"/>
      <c r="Z636" s="140"/>
      <c r="AA636" s="140"/>
      <c r="AB636" s="143"/>
      <c r="AC636" s="140"/>
      <c r="AD636" s="140"/>
      <c r="AE636" s="140"/>
      <c r="AF636" s="140"/>
      <c r="AG636" s="140"/>
      <c r="AH636" s="140"/>
      <c r="AI636" s="140"/>
      <c r="AJ636" s="140"/>
      <c r="AK636" s="140"/>
      <c r="AL636" s="140"/>
      <c r="AM636" s="140"/>
      <c r="AN636" s="143"/>
      <c r="AO636" s="144"/>
    </row>
    <row r="637" spans="1:41" s="114" customFormat="1" ht="15" customHeight="1" collapsed="1" thickTop="1">
      <c r="A637" s="113" t="s">
        <v>1503</v>
      </c>
      <c r="B637" s="114" t="s">
        <v>2</v>
      </c>
      <c r="C637" s="64" t="s">
        <v>1504</v>
      </c>
      <c r="D637" s="146" t="s">
        <v>1505</v>
      </c>
      <c r="E637" s="117"/>
      <c r="F637" s="139">
        <v>0</v>
      </c>
      <c r="G637" s="140">
        <v>0</v>
      </c>
      <c r="H637" s="140">
        <f>+F637-G637</f>
        <v>0</v>
      </c>
      <c r="I637" s="141"/>
      <c r="J637" s="140">
        <v>0</v>
      </c>
      <c r="K637" s="140">
        <f>+F637-J637</f>
        <v>0</v>
      </c>
      <c r="L637" s="140"/>
      <c r="M637" s="140">
        <v>0</v>
      </c>
      <c r="N637" s="140">
        <f>+F637-M637</f>
        <v>0</v>
      </c>
      <c r="O637" s="131"/>
      <c r="P637" s="142">
        <v>0</v>
      </c>
      <c r="Q637" s="140">
        <v>0</v>
      </c>
      <c r="R637" s="140">
        <v>0</v>
      </c>
      <c r="S637" s="140">
        <v>0</v>
      </c>
      <c r="T637" s="140">
        <v>0</v>
      </c>
      <c r="U637" s="140">
        <v>0</v>
      </c>
      <c r="V637" s="140">
        <v>0</v>
      </c>
      <c r="W637" s="140">
        <v>0</v>
      </c>
      <c r="X637" s="140">
        <v>0</v>
      </c>
      <c r="Y637" s="140">
        <v>0</v>
      </c>
      <c r="Z637" s="140">
        <v>0</v>
      </c>
      <c r="AA637" s="140">
        <v>0</v>
      </c>
      <c r="AB637" s="143">
        <v>0</v>
      </c>
      <c r="AC637" s="140">
        <v>0</v>
      </c>
      <c r="AD637" s="140">
        <v>0</v>
      </c>
      <c r="AE637" s="140">
        <v>0</v>
      </c>
      <c r="AF637" s="140">
        <v>0</v>
      </c>
      <c r="AG637" s="140">
        <v>0</v>
      </c>
      <c r="AH637" s="140">
        <v>0</v>
      </c>
      <c r="AI637" s="140">
        <v>0</v>
      </c>
      <c r="AJ637" s="140">
        <v>0</v>
      </c>
      <c r="AK637" s="140">
        <v>0</v>
      </c>
      <c r="AL637" s="140">
        <v>0</v>
      </c>
      <c r="AM637" s="140">
        <v>0</v>
      </c>
      <c r="AN637" s="143">
        <v>0</v>
      </c>
      <c r="AO637" s="144"/>
    </row>
    <row r="638" spans="1:41" s="137" customFormat="1" ht="3.75" hidden="1" customHeight="1" outlineLevel="1">
      <c r="A638" s="136"/>
      <c r="C638" s="138"/>
      <c r="D638" s="146"/>
      <c r="E638" s="117"/>
      <c r="F638" s="139"/>
      <c r="G638" s="140"/>
      <c r="H638" s="140"/>
      <c r="I638" s="141"/>
      <c r="J638" s="140"/>
      <c r="K638" s="140"/>
      <c r="L638" s="140"/>
      <c r="M638" s="140"/>
      <c r="N638" s="140"/>
      <c r="O638" s="131"/>
      <c r="P638" s="142"/>
      <c r="Q638" s="140"/>
      <c r="R638" s="140"/>
      <c r="S638" s="140"/>
      <c r="T638" s="140"/>
      <c r="U638" s="140"/>
      <c r="V638" s="140"/>
      <c r="W638" s="140"/>
      <c r="X638" s="140"/>
      <c r="Y638" s="140"/>
      <c r="Z638" s="140"/>
      <c r="AA638" s="140"/>
      <c r="AB638" s="143"/>
      <c r="AC638" s="140"/>
      <c r="AD638" s="140"/>
      <c r="AE638" s="140"/>
      <c r="AF638" s="140"/>
      <c r="AG638" s="140"/>
      <c r="AH638" s="140"/>
      <c r="AI638" s="140"/>
      <c r="AJ638" s="140"/>
      <c r="AK638" s="140"/>
      <c r="AL638" s="140"/>
      <c r="AM638" s="140"/>
      <c r="AN638" s="143"/>
      <c r="AO638" s="144"/>
    </row>
    <row r="639" spans="1:41" s="137" customFormat="1" ht="15" customHeight="1" collapsed="1">
      <c r="A639" s="136" t="s">
        <v>1506</v>
      </c>
      <c r="B639" s="137" t="s">
        <v>2</v>
      </c>
      <c r="C639" s="65" t="s">
        <v>1507</v>
      </c>
      <c r="D639" s="147" t="s">
        <v>1508</v>
      </c>
      <c r="E639" s="117"/>
      <c r="F639" s="139">
        <v>0</v>
      </c>
      <c r="G639" s="140">
        <v>0</v>
      </c>
      <c r="H639" s="140">
        <f>+F639-G639</f>
        <v>0</v>
      </c>
      <c r="I639" s="141"/>
      <c r="J639" s="140">
        <v>0</v>
      </c>
      <c r="K639" s="140">
        <f>+F639-J639</f>
        <v>0</v>
      </c>
      <c r="L639" s="140"/>
      <c r="M639" s="140">
        <v>0</v>
      </c>
      <c r="N639" s="140">
        <f>+F639-M639</f>
        <v>0</v>
      </c>
      <c r="O639" s="131"/>
      <c r="P639" s="142">
        <v>0</v>
      </c>
      <c r="Q639" s="140">
        <v>0</v>
      </c>
      <c r="R639" s="140">
        <v>0</v>
      </c>
      <c r="S639" s="140">
        <v>0</v>
      </c>
      <c r="T639" s="140">
        <v>0</v>
      </c>
      <c r="U639" s="140">
        <v>0</v>
      </c>
      <c r="V639" s="140">
        <v>0</v>
      </c>
      <c r="W639" s="140">
        <v>0</v>
      </c>
      <c r="X639" s="140">
        <v>0</v>
      </c>
      <c r="Y639" s="140">
        <v>0</v>
      </c>
      <c r="Z639" s="140">
        <v>0</v>
      </c>
      <c r="AA639" s="140">
        <v>0</v>
      </c>
      <c r="AB639" s="143">
        <v>0</v>
      </c>
      <c r="AC639" s="140">
        <v>0</v>
      </c>
      <c r="AD639" s="140">
        <v>0</v>
      </c>
      <c r="AE639" s="140">
        <v>0</v>
      </c>
      <c r="AF639" s="140">
        <v>0</v>
      </c>
      <c r="AG639" s="140">
        <v>0</v>
      </c>
      <c r="AH639" s="140">
        <v>0</v>
      </c>
      <c r="AI639" s="140">
        <v>0</v>
      </c>
      <c r="AJ639" s="140">
        <v>0</v>
      </c>
      <c r="AK639" s="140">
        <v>0</v>
      </c>
      <c r="AL639" s="140">
        <v>0</v>
      </c>
      <c r="AM639" s="140">
        <v>0</v>
      </c>
      <c r="AN639" s="143">
        <v>0</v>
      </c>
      <c r="AO639" s="144"/>
    </row>
    <row r="640" spans="1:41" s="114" customFormat="1" ht="15" customHeight="1">
      <c r="A640" s="113"/>
      <c r="C640" s="145"/>
      <c r="D640" s="146"/>
      <c r="E640" s="117"/>
      <c r="F640" s="128"/>
      <c r="G640" s="129"/>
      <c r="H640" s="129"/>
      <c r="I640" s="130"/>
      <c r="J640" s="129"/>
      <c r="K640" s="129"/>
      <c r="L640" s="129"/>
      <c r="M640" s="129"/>
      <c r="N640" s="129"/>
      <c r="O640" s="131"/>
      <c r="P640" s="132"/>
      <c r="Q640" s="129"/>
      <c r="R640" s="129"/>
      <c r="S640" s="129"/>
      <c r="T640" s="129"/>
      <c r="U640" s="129"/>
      <c r="V640" s="129"/>
      <c r="W640" s="129"/>
      <c r="X640" s="129"/>
      <c r="Y640" s="129"/>
      <c r="Z640" s="129"/>
      <c r="AA640" s="129"/>
      <c r="AB640" s="133"/>
      <c r="AC640" s="129"/>
      <c r="AD640" s="129"/>
      <c r="AE640" s="129"/>
      <c r="AF640" s="129"/>
      <c r="AG640" s="129"/>
      <c r="AH640" s="129"/>
      <c r="AI640" s="129"/>
      <c r="AJ640" s="129"/>
      <c r="AK640" s="129"/>
      <c r="AL640" s="129"/>
      <c r="AM640" s="129"/>
      <c r="AN640" s="133"/>
      <c r="AO640" s="134"/>
    </row>
    <row r="641" spans="1:41" s="114" customFormat="1">
      <c r="A641" s="113"/>
      <c r="B641" s="114" t="s">
        <v>2</v>
      </c>
      <c r="C641" s="115" t="s">
        <v>1509</v>
      </c>
      <c r="D641" s="116"/>
      <c r="E641" s="117"/>
      <c r="F641" s="122"/>
      <c r="G641" s="123"/>
      <c r="H641" s="123"/>
      <c r="I641" s="123"/>
      <c r="J641" s="123"/>
      <c r="K641" s="123"/>
      <c r="L641" s="123"/>
      <c r="M641" s="123"/>
      <c r="N641" s="123"/>
      <c r="O641" s="131"/>
      <c r="P641" s="124"/>
      <c r="Q641" s="123"/>
      <c r="R641" s="123"/>
      <c r="S641" s="123"/>
      <c r="T641" s="123"/>
      <c r="U641" s="123"/>
      <c r="V641" s="123"/>
      <c r="W641" s="123"/>
      <c r="X641" s="123"/>
      <c r="Y641" s="123"/>
      <c r="Z641" s="123"/>
      <c r="AA641" s="123"/>
      <c r="AB641" s="125"/>
      <c r="AC641" s="123"/>
      <c r="AD641" s="123"/>
      <c r="AE641" s="123"/>
      <c r="AF641" s="123"/>
      <c r="AG641" s="123"/>
      <c r="AH641" s="123"/>
      <c r="AI641" s="123"/>
      <c r="AJ641" s="123"/>
      <c r="AK641" s="123"/>
      <c r="AL641" s="123"/>
      <c r="AM641" s="123"/>
      <c r="AN641" s="125"/>
      <c r="AO641" s="119"/>
    </row>
    <row r="642" spans="1:41" s="114" customFormat="1" ht="3" hidden="1" customHeight="1" outlineLevel="1">
      <c r="A642" s="113"/>
      <c r="C642" s="115"/>
      <c r="D642" s="116"/>
      <c r="E642" s="117"/>
      <c r="F642" s="122"/>
      <c r="G642" s="123"/>
      <c r="H642" s="123"/>
      <c r="I642" s="123"/>
      <c r="J642" s="123"/>
      <c r="K642" s="123"/>
      <c r="L642" s="123"/>
      <c r="M642" s="123"/>
      <c r="N642" s="123"/>
      <c r="O642" s="131"/>
      <c r="P642" s="124"/>
      <c r="Q642" s="123"/>
      <c r="R642" s="123"/>
      <c r="S642" s="123"/>
      <c r="T642" s="123"/>
      <c r="U642" s="123"/>
      <c r="V642" s="123"/>
      <c r="W642" s="123"/>
      <c r="X642" s="123"/>
      <c r="Y642" s="123"/>
      <c r="Z642" s="123"/>
      <c r="AA642" s="123"/>
      <c r="AB642" s="125"/>
      <c r="AC642" s="123"/>
      <c r="AD642" s="123"/>
      <c r="AE642" s="123"/>
      <c r="AF642" s="123"/>
      <c r="AG642" s="123"/>
      <c r="AH642" s="123"/>
      <c r="AI642" s="123"/>
      <c r="AJ642" s="123"/>
      <c r="AK642" s="123"/>
      <c r="AL642" s="123"/>
      <c r="AM642" s="123"/>
      <c r="AN642" s="125"/>
      <c r="AO642" s="119"/>
    </row>
    <row r="643" spans="1:41" s="62" customFormat="1" hidden="1" outlineLevel="2">
      <c r="A643" s="61" t="s">
        <v>191</v>
      </c>
      <c r="B643" s="61" t="s">
        <v>192</v>
      </c>
      <c r="C643" s="71" t="s">
        <v>193</v>
      </c>
      <c r="D643" s="72" t="s">
        <v>1510</v>
      </c>
      <c r="E643" s="73"/>
      <c r="F643" s="62">
        <v>22404049.289999999</v>
      </c>
      <c r="G643" s="62">
        <v>22404049.289999999</v>
      </c>
      <c r="H643" s="62">
        <f>+F643-G643</f>
        <v>0</v>
      </c>
      <c r="J643" s="62">
        <v>22404049.289999999</v>
      </c>
      <c r="K643" s="62">
        <f>+F643-J643</f>
        <v>0</v>
      </c>
      <c r="M643" s="62">
        <v>22404049.289999999</v>
      </c>
      <c r="N643" s="62">
        <f>+F643-M643</f>
        <v>0</v>
      </c>
      <c r="P643" s="74">
        <v>22404049.289999999</v>
      </c>
      <c r="Q643" s="61">
        <v>22404049.289999999</v>
      </c>
      <c r="R643" s="61">
        <v>22404049.289999999</v>
      </c>
      <c r="S643" s="61">
        <v>22404049.289999999</v>
      </c>
      <c r="T643" s="62">
        <v>22404049.289999999</v>
      </c>
      <c r="U643" s="61">
        <v>22404049.289999999</v>
      </c>
      <c r="V643" s="61">
        <v>22404049.289999999</v>
      </c>
      <c r="W643" s="61">
        <v>22404049.289999999</v>
      </c>
      <c r="X643" s="61">
        <v>22404049.289999999</v>
      </c>
      <c r="Y643" s="61">
        <v>22404049.289999999</v>
      </c>
      <c r="Z643" s="61">
        <v>22404049.289999999</v>
      </c>
      <c r="AA643" s="61">
        <v>22404049.289999999</v>
      </c>
      <c r="AB643" s="75">
        <v>22404049.289999999</v>
      </c>
      <c r="AC643" s="61">
        <v>22404049.289999999</v>
      </c>
      <c r="AD643" s="61">
        <v>22404049.289999999</v>
      </c>
      <c r="AE643" s="61">
        <v>22404049.289999999</v>
      </c>
      <c r="AF643" s="62">
        <v>22404049.289999999</v>
      </c>
      <c r="AG643" s="61">
        <v>22404049.289999999</v>
      </c>
      <c r="AH643" s="61">
        <v>22404049.289999999</v>
      </c>
      <c r="AI643" s="61">
        <v>22404049.289999999</v>
      </c>
      <c r="AJ643" s="61">
        <v>22404049.289999999</v>
      </c>
      <c r="AK643" s="61">
        <v>22404049.289999999</v>
      </c>
      <c r="AL643" s="61">
        <v>22404049.289999999</v>
      </c>
      <c r="AM643" s="61">
        <v>22404049.289999999</v>
      </c>
      <c r="AN643" s="75">
        <v>22404049.289999999</v>
      </c>
    </row>
    <row r="644" spans="1:41" s="137" customFormat="1" ht="15" customHeight="1" collapsed="1">
      <c r="A644" s="136" t="s">
        <v>1511</v>
      </c>
      <c r="B644" s="137" t="s">
        <v>2</v>
      </c>
      <c r="C644" s="138" t="s">
        <v>1512</v>
      </c>
      <c r="D644" s="147" t="s">
        <v>1510</v>
      </c>
      <c r="E644" s="117"/>
      <c r="F644" s="139">
        <v>22404049.289999999</v>
      </c>
      <c r="G644" s="140">
        <v>22404049.289999999</v>
      </c>
      <c r="H644" s="140">
        <f>+F644-G644</f>
        <v>0</v>
      </c>
      <c r="I644" s="141"/>
      <c r="J644" s="140">
        <v>22404049.289999999</v>
      </c>
      <c r="K644" s="140">
        <f>+F644-J644</f>
        <v>0</v>
      </c>
      <c r="L644" s="140"/>
      <c r="M644" s="140">
        <v>22404049.289999999</v>
      </c>
      <c r="N644" s="140">
        <f>+F644-M644</f>
        <v>0</v>
      </c>
      <c r="O644" s="131"/>
      <c r="P644" s="142">
        <v>22404049.289999999</v>
      </c>
      <c r="Q644" s="140">
        <v>22404049.289999999</v>
      </c>
      <c r="R644" s="140">
        <v>22404049.289999999</v>
      </c>
      <c r="S644" s="140">
        <v>22404049.289999999</v>
      </c>
      <c r="T644" s="140">
        <v>22404049.289999999</v>
      </c>
      <c r="U644" s="140">
        <v>22404049.289999999</v>
      </c>
      <c r="V644" s="140">
        <v>22404049.289999999</v>
      </c>
      <c r="W644" s="140">
        <v>22404049.289999999</v>
      </c>
      <c r="X644" s="140">
        <v>22404049.289999999</v>
      </c>
      <c r="Y644" s="140">
        <v>22404049.289999999</v>
      </c>
      <c r="Z644" s="140">
        <v>22404049.289999999</v>
      </c>
      <c r="AA644" s="140">
        <v>22404049.289999999</v>
      </c>
      <c r="AB644" s="143">
        <v>22404049.289999999</v>
      </c>
      <c r="AC644" s="140">
        <v>22404049.289999999</v>
      </c>
      <c r="AD644" s="140">
        <v>22404049.289999999</v>
      </c>
      <c r="AE644" s="140">
        <v>22404049.289999999</v>
      </c>
      <c r="AF644" s="140">
        <v>22404049.289999999</v>
      </c>
      <c r="AG644" s="140">
        <v>22404049.289999999</v>
      </c>
      <c r="AH644" s="140">
        <v>22404049.289999999</v>
      </c>
      <c r="AI644" s="140">
        <v>22404049.289999999</v>
      </c>
      <c r="AJ644" s="140">
        <v>22404049.289999999</v>
      </c>
      <c r="AK644" s="140">
        <v>22404049.289999999</v>
      </c>
      <c r="AL644" s="140">
        <v>22404049.289999999</v>
      </c>
      <c r="AM644" s="140">
        <v>22404049.289999999</v>
      </c>
      <c r="AN644" s="143">
        <v>22404049.289999999</v>
      </c>
      <c r="AO644" s="144"/>
    </row>
    <row r="645" spans="1:41" s="137" customFormat="1" ht="3.75" hidden="1" customHeight="1" outlineLevel="1">
      <c r="A645" s="136"/>
      <c r="C645" s="138"/>
      <c r="D645" s="146"/>
      <c r="E645" s="117"/>
      <c r="F645" s="139"/>
      <c r="G645" s="140"/>
      <c r="H645" s="140"/>
      <c r="I645" s="141"/>
      <c r="J645" s="140"/>
      <c r="K645" s="140"/>
      <c r="L645" s="140"/>
      <c r="M645" s="140"/>
      <c r="N645" s="140"/>
      <c r="O645" s="131"/>
      <c r="P645" s="142"/>
      <c r="Q645" s="140"/>
      <c r="R645" s="140"/>
      <c r="S645" s="140"/>
      <c r="T645" s="140"/>
      <c r="U645" s="140"/>
      <c r="V645" s="140"/>
      <c r="W645" s="140"/>
      <c r="X645" s="140"/>
      <c r="Y645" s="140"/>
      <c r="Z645" s="140"/>
      <c r="AA645" s="140"/>
      <c r="AB645" s="143"/>
      <c r="AC645" s="140"/>
      <c r="AD645" s="140"/>
      <c r="AE645" s="140"/>
      <c r="AF645" s="140"/>
      <c r="AG645" s="140"/>
      <c r="AH645" s="140"/>
      <c r="AI645" s="140"/>
      <c r="AJ645" s="140"/>
      <c r="AK645" s="140"/>
      <c r="AL645" s="140"/>
      <c r="AM645" s="140"/>
      <c r="AN645" s="143"/>
      <c r="AO645" s="144"/>
    </row>
    <row r="646" spans="1:41" s="62" customFormat="1" hidden="1" outlineLevel="2">
      <c r="A646" s="61" t="s">
        <v>194</v>
      </c>
      <c r="B646" s="61" t="s">
        <v>195</v>
      </c>
      <c r="C646" s="71" t="s">
        <v>196</v>
      </c>
      <c r="D646" s="72" t="s">
        <v>1513</v>
      </c>
      <c r="E646" s="73"/>
      <c r="F646" s="62">
        <v>106025371.14</v>
      </c>
      <c r="G646" s="62">
        <v>106025371.14</v>
      </c>
      <c r="H646" s="62">
        <f>+F646-G646</f>
        <v>0</v>
      </c>
      <c r="J646" s="62">
        <v>106025371.14</v>
      </c>
      <c r="K646" s="62">
        <f>+F646-J646</f>
        <v>0</v>
      </c>
      <c r="M646" s="62">
        <v>106025371.14</v>
      </c>
      <c r="N646" s="62">
        <f>+F646-M646</f>
        <v>0</v>
      </c>
      <c r="P646" s="74">
        <v>106025371.14</v>
      </c>
      <c r="Q646" s="61">
        <v>106025371.14</v>
      </c>
      <c r="R646" s="61">
        <v>106025371.14</v>
      </c>
      <c r="S646" s="61">
        <v>106025371.14</v>
      </c>
      <c r="T646" s="62">
        <v>106025371.14</v>
      </c>
      <c r="U646" s="61">
        <v>106025371.14</v>
      </c>
      <c r="V646" s="61">
        <v>106025371.14</v>
      </c>
      <c r="W646" s="61">
        <v>106025371.14</v>
      </c>
      <c r="X646" s="61">
        <v>106025371.14</v>
      </c>
      <c r="Y646" s="61">
        <v>106025371.14</v>
      </c>
      <c r="Z646" s="61">
        <v>106025371.14</v>
      </c>
      <c r="AA646" s="61">
        <v>106025371.14</v>
      </c>
      <c r="AB646" s="75">
        <v>106025371.14</v>
      </c>
      <c r="AC646" s="61">
        <v>106025371.14</v>
      </c>
      <c r="AD646" s="61">
        <v>106025371.14</v>
      </c>
      <c r="AE646" s="61">
        <v>106025371.14</v>
      </c>
      <c r="AF646" s="62">
        <v>106025371.14</v>
      </c>
      <c r="AG646" s="61">
        <v>106025371.14</v>
      </c>
      <c r="AH646" s="61">
        <v>106025371.14</v>
      </c>
      <c r="AI646" s="61">
        <v>106025371.14</v>
      </c>
      <c r="AJ646" s="61">
        <v>106025371.14</v>
      </c>
      <c r="AK646" s="61">
        <v>106025371.14</v>
      </c>
      <c r="AL646" s="61">
        <v>106025371.14</v>
      </c>
      <c r="AM646" s="61">
        <v>106025371.14</v>
      </c>
      <c r="AN646" s="75">
        <v>106025371.14</v>
      </c>
    </row>
    <row r="647" spans="1:41" s="137" customFormat="1" ht="15" customHeight="1" collapsed="1">
      <c r="A647" s="136" t="s">
        <v>1514</v>
      </c>
      <c r="B647" s="137" t="s">
        <v>2</v>
      </c>
      <c r="C647" s="138" t="s">
        <v>1515</v>
      </c>
      <c r="D647" s="147" t="s">
        <v>1513</v>
      </c>
      <c r="E647" s="117"/>
      <c r="F647" s="139">
        <v>106025371.14</v>
      </c>
      <c r="G647" s="140">
        <v>106025371.14</v>
      </c>
      <c r="H647" s="140">
        <f>+F647-G647</f>
        <v>0</v>
      </c>
      <c r="I647" s="141"/>
      <c r="J647" s="140">
        <v>106025371.14</v>
      </c>
      <c r="K647" s="140">
        <f>+F647-J647</f>
        <v>0</v>
      </c>
      <c r="L647" s="140"/>
      <c r="M647" s="140">
        <v>106025371.14</v>
      </c>
      <c r="N647" s="140">
        <f>+F647-M647</f>
        <v>0</v>
      </c>
      <c r="O647" s="131"/>
      <c r="P647" s="142">
        <v>106025371.14</v>
      </c>
      <c r="Q647" s="140">
        <v>106025371.14</v>
      </c>
      <c r="R647" s="140">
        <v>106025371.14</v>
      </c>
      <c r="S647" s="140">
        <v>106025371.14</v>
      </c>
      <c r="T647" s="140">
        <v>106025371.14</v>
      </c>
      <c r="U647" s="140">
        <v>106025371.14</v>
      </c>
      <c r="V647" s="140">
        <v>106025371.14</v>
      </c>
      <c r="W647" s="140">
        <v>106025371.14</v>
      </c>
      <c r="X647" s="140">
        <v>106025371.14</v>
      </c>
      <c r="Y647" s="140">
        <v>106025371.14</v>
      </c>
      <c r="Z647" s="140">
        <v>106025371.14</v>
      </c>
      <c r="AA647" s="140">
        <v>106025371.14</v>
      </c>
      <c r="AB647" s="143">
        <v>106025371.14</v>
      </c>
      <c r="AC647" s="140">
        <v>106025371.14</v>
      </c>
      <c r="AD647" s="140">
        <v>106025371.14</v>
      </c>
      <c r="AE647" s="140">
        <v>106025371.14</v>
      </c>
      <c r="AF647" s="140">
        <v>106025371.14</v>
      </c>
      <c r="AG647" s="140">
        <v>106025371.14</v>
      </c>
      <c r="AH647" s="140">
        <v>106025371.14</v>
      </c>
      <c r="AI647" s="140">
        <v>106025371.14</v>
      </c>
      <c r="AJ647" s="140">
        <v>106025371.14</v>
      </c>
      <c r="AK647" s="140">
        <v>106025371.14</v>
      </c>
      <c r="AL647" s="140">
        <v>106025371.14</v>
      </c>
      <c r="AM647" s="140">
        <v>106025371.14</v>
      </c>
      <c r="AN647" s="143">
        <v>106025371.14</v>
      </c>
      <c r="AO647" s="144"/>
    </row>
    <row r="648" spans="1:41" s="137" customFormat="1" ht="3.75" hidden="1" customHeight="1" outlineLevel="1">
      <c r="A648" s="136"/>
      <c r="C648" s="138"/>
      <c r="D648" s="147" t="s">
        <v>1513</v>
      </c>
      <c r="E648" s="117"/>
      <c r="F648" s="139"/>
      <c r="G648" s="140"/>
      <c r="H648" s="140"/>
      <c r="I648" s="141"/>
      <c r="J648" s="140"/>
      <c r="K648" s="140"/>
      <c r="L648" s="140"/>
      <c r="M648" s="140"/>
      <c r="N648" s="140"/>
      <c r="O648" s="131"/>
      <c r="P648" s="142"/>
      <c r="Q648" s="140"/>
      <c r="R648" s="140"/>
      <c r="S648" s="140"/>
      <c r="T648" s="140"/>
      <c r="U648" s="140"/>
      <c r="V648" s="140"/>
      <c r="W648" s="140"/>
      <c r="X648" s="140"/>
      <c r="Y648" s="140"/>
      <c r="Z648" s="140"/>
      <c r="AA648" s="140"/>
      <c r="AB648" s="143"/>
      <c r="AC648" s="140"/>
      <c r="AD648" s="140"/>
      <c r="AE648" s="140"/>
      <c r="AF648" s="140"/>
      <c r="AG648" s="140"/>
      <c r="AH648" s="140"/>
      <c r="AI648" s="140"/>
      <c r="AJ648" s="140"/>
      <c r="AK648" s="140"/>
      <c r="AL648" s="140"/>
      <c r="AM648" s="140"/>
      <c r="AN648" s="143"/>
      <c r="AO648" s="144"/>
    </row>
    <row r="649" spans="1:41" s="137" customFormat="1" ht="15" customHeight="1" collapsed="1">
      <c r="A649" s="136" t="s">
        <v>1516</v>
      </c>
      <c r="B649" s="137" t="s">
        <v>2</v>
      </c>
      <c r="C649" s="138" t="s">
        <v>1517</v>
      </c>
      <c r="D649" s="147" t="s">
        <v>1513</v>
      </c>
      <c r="E649" s="117"/>
      <c r="F649" s="139">
        <v>0</v>
      </c>
      <c r="G649" s="140">
        <v>0</v>
      </c>
      <c r="H649" s="140">
        <f t="shared" ref="H649:H655" si="104">+F649-G649</f>
        <v>0</v>
      </c>
      <c r="I649" s="141"/>
      <c r="J649" s="140">
        <v>0</v>
      </c>
      <c r="K649" s="140">
        <f t="shared" ref="K649:K655" si="105">+F649-J649</f>
        <v>0</v>
      </c>
      <c r="L649" s="140"/>
      <c r="M649" s="140">
        <v>0</v>
      </c>
      <c r="N649" s="140">
        <f t="shared" ref="N649:N655" si="106">+F649-M649</f>
        <v>0</v>
      </c>
      <c r="O649" s="131"/>
      <c r="P649" s="142">
        <v>0</v>
      </c>
      <c r="Q649" s="140">
        <v>0</v>
      </c>
      <c r="R649" s="140">
        <v>0</v>
      </c>
      <c r="S649" s="140">
        <v>0</v>
      </c>
      <c r="T649" s="140">
        <v>0</v>
      </c>
      <c r="U649" s="140">
        <v>0</v>
      </c>
      <c r="V649" s="140">
        <v>0</v>
      </c>
      <c r="W649" s="140">
        <v>0</v>
      </c>
      <c r="X649" s="140">
        <v>0</v>
      </c>
      <c r="Y649" s="140">
        <v>0</v>
      </c>
      <c r="Z649" s="140">
        <v>0</v>
      </c>
      <c r="AA649" s="140">
        <v>0</v>
      </c>
      <c r="AB649" s="143">
        <v>0</v>
      </c>
      <c r="AC649" s="140">
        <v>0</v>
      </c>
      <c r="AD649" s="140">
        <v>0</v>
      </c>
      <c r="AE649" s="140">
        <v>0</v>
      </c>
      <c r="AF649" s="140">
        <v>0</v>
      </c>
      <c r="AG649" s="140">
        <v>0</v>
      </c>
      <c r="AH649" s="140">
        <v>0</v>
      </c>
      <c r="AI649" s="140">
        <v>0</v>
      </c>
      <c r="AJ649" s="140">
        <v>0</v>
      </c>
      <c r="AK649" s="140">
        <v>0</v>
      </c>
      <c r="AL649" s="140">
        <v>0</v>
      </c>
      <c r="AM649" s="140">
        <v>0</v>
      </c>
      <c r="AN649" s="143">
        <v>0</v>
      </c>
      <c r="AO649" s="144"/>
    </row>
    <row r="650" spans="1:41" s="202" customFormat="1" ht="15" hidden="1" customHeight="1" outlineLevel="1">
      <c r="A650" s="201"/>
      <c r="C650" s="203" t="s">
        <v>1518</v>
      </c>
      <c r="D650" s="204"/>
      <c r="E650" s="205"/>
      <c r="F650" s="206">
        <f>+F649+F647</f>
        <v>106025371.14</v>
      </c>
      <c r="G650" s="207">
        <f>+G649+G647</f>
        <v>106025371.14</v>
      </c>
      <c r="H650" s="207">
        <f t="shared" si="104"/>
        <v>0</v>
      </c>
      <c r="I650" s="208"/>
      <c r="J650" s="207">
        <f>+J649+J647</f>
        <v>106025371.14</v>
      </c>
      <c r="K650" s="207">
        <f t="shared" si="105"/>
        <v>0</v>
      </c>
      <c r="L650" s="207"/>
      <c r="M650" s="207">
        <f>+M649+M647</f>
        <v>106025371.14</v>
      </c>
      <c r="N650" s="207">
        <f t="shared" si="106"/>
        <v>0</v>
      </c>
      <c r="O650" s="131"/>
      <c r="P650" s="209">
        <f t="shared" ref="P650:AN650" si="107">+P649+P647</f>
        <v>106025371.14</v>
      </c>
      <c r="Q650" s="207">
        <f t="shared" si="107"/>
        <v>106025371.14</v>
      </c>
      <c r="R650" s="207">
        <f t="shared" si="107"/>
        <v>106025371.14</v>
      </c>
      <c r="S650" s="207">
        <f t="shared" si="107"/>
        <v>106025371.14</v>
      </c>
      <c r="T650" s="207">
        <f t="shared" si="107"/>
        <v>106025371.14</v>
      </c>
      <c r="U650" s="207">
        <f t="shared" si="107"/>
        <v>106025371.14</v>
      </c>
      <c r="V650" s="207">
        <f t="shared" si="107"/>
        <v>106025371.14</v>
      </c>
      <c r="W650" s="207">
        <f t="shared" si="107"/>
        <v>106025371.14</v>
      </c>
      <c r="X650" s="207">
        <f t="shared" si="107"/>
        <v>106025371.14</v>
      </c>
      <c r="Y650" s="207">
        <f t="shared" si="107"/>
        <v>106025371.14</v>
      </c>
      <c r="Z650" s="207">
        <f t="shared" si="107"/>
        <v>106025371.14</v>
      </c>
      <c r="AA650" s="207">
        <f t="shared" si="107"/>
        <v>106025371.14</v>
      </c>
      <c r="AB650" s="210">
        <f t="shared" si="107"/>
        <v>106025371.14</v>
      </c>
      <c r="AC650" s="207">
        <f t="shared" si="107"/>
        <v>106025371.14</v>
      </c>
      <c r="AD650" s="207">
        <f t="shared" si="107"/>
        <v>106025371.14</v>
      </c>
      <c r="AE650" s="207">
        <f t="shared" si="107"/>
        <v>106025371.14</v>
      </c>
      <c r="AF650" s="207">
        <f t="shared" si="107"/>
        <v>106025371.14</v>
      </c>
      <c r="AG650" s="207">
        <f t="shared" si="107"/>
        <v>106025371.14</v>
      </c>
      <c r="AH650" s="207">
        <f t="shared" si="107"/>
        <v>106025371.14</v>
      </c>
      <c r="AI650" s="207">
        <f t="shared" si="107"/>
        <v>106025371.14</v>
      </c>
      <c r="AJ650" s="207">
        <f t="shared" si="107"/>
        <v>106025371.14</v>
      </c>
      <c r="AK650" s="207">
        <f t="shared" si="107"/>
        <v>106025371.14</v>
      </c>
      <c r="AL650" s="207">
        <f t="shared" si="107"/>
        <v>106025371.14</v>
      </c>
      <c r="AM650" s="207">
        <f t="shared" si="107"/>
        <v>106025371.14</v>
      </c>
      <c r="AN650" s="210">
        <f t="shared" si="107"/>
        <v>106025371.14</v>
      </c>
      <c r="AO650" s="211"/>
    </row>
    <row r="651" spans="1:41" s="202" customFormat="1" ht="15" hidden="1" customHeight="1" outlineLevel="1">
      <c r="A651" s="201" t="s">
        <v>1519</v>
      </c>
      <c r="B651" s="202" t="s">
        <v>2</v>
      </c>
      <c r="C651" s="203" t="s">
        <v>1520</v>
      </c>
      <c r="D651" s="204"/>
      <c r="E651" s="205"/>
      <c r="F651" s="206">
        <v>0</v>
      </c>
      <c r="G651" s="207">
        <v>0</v>
      </c>
      <c r="H651" s="207">
        <f t="shared" si="104"/>
        <v>0</v>
      </c>
      <c r="I651" s="208"/>
      <c r="J651" s="207">
        <v>0</v>
      </c>
      <c r="K651" s="207">
        <f t="shared" si="105"/>
        <v>0</v>
      </c>
      <c r="L651" s="207"/>
      <c r="M651" s="207">
        <v>0</v>
      </c>
      <c r="N651" s="207">
        <f t="shared" si="106"/>
        <v>0</v>
      </c>
      <c r="O651" s="131"/>
      <c r="P651" s="209">
        <v>0</v>
      </c>
      <c r="Q651" s="207">
        <v>0</v>
      </c>
      <c r="R651" s="207">
        <v>0</v>
      </c>
      <c r="S651" s="207">
        <v>0</v>
      </c>
      <c r="T651" s="207">
        <v>0</v>
      </c>
      <c r="U651" s="207">
        <v>0</v>
      </c>
      <c r="V651" s="207">
        <v>0</v>
      </c>
      <c r="W651" s="207">
        <v>0</v>
      </c>
      <c r="X651" s="207">
        <v>0</v>
      </c>
      <c r="Y651" s="207">
        <v>0</v>
      </c>
      <c r="Z651" s="207">
        <v>0</v>
      </c>
      <c r="AA651" s="207">
        <v>0</v>
      </c>
      <c r="AB651" s="210">
        <v>0</v>
      </c>
      <c r="AC651" s="207">
        <v>0</v>
      </c>
      <c r="AD651" s="207">
        <v>0</v>
      </c>
      <c r="AE651" s="207">
        <v>0</v>
      </c>
      <c r="AF651" s="207">
        <v>0</v>
      </c>
      <c r="AG651" s="207">
        <v>0</v>
      </c>
      <c r="AH651" s="207">
        <v>0</v>
      </c>
      <c r="AI651" s="207">
        <v>0</v>
      </c>
      <c r="AJ651" s="207">
        <v>0</v>
      </c>
      <c r="AK651" s="207">
        <v>0</v>
      </c>
      <c r="AL651" s="207">
        <v>0</v>
      </c>
      <c r="AM651" s="207">
        <v>0</v>
      </c>
      <c r="AN651" s="210">
        <v>0</v>
      </c>
      <c r="AO651" s="211"/>
    </row>
    <row r="652" spans="1:41" s="202" customFormat="1" ht="15" hidden="1" customHeight="1" outlineLevel="1">
      <c r="A652" s="201" t="s">
        <v>1521</v>
      </c>
      <c r="B652" s="202" t="s">
        <v>1522</v>
      </c>
      <c r="C652" s="203" t="s">
        <v>1523</v>
      </c>
      <c r="D652" s="204"/>
      <c r="E652" s="205"/>
      <c r="F652" s="206">
        <v>0</v>
      </c>
      <c r="G652" s="207">
        <v>0</v>
      </c>
      <c r="H652" s="207">
        <f t="shared" si="104"/>
        <v>0</v>
      </c>
      <c r="I652" s="208"/>
      <c r="J652" s="207">
        <v>0</v>
      </c>
      <c r="K652" s="207">
        <f t="shared" si="105"/>
        <v>0</v>
      </c>
      <c r="L652" s="207"/>
      <c r="M652" s="207">
        <v>0</v>
      </c>
      <c r="N652" s="207">
        <f t="shared" si="106"/>
        <v>0</v>
      </c>
      <c r="O652" s="131"/>
      <c r="P652" s="209">
        <v>0</v>
      </c>
      <c r="Q652" s="207">
        <v>0</v>
      </c>
      <c r="R652" s="207">
        <v>0</v>
      </c>
      <c r="S652" s="207">
        <v>0</v>
      </c>
      <c r="T652" s="207">
        <v>0</v>
      </c>
      <c r="U652" s="207">
        <v>0</v>
      </c>
      <c r="V652" s="207">
        <v>0</v>
      </c>
      <c r="W652" s="207">
        <v>0</v>
      </c>
      <c r="X652" s="207">
        <v>0</v>
      </c>
      <c r="Y652" s="207">
        <v>0</v>
      </c>
      <c r="Z652" s="207">
        <v>0</v>
      </c>
      <c r="AA652" s="207">
        <v>0</v>
      </c>
      <c r="AB652" s="210">
        <v>0</v>
      </c>
      <c r="AC652" s="207">
        <v>0</v>
      </c>
      <c r="AD652" s="207">
        <v>0</v>
      </c>
      <c r="AE652" s="207">
        <v>0</v>
      </c>
      <c r="AF652" s="207">
        <v>0</v>
      </c>
      <c r="AG652" s="207">
        <v>0</v>
      </c>
      <c r="AH652" s="207">
        <v>0</v>
      </c>
      <c r="AI652" s="207">
        <v>0</v>
      </c>
      <c r="AJ652" s="207">
        <v>0</v>
      </c>
      <c r="AK652" s="207">
        <v>0</v>
      </c>
      <c r="AL652" s="207">
        <v>0</v>
      </c>
      <c r="AM652" s="207">
        <v>0</v>
      </c>
      <c r="AN652" s="210">
        <v>0</v>
      </c>
      <c r="AO652" s="211"/>
    </row>
    <row r="653" spans="1:41" s="202" customFormat="1" ht="15" hidden="1" customHeight="1" outlineLevel="1">
      <c r="A653" s="201" t="s">
        <v>1524</v>
      </c>
      <c r="B653" s="202" t="s">
        <v>1525</v>
      </c>
      <c r="C653" s="203" t="s">
        <v>1526</v>
      </c>
      <c r="D653" s="204"/>
      <c r="E653" s="205"/>
      <c r="F653" s="206">
        <v>0</v>
      </c>
      <c r="G653" s="207">
        <v>0</v>
      </c>
      <c r="H653" s="207">
        <f t="shared" si="104"/>
        <v>0</v>
      </c>
      <c r="I653" s="208"/>
      <c r="J653" s="207">
        <v>0</v>
      </c>
      <c r="K653" s="207">
        <f t="shared" si="105"/>
        <v>0</v>
      </c>
      <c r="L653" s="207"/>
      <c r="M653" s="207">
        <v>0</v>
      </c>
      <c r="N653" s="207">
        <f t="shared" si="106"/>
        <v>0</v>
      </c>
      <c r="O653" s="131"/>
      <c r="P653" s="209">
        <v>0</v>
      </c>
      <c r="Q653" s="207">
        <v>0</v>
      </c>
      <c r="R653" s="207">
        <v>0</v>
      </c>
      <c r="S653" s="207">
        <v>0</v>
      </c>
      <c r="T653" s="207">
        <v>0</v>
      </c>
      <c r="U653" s="207">
        <v>0</v>
      </c>
      <c r="V653" s="207">
        <v>0</v>
      </c>
      <c r="W653" s="207">
        <v>0</v>
      </c>
      <c r="X653" s="207">
        <v>0</v>
      </c>
      <c r="Y653" s="207">
        <v>0</v>
      </c>
      <c r="Z653" s="207">
        <v>0</v>
      </c>
      <c r="AA653" s="207">
        <v>0</v>
      </c>
      <c r="AB653" s="210">
        <v>0</v>
      </c>
      <c r="AC653" s="207">
        <v>0</v>
      </c>
      <c r="AD653" s="207">
        <v>0</v>
      </c>
      <c r="AE653" s="207">
        <v>0</v>
      </c>
      <c r="AF653" s="207">
        <v>0</v>
      </c>
      <c r="AG653" s="207">
        <v>0</v>
      </c>
      <c r="AH653" s="207">
        <v>0</v>
      </c>
      <c r="AI653" s="207">
        <v>0</v>
      </c>
      <c r="AJ653" s="207">
        <v>0</v>
      </c>
      <c r="AK653" s="207">
        <v>0</v>
      </c>
      <c r="AL653" s="207">
        <v>0</v>
      </c>
      <c r="AM653" s="207">
        <v>0</v>
      </c>
      <c r="AN653" s="210">
        <v>0</v>
      </c>
      <c r="AO653" s="211"/>
    </row>
    <row r="654" spans="1:41" s="114" customFormat="1" ht="15" hidden="1" customHeight="1" outlineLevel="1">
      <c r="A654" s="113" t="s">
        <v>1527</v>
      </c>
      <c r="B654" s="114" t="s">
        <v>2</v>
      </c>
      <c r="C654" s="135" t="s">
        <v>1528</v>
      </c>
      <c r="D654" s="147" t="s">
        <v>1529</v>
      </c>
      <c r="E654" s="117"/>
      <c r="F654" s="128">
        <v>6831180.8680000724</v>
      </c>
      <c r="G654" s="129">
        <v>2778051.6390000372</v>
      </c>
      <c r="H654" s="129">
        <f t="shared" si="104"/>
        <v>4053129.2290000352</v>
      </c>
      <c r="I654" s="130"/>
      <c r="J654" s="129">
        <v>2778051.6390000372</v>
      </c>
      <c r="K654" s="129">
        <f t="shared" si="105"/>
        <v>4053129.2290000352</v>
      </c>
      <c r="L654" s="129"/>
      <c r="M654" s="129">
        <v>6612217.4299998255</v>
      </c>
      <c r="N654" s="129">
        <f t="shared" si="106"/>
        <v>218963.43800024688</v>
      </c>
      <c r="O654" s="131"/>
      <c r="P654" s="132">
        <v>5749076.6230001114</v>
      </c>
      <c r="Q654" s="129">
        <v>2166872.5320000025</v>
      </c>
      <c r="R654" s="129">
        <v>5470314.1489999825</v>
      </c>
      <c r="S654" s="129">
        <v>5700235.9800000396</v>
      </c>
      <c r="T654" s="129">
        <v>4708410.6500000283</v>
      </c>
      <c r="U654" s="129">
        <v>4669258.3400000427</v>
      </c>
      <c r="V654" s="129">
        <v>4633335.2439999897</v>
      </c>
      <c r="W654" s="129">
        <v>3316870.1240000795</v>
      </c>
      <c r="X654" s="129">
        <v>3381250.9340000632</v>
      </c>
      <c r="Y654" s="129">
        <v>2981216.5190000208</v>
      </c>
      <c r="Z654" s="129">
        <v>1545679.6190000174</v>
      </c>
      <c r="AA654" s="129">
        <v>4006703.0139999664</v>
      </c>
      <c r="AB654" s="133">
        <v>2778051.6390000372</v>
      </c>
      <c r="AC654" s="129">
        <v>3349162.4619999938</v>
      </c>
      <c r="AD654" s="129">
        <v>5132154.7920000218</v>
      </c>
      <c r="AE654" s="129">
        <v>5087064.8249999676</v>
      </c>
      <c r="AF654" s="129">
        <v>4725224.4990000837</v>
      </c>
      <c r="AG654" s="129">
        <v>4325318.0600000108</v>
      </c>
      <c r="AH654" s="129">
        <v>4387636.2690000879</v>
      </c>
      <c r="AI654" s="129">
        <v>5007992.7870000275</v>
      </c>
      <c r="AJ654" s="129">
        <v>7955515.5079999724</v>
      </c>
      <c r="AK654" s="129">
        <v>7981717.1880000001</v>
      </c>
      <c r="AL654" s="129">
        <v>7771797.7700000135</v>
      </c>
      <c r="AM654" s="129">
        <v>6612217.4299998255</v>
      </c>
      <c r="AN654" s="133">
        <v>6831180.8680000724</v>
      </c>
      <c r="AO654" s="134"/>
    </row>
    <row r="655" spans="1:41" s="114" customFormat="1" ht="15" hidden="1" customHeight="1" outlineLevel="1">
      <c r="A655" s="113" t="s">
        <v>1530</v>
      </c>
      <c r="B655" s="114" t="s">
        <v>2</v>
      </c>
      <c r="C655" s="135" t="s">
        <v>1531</v>
      </c>
      <c r="D655" s="147" t="s">
        <v>1529</v>
      </c>
      <c r="E655" s="117"/>
      <c r="F655" s="128">
        <v>0</v>
      </c>
      <c r="G655" s="129">
        <v>0</v>
      </c>
      <c r="H655" s="129">
        <f t="shared" si="104"/>
        <v>0</v>
      </c>
      <c r="I655" s="130"/>
      <c r="J655" s="129">
        <v>0</v>
      </c>
      <c r="K655" s="129">
        <f t="shared" si="105"/>
        <v>0</v>
      </c>
      <c r="L655" s="129"/>
      <c r="M655" s="129">
        <v>0</v>
      </c>
      <c r="N655" s="129">
        <f t="shared" si="106"/>
        <v>0</v>
      </c>
      <c r="O655" s="131"/>
      <c r="P655" s="132">
        <v>0</v>
      </c>
      <c r="Q655" s="129">
        <v>0</v>
      </c>
      <c r="R655" s="129">
        <v>0</v>
      </c>
      <c r="S655" s="129">
        <v>0</v>
      </c>
      <c r="T655" s="129">
        <v>0</v>
      </c>
      <c r="U655" s="129">
        <v>0</v>
      </c>
      <c r="V655" s="129">
        <v>0</v>
      </c>
      <c r="W655" s="129">
        <v>0</v>
      </c>
      <c r="X655" s="129">
        <v>0</v>
      </c>
      <c r="Y655" s="129">
        <v>0</v>
      </c>
      <c r="Z655" s="129">
        <v>0</v>
      </c>
      <c r="AA655" s="129">
        <v>0</v>
      </c>
      <c r="AB655" s="133">
        <v>0</v>
      </c>
      <c r="AC655" s="129">
        <v>0</v>
      </c>
      <c r="AD655" s="129">
        <v>0</v>
      </c>
      <c r="AE655" s="129">
        <v>0</v>
      </c>
      <c r="AF655" s="129">
        <v>0</v>
      </c>
      <c r="AG655" s="129">
        <v>0</v>
      </c>
      <c r="AH655" s="129">
        <v>0</v>
      </c>
      <c r="AI655" s="129">
        <v>0</v>
      </c>
      <c r="AJ655" s="129">
        <v>0</v>
      </c>
      <c r="AK655" s="129">
        <v>0</v>
      </c>
      <c r="AL655" s="129">
        <v>0</v>
      </c>
      <c r="AM655" s="129">
        <v>0</v>
      </c>
      <c r="AN655" s="133">
        <v>0</v>
      </c>
      <c r="AO655" s="134"/>
    </row>
    <row r="656" spans="1:41" s="114" customFormat="1" ht="15" hidden="1" customHeight="1" outlineLevel="1">
      <c r="A656" s="113"/>
      <c r="C656" s="233" t="s">
        <v>1532</v>
      </c>
      <c r="D656" s="146"/>
      <c r="E656" s="117"/>
      <c r="F656" s="128">
        <f>+F654-F655</f>
        <v>6831180.8680000724</v>
      </c>
      <c r="G656" s="129">
        <f>+G654-G655</f>
        <v>2778051.6390000372</v>
      </c>
      <c r="H656" s="129">
        <f>+H654-H655</f>
        <v>4053129.2290000352</v>
      </c>
      <c r="I656" s="130"/>
      <c r="J656" s="129">
        <f>+J654-J655</f>
        <v>2778051.6390000372</v>
      </c>
      <c r="K656" s="129">
        <f>+K654-K655</f>
        <v>4053129.2290000352</v>
      </c>
      <c r="L656" s="129"/>
      <c r="M656" s="129">
        <f>+M654-M655</f>
        <v>6612217.4299998255</v>
      </c>
      <c r="N656" s="129">
        <f>+N654-N655</f>
        <v>218963.43800024688</v>
      </c>
      <c r="O656" s="131"/>
      <c r="P656" s="132">
        <f t="shared" ref="P656:AN656" si="108">+P654-P655</f>
        <v>5749076.6230001114</v>
      </c>
      <c r="Q656" s="129">
        <f t="shared" si="108"/>
        <v>2166872.5320000025</v>
      </c>
      <c r="R656" s="129">
        <f t="shared" si="108"/>
        <v>5470314.1489999825</v>
      </c>
      <c r="S656" s="129">
        <f t="shared" si="108"/>
        <v>5700235.9800000396</v>
      </c>
      <c r="T656" s="129">
        <f t="shared" si="108"/>
        <v>4708410.6500000283</v>
      </c>
      <c r="U656" s="129">
        <f t="shared" si="108"/>
        <v>4669258.3400000427</v>
      </c>
      <c r="V656" s="129">
        <f t="shared" si="108"/>
        <v>4633335.2439999897</v>
      </c>
      <c r="W656" s="129">
        <f t="shared" si="108"/>
        <v>3316870.1240000795</v>
      </c>
      <c r="X656" s="129">
        <f t="shared" si="108"/>
        <v>3381250.9340000632</v>
      </c>
      <c r="Y656" s="129">
        <f t="shared" si="108"/>
        <v>2981216.5190000208</v>
      </c>
      <c r="Z656" s="129">
        <f t="shared" si="108"/>
        <v>1545679.6190000174</v>
      </c>
      <c r="AA656" s="129">
        <f t="shared" si="108"/>
        <v>4006703.0139999664</v>
      </c>
      <c r="AB656" s="133">
        <f t="shared" si="108"/>
        <v>2778051.6390000372</v>
      </c>
      <c r="AC656" s="129">
        <f t="shared" si="108"/>
        <v>3349162.4619999938</v>
      </c>
      <c r="AD656" s="129">
        <f t="shared" si="108"/>
        <v>5132154.7920000218</v>
      </c>
      <c r="AE656" s="129">
        <f t="shared" si="108"/>
        <v>5087064.8249999676</v>
      </c>
      <c r="AF656" s="129">
        <f t="shared" si="108"/>
        <v>4725224.4990000837</v>
      </c>
      <c r="AG656" s="129">
        <f t="shared" si="108"/>
        <v>4325318.0600000108</v>
      </c>
      <c r="AH656" s="129">
        <f t="shared" si="108"/>
        <v>4387636.2690000879</v>
      </c>
      <c r="AI656" s="129">
        <f t="shared" si="108"/>
        <v>5007992.7870000275</v>
      </c>
      <c r="AJ656" s="129">
        <f t="shared" si="108"/>
        <v>7955515.5079999724</v>
      </c>
      <c r="AK656" s="129">
        <f t="shared" si="108"/>
        <v>7981717.1880000001</v>
      </c>
      <c r="AL656" s="129">
        <f t="shared" si="108"/>
        <v>7771797.7700000135</v>
      </c>
      <c r="AM656" s="129">
        <f t="shared" si="108"/>
        <v>6612217.4299998255</v>
      </c>
      <c r="AN656" s="133">
        <f t="shared" si="108"/>
        <v>6831180.8680000724</v>
      </c>
      <c r="AO656" s="134"/>
    </row>
    <row r="657" spans="1:41" s="62" customFormat="1" hidden="1" outlineLevel="2">
      <c r="A657" s="61" t="s">
        <v>1533</v>
      </c>
      <c r="B657" s="61" t="s">
        <v>1534</v>
      </c>
      <c r="C657" s="71" t="s">
        <v>1535</v>
      </c>
      <c r="D657" s="72"/>
      <c r="E657" s="73"/>
      <c r="F657" s="62">
        <v>-4893698.91</v>
      </c>
      <c r="G657" s="62">
        <v>-4510354.87</v>
      </c>
      <c r="H657" s="62">
        <f t="shared" ref="H657:H662" si="109">+F657-G657</f>
        <v>-383344.04000000004</v>
      </c>
      <c r="J657" s="62">
        <v>-4510354.87</v>
      </c>
      <c r="K657" s="62">
        <f t="shared" ref="K657:K662" si="110">+F657-J657</f>
        <v>-383344.04000000004</v>
      </c>
      <c r="M657" s="62">
        <v>-4893698.91</v>
      </c>
      <c r="N657" s="62">
        <f t="shared" ref="N657:N662" si="111">+F657-M657</f>
        <v>0</v>
      </c>
      <c r="P657" s="74">
        <v>-18838663.699999999</v>
      </c>
      <c r="Q657" s="61">
        <v>0</v>
      </c>
      <c r="R657" s="61">
        <v>-1016633.79</v>
      </c>
      <c r="S657" s="61">
        <v>-1016633.79</v>
      </c>
      <c r="T657" s="62">
        <v>-1016633.79</v>
      </c>
      <c r="U657" s="61">
        <v>-2319487.3199999998</v>
      </c>
      <c r="V657" s="61">
        <v>-2319487.3199999998</v>
      </c>
      <c r="W657" s="61">
        <v>-2319487.3199999998</v>
      </c>
      <c r="X657" s="61">
        <v>-3494067.51</v>
      </c>
      <c r="Y657" s="61">
        <v>-3494067.51</v>
      </c>
      <c r="Z657" s="61">
        <v>-3494067.51</v>
      </c>
      <c r="AA657" s="61">
        <v>-4510354.87</v>
      </c>
      <c r="AB657" s="75">
        <v>-4510354.87</v>
      </c>
      <c r="AC657" s="61">
        <v>0</v>
      </c>
      <c r="AD657" s="61">
        <v>-1025193.64</v>
      </c>
      <c r="AE657" s="61">
        <v>-1025193.64</v>
      </c>
      <c r="AF657" s="62">
        <v>-1025193.64</v>
      </c>
      <c r="AG657" s="61">
        <v>-1795608.6</v>
      </c>
      <c r="AH657" s="61">
        <v>-1795608.6</v>
      </c>
      <c r="AI657" s="61">
        <v>-1795608.6</v>
      </c>
      <c r="AJ657" s="61">
        <v>-2834238.54</v>
      </c>
      <c r="AK657" s="61">
        <v>-2834238.54</v>
      </c>
      <c r="AL657" s="61">
        <v>-2834238.54</v>
      </c>
      <c r="AM657" s="61">
        <v>-4893698.91</v>
      </c>
      <c r="AN657" s="75">
        <v>-4893698.91</v>
      </c>
    </row>
    <row r="658" spans="1:41" s="202" customFormat="1" ht="15" hidden="1" customHeight="1" outlineLevel="1">
      <c r="A658" s="201" t="s">
        <v>1536</v>
      </c>
      <c r="B658" s="202" t="s">
        <v>2</v>
      </c>
      <c r="C658" s="203" t="s">
        <v>1537</v>
      </c>
      <c r="D658" s="204"/>
      <c r="E658" s="205"/>
      <c r="F658" s="206">
        <v>-4893698.91</v>
      </c>
      <c r="G658" s="207">
        <v>-4510354.87</v>
      </c>
      <c r="H658" s="207">
        <f t="shared" si="109"/>
        <v>-383344.04000000004</v>
      </c>
      <c r="I658" s="208"/>
      <c r="J658" s="207">
        <v>-4510354.87</v>
      </c>
      <c r="K658" s="207">
        <f t="shared" si="110"/>
        <v>-383344.04000000004</v>
      </c>
      <c r="L658" s="207"/>
      <c r="M658" s="207">
        <v>-4893698.91</v>
      </c>
      <c r="N658" s="207">
        <f t="shared" si="111"/>
        <v>0</v>
      </c>
      <c r="O658" s="131"/>
      <c r="P658" s="209">
        <v>-18838663.699999999</v>
      </c>
      <c r="Q658" s="207">
        <v>0</v>
      </c>
      <c r="R658" s="207">
        <v>-1016633.79</v>
      </c>
      <c r="S658" s="207">
        <v>-1016633.79</v>
      </c>
      <c r="T658" s="207">
        <v>-1016633.79</v>
      </c>
      <c r="U658" s="207">
        <v>-2319487.3199999998</v>
      </c>
      <c r="V658" s="207">
        <v>-2319487.3199999998</v>
      </c>
      <c r="W658" s="207">
        <v>-2319487.3199999998</v>
      </c>
      <c r="X658" s="207">
        <v>-3494067.51</v>
      </c>
      <c r="Y658" s="207">
        <v>-3494067.51</v>
      </c>
      <c r="Z658" s="207">
        <v>-3494067.51</v>
      </c>
      <c r="AA658" s="207">
        <v>-4510354.87</v>
      </c>
      <c r="AB658" s="210">
        <v>-4510354.87</v>
      </c>
      <c r="AC658" s="207">
        <v>0</v>
      </c>
      <c r="AD658" s="207">
        <v>-1025193.64</v>
      </c>
      <c r="AE658" s="207">
        <v>-1025193.64</v>
      </c>
      <c r="AF658" s="207">
        <v>-1025193.64</v>
      </c>
      <c r="AG658" s="207">
        <v>-1795608.6</v>
      </c>
      <c r="AH658" s="207">
        <v>-1795608.6</v>
      </c>
      <c r="AI658" s="207">
        <v>-1795608.6</v>
      </c>
      <c r="AJ658" s="207">
        <v>-2834238.54</v>
      </c>
      <c r="AK658" s="207">
        <v>-2834238.54</v>
      </c>
      <c r="AL658" s="207">
        <v>-2834238.54</v>
      </c>
      <c r="AM658" s="207">
        <v>-4893698.91</v>
      </c>
      <c r="AN658" s="210">
        <v>-4893698.91</v>
      </c>
      <c r="AO658" s="211"/>
    </row>
    <row r="659" spans="1:41" s="62" customFormat="1" hidden="1" outlineLevel="2">
      <c r="A659" s="61" t="s">
        <v>1538</v>
      </c>
      <c r="B659" s="61" t="s">
        <v>1539</v>
      </c>
      <c r="C659" s="71" t="s">
        <v>1540</v>
      </c>
      <c r="D659" s="72" t="s">
        <v>1529</v>
      </c>
      <c r="E659" s="73"/>
      <c r="F659" s="62">
        <v>40491234.189000003</v>
      </c>
      <c r="G659" s="62">
        <v>42223537.420000002</v>
      </c>
      <c r="H659" s="62">
        <f t="shared" si="109"/>
        <v>-1732303.2309999987</v>
      </c>
      <c r="J659" s="62">
        <v>42223537.420000002</v>
      </c>
      <c r="K659" s="62">
        <f t="shared" si="110"/>
        <v>-1732303.2309999987</v>
      </c>
      <c r="M659" s="62">
        <v>40491234.189000003</v>
      </c>
      <c r="N659" s="62">
        <f t="shared" si="111"/>
        <v>0</v>
      </c>
      <c r="P659" s="74">
        <v>55313124.497000001</v>
      </c>
      <c r="Q659" s="61">
        <v>42223537.420000002</v>
      </c>
      <c r="R659" s="61">
        <v>42223537.420000002</v>
      </c>
      <c r="S659" s="61">
        <v>42223537.420000002</v>
      </c>
      <c r="T659" s="62">
        <v>42223537.420000002</v>
      </c>
      <c r="U659" s="61">
        <v>42223537.420000002</v>
      </c>
      <c r="V659" s="61">
        <v>42223537.420000002</v>
      </c>
      <c r="W659" s="61">
        <v>42223537.420000002</v>
      </c>
      <c r="X659" s="61">
        <v>42223537.420000002</v>
      </c>
      <c r="Y659" s="61">
        <v>42223537.420000002</v>
      </c>
      <c r="Z659" s="61">
        <v>42223537.420000002</v>
      </c>
      <c r="AA659" s="61">
        <v>42223537.420000002</v>
      </c>
      <c r="AB659" s="75">
        <v>42223537.420000002</v>
      </c>
      <c r="AC659" s="61">
        <v>40491234.189000003</v>
      </c>
      <c r="AD659" s="61">
        <v>40491234.189000003</v>
      </c>
      <c r="AE659" s="61">
        <v>40491234.189000003</v>
      </c>
      <c r="AF659" s="62">
        <v>40491234.189000003</v>
      </c>
      <c r="AG659" s="61">
        <v>40491234.189000003</v>
      </c>
      <c r="AH659" s="61">
        <v>40491234.189000003</v>
      </c>
      <c r="AI659" s="61">
        <v>40491234.189000003</v>
      </c>
      <c r="AJ659" s="61">
        <v>40491234.189000003</v>
      </c>
      <c r="AK659" s="61">
        <v>40491234.189000003</v>
      </c>
      <c r="AL659" s="61">
        <v>40491234.189000003</v>
      </c>
      <c r="AM659" s="61">
        <v>40491234.189000003</v>
      </c>
      <c r="AN659" s="75">
        <v>40491234.189000003</v>
      </c>
    </row>
    <row r="660" spans="1:41" s="62" customFormat="1" hidden="1" outlineLevel="2">
      <c r="A660" s="61" t="s">
        <v>1533</v>
      </c>
      <c r="B660" s="61" t="s">
        <v>1534</v>
      </c>
      <c r="C660" s="71" t="s">
        <v>1535</v>
      </c>
      <c r="D660" s="72" t="s">
        <v>1529</v>
      </c>
      <c r="E660" s="73"/>
      <c r="F660" s="62">
        <v>-4893698.91</v>
      </c>
      <c r="G660" s="62">
        <v>-4510354.87</v>
      </c>
      <c r="H660" s="62">
        <f t="shared" si="109"/>
        <v>-383344.04000000004</v>
      </c>
      <c r="J660" s="62">
        <v>-4510354.87</v>
      </c>
      <c r="K660" s="62">
        <f t="shared" si="110"/>
        <v>-383344.04000000004</v>
      </c>
      <c r="M660" s="62">
        <v>-4893698.91</v>
      </c>
      <c r="N660" s="62">
        <f t="shared" si="111"/>
        <v>0</v>
      </c>
      <c r="P660" s="74">
        <v>-18838663.699999999</v>
      </c>
      <c r="Q660" s="61">
        <v>0</v>
      </c>
      <c r="R660" s="61">
        <v>-1016633.79</v>
      </c>
      <c r="S660" s="61">
        <v>-1016633.79</v>
      </c>
      <c r="T660" s="62">
        <v>-1016633.79</v>
      </c>
      <c r="U660" s="61">
        <v>-2319487.3199999998</v>
      </c>
      <c r="V660" s="61">
        <v>-2319487.3199999998</v>
      </c>
      <c r="W660" s="61">
        <v>-2319487.3199999998</v>
      </c>
      <c r="X660" s="61">
        <v>-3494067.51</v>
      </c>
      <c r="Y660" s="61">
        <v>-3494067.51</v>
      </c>
      <c r="Z660" s="61">
        <v>-3494067.51</v>
      </c>
      <c r="AA660" s="61">
        <v>-4510354.87</v>
      </c>
      <c r="AB660" s="75">
        <v>-4510354.87</v>
      </c>
      <c r="AC660" s="61">
        <v>0</v>
      </c>
      <c r="AD660" s="61">
        <v>-1025193.64</v>
      </c>
      <c r="AE660" s="61">
        <v>-1025193.64</v>
      </c>
      <c r="AF660" s="62">
        <v>-1025193.64</v>
      </c>
      <c r="AG660" s="61">
        <v>-1795608.6</v>
      </c>
      <c r="AH660" s="61">
        <v>-1795608.6</v>
      </c>
      <c r="AI660" s="61">
        <v>-1795608.6</v>
      </c>
      <c r="AJ660" s="61">
        <v>-2834238.54</v>
      </c>
      <c r="AK660" s="61">
        <v>-2834238.54</v>
      </c>
      <c r="AL660" s="61">
        <v>-2834238.54</v>
      </c>
      <c r="AM660" s="61">
        <v>-4893698.91</v>
      </c>
      <c r="AN660" s="75">
        <v>-4893698.91</v>
      </c>
    </row>
    <row r="661" spans="1:41" s="137" customFormat="1" ht="15" hidden="1" customHeight="1" outlineLevel="1">
      <c r="A661" s="113" t="s">
        <v>1541</v>
      </c>
      <c r="B661" s="114" t="s">
        <v>2</v>
      </c>
      <c r="C661" s="233" t="s">
        <v>1542</v>
      </c>
      <c r="D661" s="147" t="s">
        <v>1529</v>
      </c>
      <c r="E661" s="117"/>
      <c r="F661" s="128">
        <v>35597535.278999999</v>
      </c>
      <c r="G661" s="129">
        <v>37713182.550000004</v>
      </c>
      <c r="H661" s="129">
        <f t="shared" si="109"/>
        <v>-2115647.2710000053</v>
      </c>
      <c r="I661" s="130"/>
      <c r="J661" s="129">
        <v>37713182.550000004</v>
      </c>
      <c r="K661" s="129">
        <f t="shared" si="110"/>
        <v>-2115647.2710000053</v>
      </c>
      <c r="L661" s="129"/>
      <c r="M661" s="129">
        <v>35597535.278999999</v>
      </c>
      <c r="N661" s="129">
        <f t="shared" si="111"/>
        <v>0</v>
      </c>
      <c r="O661" s="131"/>
      <c r="P661" s="132">
        <v>36474460.797000006</v>
      </c>
      <c r="Q661" s="129">
        <v>42223537.420000002</v>
      </c>
      <c r="R661" s="129">
        <v>41206903.630000003</v>
      </c>
      <c r="S661" s="129">
        <v>41206903.630000003</v>
      </c>
      <c r="T661" s="129">
        <v>41206903.630000003</v>
      </c>
      <c r="U661" s="129">
        <v>39904050.100000001</v>
      </c>
      <c r="V661" s="129">
        <v>39904050.100000001</v>
      </c>
      <c r="W661" s="129">
        <v>39904050.100000001</v>
      </c>
      <c r="X661" s="129">
        <v>38729469.910000004</v>
      </c>
      <c r="Y661" s="129">
        <v>38729469.910000004</v>
      </c>
      <c r="Z661" s="129">
        <v>38729469.910000004</v>
      </c>
      <c r="AA661" s="129">
        <v>37713182.550000004</v>
      </c>
      <c r="AB661" s="133">
        <v>37713182.550000004</v>
      </c>
      <c r="AC661" s="129">
        <v>40491234.189000003</v>
      </c>
      <c r="AD661" s="129">
        <v>39466040.549000002</v>
      </c>
      <c r="AE661" s="129">
        <v>39466040.549000002</v>
      </c>
      <c r="AF661" s="129">
        <v>39466040.549000002</v>
      </c>
      <c r="AG661" s="129">
        <v>38695625.589000002</v>
      </c>
      <c r="AH661" s="129">
        <v>38695625.589000002</v>
      </c>
      <c r="AI661" s="129">
        <v>38695625.589000002</v>
      </c>
      <c r="AJ661" s="129">
        <v>37656995.649000004</v>
      </c>
      <c r="AK661" s="129">
        <v>37656995.649000004</v>
      </c>
      <c r="AL661" s="129">
        <v>37656995.649000004</v>
      </c>
      <c r="AM661" s="129">
        <v>35597535.278999999</v>
      </c>
      <c r="AN661" s="133">
        <v>35597535.278999999</v>
      </c>
      <c r="AO661" s="134"/>
    </row>
    <row r="662" spans="1:41" s="137" customFormat="1" ht="15" customHeight="1" collapsed="1">
      <c r="A662" s="136"/>
      <c r="C662" s="138" t="s">
        <v>1543</v>
      </c>
      <c r="D662" s="146"/>
      <c r="E662" s="117"/>
      <c r="F662" s="139">
        <f>+F661+F656</f>
        <v>42428716.147000074</v>
      </c>
      <c r="G662" s="140">
        <f>+G661+G656</f>
        <v>40491234.18900004</v>
      </c>
      <c r="H662" s="140">
        <f t="shared" si="109"/>
        <v>1937481.9580000341</v>
      </c>
      <c r="I662" s="141"/>
      <c r="J662" s="140">
        <f>+J661+J656</f>
        <v>40491234.18900004</v>
      </c>
      <c r="K662" s="140">
        <f t="shared" si="110"/>
        <v>1937481.9580000341</v>
      </c>
      <c r="L662" s="140"/>
      <c r="M662" s="140">
        <f>+M661+M656</f>
        <v>42209752.708999828</v>
      </c>
      <c r="N662" s="140">
        <f t="shared" si="111"/>
        <v>218963.43800024688</v>
      </c>
      <c r="O662" s="131"/>
      <c r="P662" s="142">
        <f t="shared" ref="P662:AN662" si="112">+P661+P656</f>
        <v>42223537.420000121</v>
      </c>
      <c r="Q662" s="140">
        <f t="shared" si="112"/>
        <v>44390409.952000007</v>
      </c>
      <c r="R662" s="140">
        <f t="shared" si="112"/>
        <v>46677217.778999984</v>
      </c>
      <c r="S662" s="140">
        <f t="shared" si="112"/>
        <v>46907139.610000044</v>
      </c>
      <c r="T662" s="140">
        <f t="shared" si="112"/>
        <v>45915314.280000031</v>
      </c>
      <c r="U662" s="140">
        <f t="shared" si="112"/>
        <v>44573308.440000042</v>
      </c>
      <c r="V662" s="140">
        <f t="shared" si="112"/>
        <v>44537385.343999989</v>
      </c>
      <c r="W662" s="140">
        <f t="shared" si="112"/>
        <v>43220920.224000081</v>
      </c>
      <c r="X662" s="140">
        <f t="shared" si="112"/>
        <v>42110720.844000064</v>
      </c>
      <c r="Y662" s="140">
        <f t="shared" si="112"/>
        <v>41710686.429000027</v>
      </c>
      <c r="Z662" s="140">
        <f t="shared" si="112"/>
        <v>40275149.529000022</v>
      </c>
      <c r="AA662" s="140">
        <f t="shared" si="112"/>
        <v>41719885.563999973</v>
      </c>
      <c r="AB662" s="143">
        <f t="shared" si="112"/>
        <v>40491234.18900004</v>
      </c>
      <c r="AC662" s="140">
        <f t="shared" si="112"/>
        <v>43840396.650999993</v>
      </c>
      <c r="AD662" s="140">
        <f t="shared" si="112"/>
        <v>44598195.341000021</v>
      </c>
      <c r="AE662" s="140">
        <f t="shared" si="112"/>
        <v>44553105.373999968</v>
      </c>
      <c r="AF662" s="140">
        <f t="shared" si="112"/>
        <v>44191265.048000082</v>
      </c>
      <c r="AG662" s="140">
        <f t="shared" si="112"/>
        <v>43020943.649000011</v>
      </c>
      <c r="AH662" s="140">
        <f t="shared" si="112"/>
        <v>43083261.858000092</v>
      </c>
      <c r="AI662" s="140">
        <f t="shared" si="112"/>
        <v>43703618.376000032</v>
      </c>
      <c r="AJ662" s="140">
        <f t="shared" si="112"/>
        <v>45612511.156999975</v>
      </c>
      <c r="AK662" s="140">
        <f t="shared" si="112"/>
        <v>45638712.837000005</v>
      </c>
      <c r="AL662" s="140">
        <f t="shared" si="112"/>
        <v>45428793.419000015</v>
      </c>
      <c r="AM662" s="140">
        <f t="shared" si="112"/>
        <v>42209752.708999828</v>
      </c>
      <c r="AN662" s="143">
        <f t="shared" si="112"/>
        <v>42428716.147000074</v>
      </c>
      <c r="AO662" s="144"/>
    </row>
    <row r="663" spans="1:41" s="137" customFormat="1" ht="3.75" hidden="1" customHeight="1" outlineLevel="1">
      <c r="A663" s="136"/>
      <c r="C663" s="138"/>
      <c r="D663" s="146"/>
      <c r="E663" s="117"/>
      <c r="F663" s="139"/>
      <c r="G663" s="140"/>
      <c r="H663" s="140"/>
      <c r="I663" s="141"/>
      <c r="J663" s="140"/>
      <c r="K663" s="140"/>
      <c r="L663" s="140"/>
      <c r="M663" s="140"/>
      <c r="N663" s="140"/>
      <c r="O663" s="131"/>
      <c r="P663" s="142"/>
      <c r="Q663" s="140"/>
      <c r="R663" s="140"/>
      <c r="S663" s="140"/>
      <c r="T663" s="140"/>
      <c r="U663" s="140"/>
      <c r="V663" s="140"/>
      <c r="W663" s="140"/>
      <c r="X663" s="140"/>
      <c r="Y663" s="140"/>
      <c r="Z663" s="140"/>
      <c r="AA663" s="140"/>
      <c r="AB663" s="143"/>
      <c r="AC663" s="140"/>
      <c r="AD663" s="140"/>
      <c r="AE663" s="140"/>
      <c r="AF663" s="140"/>
      <c r="AG663" s="140"/>
      <c r="AH663" s="140"/>
      <c r="AI663" s="140"/>
      <c r="AJ663" s="140"/>
      <c r="AK663" s="140"/>
      <c r="AL663" s="140"/>
      <c r="AM663" s="140"/>
      <c r="AN663" s="143"/>
      <c r="AO663" s="144"/>
    </row>
    <row r="664" spans="1:41" s="114" customFormat="1" ht="15" hidden="1" customHeight="1" outlineLevel="1">
      <c r="A664" s="113" t="s">
        <v>1544</v>
      </c>
      <c r="B664" s="114" t="s">
        <v>2</v>
      </c>
      <c r="C664" s="126" t="s">
        <v>1545</v>
      </c>
      <c r="D664" s="147" t="s">
        <v>1546</v>
      </c>
      <c r="E664" s="117"/>
      <c r="F664" s="128">
        <v>0</v>
      </c>
      <c r="G664" s="129">
        <v>0</v>
      </c>
      <c r="H664" s="129">
        <f t="shared" ref="H664:H673" si="113">+F664-G664</f>
        <v>0</v>
      </c>
      <c r="I664" s="130"/>
      <c r="J664" s="129">
        <v>0</v>
      </c>
      <c r="K664" s="129">
        <f t="shared" ref="K664:K673" si="114">+F664-J664</f>
        <v>0</v>
      </c>
      <c r="L664" s="129"/>
      <c r="M664" s="129">
        <v>0</v>
      </c>
      <c r="N664" s="129">
        <f t="shared" ref="N664:N673" si="115">+F664-M664</f>
        <v>0</v>
      </c>
      <c r="O664" s="131"/>
      <c r="P664" s="132">
        <v>0</v>
      </c>
      <c r="Q664" s="129">
        <v>0</v>
      </c>
      <c r="R664" s="129">
        <v>0</v>
      </c>
      <c r="S664" s="129">
        <v>0</v>
      </c>
      <c r="T664" s="129">
        <v>0</v>
      </c>
      <c r="U664" s="129">
        <v>0</v>
      </c>
      <c r="V664" s="129">
        <v>0</v>
      </c>
      <c r="W664" s="129">
        <v>0</v>
      </c>
      <c r="X664" s="129">
        <v>0</v>
      </c>
      <c r="Y664" s="129">
        <v>0</v>
      </c>
      <c r="Z664" s="129">
        <v>0</v>
      </c>
      <c r="AA664" s="129">
        <v>0</v>
      </c>
      <c r="AB664" s="133">
        <v>0</v>
      </c>
      <c r="AC664" s="129">
        <v>0</v>
      </c>
      <c r="AD664" s="129">
        <v>0</v>
      </c>
      <c r="AE664" s="129">
        <v>0</v>
      </c>
      <c r="AF664" s="129">
        <v>0</v>
      </c>
      <c r="AG664" s="129">
        <v>0</v>
      </c>
      <c r="AH664" s="129">
        <v>0</v>
      </c>
      <c r="AI664" s="129">
        <v>0</v>
      </c>
      <c r="AJ664" s="129">
        <v>0</v>
      </c>
      <c r="AK664" s="129">
        <v>0</v>
      </c>
      <c r="AL664" s="129">
        <v>0</v>
      </c>
      <c r="AM664" s="129">
        <v>0</v>
      </c>
      <c r="AN664" s="133">
        <v>0</v>
      </c>
      <c r="AO664" s="134"/>
    </row>
    <row r="665" spans="1:41" s="114" customFormat="1" ht="15" hidden="1" customHeight="1" outlineLevel="1">
      <c r="A665" s="113" t="s">
        <v>1547</v>
      </c>
      <c r="B665" s="114" t="s">
        <v>2</v>
      </c>
      <c r="C665" s="126" t="s">
        <v>1548</v>
      </c>
      <c r="D665" s="147" t="s">
        <v>1546</v>
      </c>
      <c r="E665" s="117"/>
      <c r="F665" s="128">
        <v>0</v>
      </c>
      <c r="G665" s="129">
        <v>0</v>
      </c>
      <c r="H665" s="129">
        <f t="shared" si="113"/>
        <v>0</v>
      </c>
      <c r="I665" s="130"/>
      <c r="J665" s="129">
        <v>0</v>
      </c>
      <c r="K665" s="129">
        <f t="shared" si="114"/>
        <v>0</v>
      </c>
      <c r="L665" s="129"/>
      <c r="M665" s="129">
        <v>0</v>
      </c>
      <c r="N665" s="129">
        <f t="shared" si="115"/>
        <v>0</v>
      </c>
      <c r="O665" s="131"/>
      <c r="P665" s="132">
        <v>0</v>
      </c>
      <c r="Q665" s="129">
        <v>0</v>
      </c>
      <c r="R665" s="129">
        <v>0</v>
      </c>
      <c r="S665" s="129">
        <v>0</v>
      </c>
      <c r="T665" s="129">
        <v>0</v>
      </c>
      <c r="U665" s="129">
        <v>0</v>
      </c>
      <c r="V665" s="129">
        <v>0</v>
      </c>
      <c r="W665" s="129">
        <v>0</v>
      </c>
      <c r="X665" s="129">
        <v>0</v>
      </c>
      <c r="Y665" s="129">
        <v>0</v>
      </c>
      <c r="Z665" s="129">
        <v>0</v>
      </c>
      <c r="AA665" s="129">
        <v>0</v>
      </c>
      <c r="AB665" s="133">
        <v>0</v>
      </c>
      <c r="AC665" s="129">
        <v>0</v>
      </c>
      <c r="AD665" s="129">
        <v>0</v>
      </c>
      <c r="AE665" s="129">
        <v>0</v>
      </c>
      <c r="AF665" s="129">
        <v>0</v>
      </c>
      <c r="AG665" s="129">
        <v>0</v>
      </c>
      <c r="AH665" s="129">
        <v>0</v>
      </c>
      <c r="AI665" s="129">
        <v>0</v>
      </c>
      <c r="AJ665" s="129">
        <v>0</v>
      </c>
      <c r="AK665" s="129">
        <v>0</v>
      </c>
      <c r="AL665" s="129">
        <v>0</v>
      </c>
      <c r="AM665" s="129">
        <v>0</v>
      </c>
      <c r="AN665" s="133">
        <v>0</v>
      </c>
      <c r="AO665" s="134"/>
    </row>
    <row r="666" spans="1:41" s="114" customFormat="1" ht="15" hidden="1" customHeight="1" outlineLevel="1">
      <c r="A666" s="113" t="s">
        <v>1549</v>
      </c>
      <c r="B666" s="114" t="s">
        <v>2</v>
      </c>
      <c r="C666" s="126" t="s">
        <v>1550</v>
      </c>
      <c r="D666" s="147" t="s">
        <v>1546</v>
      </c>
      <c r="E666" s="117"/>
      <c r="F666" s="128">
        <v>0</v>
      </c>
      <c r="G666" s="129">
        <v>0</v>
      </c>
      <c r="H666" s="129">
        <f t="shared" si="113"/>
        <v>0</v>
      </c>
      <c r="I666" s="130"/>
      <c r="J666" s="129">
        <v>0</v>
      </c>
      <c r="K666" s="129">
        <f t="shared" si="114"/>
        <v>0</v>
      </c>
      <c r="L666" s="129"/>
      <c r="M666" s="129">
        <v>0</v>
      </c>
      <c r="N666" s="129">
        <f t="shared" si="115"/>
        <v>0</v>
      </c>
      <c r="O666" s="131"/>
      <c r="P666" s="132">
        <v>0</v>
      </c>
      <c r="Q666" s="129">
        <v>0</v>
      </c>
      <c r="R666" s="129">
        <v>0</v>
      </c>
      <c r="S666" s="129">
        <v>0</v>
      </c>
      <c r="T666" s="129">
        <v>0</v>
      </c>
      <c r="U666" s="129">
        <v>0</v>
      </c>
      <c r="V666" s="129">
        <v>0</v>
      </c>
      <c r="W666" s="129">
        <v>0</v>
      </c>
      <c r="X666" s="129">
        <v>0</v>
      </c>
      <c r="Y666" s="129">
        <v>0</v>
      </c>
      <c r="Z666" s="129">
        <v>0</v>
      </c>
      <c r="AA666" s="129">
        <v>0</v>
      </c>
      <c r="AB666" s="133">
        <v>0</v>
      </c>
      <c r="AC666" s="129">
        <v>0</v>
      </c>
      <c r="AD666" s="129">
        <v>0</v>
      </c>
      <c r="AE666" s="129">
        <v>0</v>
      </c>
      <c r="AF666" s="129">
        <v>0</v>
      </c>
      <c r="AG666" s="129">
        <v>0</v>
      </c>
      <c r="AH666" s="129">
        <v>0</v>
      </c>
      <c r="AI666" s="129">
        <v>0</v>
      </c>
      <c r="AJ666" s="129">
        <v>0</v>
      </c>
      <c r="AK666" s="129">
        <v>0</v>
      </c>
      <c r="AL666" s="129">
        <v>0</v>
      </c>
      <c r="AM666" s="129">
        <v>0</v>
      </c>
      <c r="AN666" s="133">
        <v>0</v>
      </c>
      <c r="AO666" s="134"/>
    </row>
    <row r="667" spans="1:41" s="62" customFormat="1" hidden="1" outlineLevel="2">
      <c r="A667" s="61" t="s">
        <v>1551</v>
      </c>
      <c r="B667" s="61" t="s">
        <v>1552</v>
      </c>
      <c r="C667" s="71" t="s">
        <v>1553</v>
      </c>
      <c r="D667" s="72" t="s">
        <v>1546</v>
      </c>
      <c r="E667" s="73"/>
      <c r="F667" s="62">
        <v>0</v>
      </c>
      <c r="G667" s="62">
        <v>0</v>
      </c>
      <c r="H667" s="62">
        <f t="shared" si="113"/>
        <v>0</v>
      </c>
      <c r="J667" s="62">
        <v>0</v>
      </c>
      <c r="K667" s="62">
        <f t="shared" si="114"/>
        <v>0</v>
      </c>
      <c r="M667" s="62">
        <v>0</v>
      </c>
      <c r="N667" s="62">
        <f t="shared" si="115"/>
        <v>0</v>
      </c>
      <c r="P667" s="74">
        <v>0</v>
      </c>
      <c r="Q667" s="61">
        <v>0</v>
      </c>
      <c r="R667" s="61">
        <v>0</v>
      </c>
      <c r="S667" s="61">
        <v>0</v>
      </c>
      <c r="T667" s="62">
        <v>0</v>
      </c>
      <c r="U667" s="61">
        <v>0</v>
      </c>
      <c r="V667" s="61">
        <v>0</v>
      </c>
      <c r="W667" s="61">
        <v>0</v>
      </c>
      <c r="X667" s="61">
        <v>0</v>
      </c>
      <c r="Y667" s="61">
        <v>0</v>
      </c>
      <c r="Z667" s="61">
        <v>0</v>
      </c>
      <c r="AA667" s="61">
        <v>0</v>
      </c>
      <c r="AB667" s="75">
        <v>0</v>
      </c>
      <c r="AC667" s="61">
        <v>0</v>
      </c>
      <c r="AD667" s="61">
        <v>0</v>
      </c>
      <c r="AE667" s="61">
        <v>0</v>
      </c>
      <c r="AF667" s="62">
        <v>0</v>
      </c>
      <c r="AG667" s="61">
        <v>0</v>
      </c>
      <c r="AH667" s="61">
        <v>0</v>
      </c>
      <c r="AI667" s="61">
        <v>0</v>
      </c>
      <c r="AJ667" s="61">
        <v>0</v>
      </c>
      <c r="AK667" s="61">
        <v>0</v>
      </c>
      <c r="AL667" s="61">
        <v>0</v>
      </c>
      <c r="AM667" s="61">
        <v>0</v>
      </c>
      <c r="AN667" s="75">
        <v>0</v>
      </c>
    </row>
    <row r="668" spans="1:41" s="62" customFormat="1" hidden="1" outlineLevel="2">
      <c r="A668" s="61" t="s">
        <v>197</v>
      </c>
      <c r="B668" s="61" t="s">
        <v>198</v>
      </c>
      <c r="C668" s="71" t="s">
        <v>199</v>
      </c>
      <c r="D668" s="72" t="s">
        <v>1546</v>
      </c>
      <c r="E668" s="73"/>
      <c r="F668" s="62">
        <v>-12010.97</v>
      </c>
      <c r="G668" s="62">
        <v>-29545.29</v>
      </c>
      <c r="H668" s="62">
        <f t="shared" si="113"/>
        <v>17534.32</v>
      </c>
      <c r="J668" s="62">
        <v>-29545.29</v>
      </c>
      <c r="K668" s="62">
        <f t="shared" si="114"/>
        <v>17534.32</v>
      </c>
      <c r="M668" s="62">
        <v>-13512.35</v>
      </c>
      <c r="N668" s="62">
        <f t="shared" si="115"/>
        <v>1501.380000000001</v>
      </c>
      <c r="P668" s="74">
        <v>-46078.28</v>
      </c>
      <c r="Q668" s="61">
        <v>-44638.33</v>
      </c>
      <c r="R668" s="61">
        <v>-43198.38</v>
      </c>
      <c r="S668" s="61">
        <v>-41758.43</v>
      </c>
      <c r="T668" s="62">
        <v>-40318.480000000003</v>
      </c>
      <c r="U668" s="61">
        <v>-38878.53</v>
      </c>
      <c r="V668" s="61">
        <v>-37998.58</v>
      </c>
      <c r="W668" s="61">
        <v>-36537.08</v>
      </c>
      <c r="X668" s="61">
        <v>-35075.58</v>
      </c>
      <c r="Y668" s="61">
        <v>-33614.080000000002</v>
      </c>
      <c r="Z668" s="61">
        <v>-32152.58</v>
      </c>
      <c r="AA668" s="61">
        <v>-30691.08</v>
      </c>
      <c r="AB668" s="75">
        <v>-29545.29</v>
      </c>
      <c r="AC668" s="61">
        <v>-28068.03</v>
      </c>
      <c r="AD668" s="61">
        <v>-26590.77</v>
      </c>
      <c r="AE668" s="61">
        <v>-25113.510000000002</v>
      </c>
      <c r="AF668" s="62">
        <v>-23636.25</v>
      </c>
      <c r="AG668" s="61">
        <v>-22158.99</v>
      </c>
      <c r="AH668" s="61">
        <v>-21019.25</v>
      </c>
      <c r="AI668" s="61">
        <v>-19517.87</v>
      </c>
      <c r="AJ668" s="61">
        <v>-18016.490000000002</v>
      </c>
      <c r="AK668" s="61">
        <v>-16515.11</v>
      </c>
      <c r="AL668" s="61">
        <v>-15013.73</v>
      </c>
      <c r="AM668" s="61">
        <v>-13512.35</v>
      </c>
      <c r="AN668" s="75">
        <v>-12010.97</v>
      </c>
    </row>
    <row r="669" spans="1:41" s="114" customFormat="1" ht="15" hidden="1" customHeight="1" outlineLevel="1">
      <c r="A669" s="113" t="s">
        <v>1554</v>
      </c>
      <c r="B669" s="114" t="s">
        <v>2</v>
      </c>
      <c r="C669" s="126" t="s">
        <v>1555</v>
      </c>
      <c r="D669" s="147" t="s">
        <v>1546</v>
      </c>
      <c r="E669" s="117"/>
      <c r="F669" s="128">
        <v>-12010.97</v>
      </c>
      <c r="G669" s="129">
        <v>-29545.29</v>
      </c>
      <c r="H669" s="129">
        <f t="shared" si="113"/>
        <v>17534.32</v>
      </c>
      <c r="I669" s="130"/>
      <c r="J669" s="129">
        <v>-29545.29</v>
      </c>
      <c r="K669" s="129">
        <f t="shared" si="114"/>
        <v>17534.32</v>
      </c>
      <c r="L669" s="129"/>
      <c r="M669" s="129">
        <v>-13512.35</v>
      </c>
      <c r="N669" s="129">
        <f t="shared" si="115"/>
        <v>1501.380000000001</v>
      </c>
      <c r="O669" s="131"/>
      <c r="P669" s="132">
        <v>-46078.28</v>
      </c>
      <c r="Q669" s="129">
        <v>-44638.33</v>
      </c>
      <c r="R669" s="129">
        <v>-43198.38</v>
      </c>
      <c r="S669" s="129">
        <v>-41758.43</v>
      </c>
      <c r="T669" s="129">
        <v>-40318.480000000003</v>
      </c>
      <c r="U669" s="129">
        <v>-38878.53</v>
      </c>
      <c r="V669" s="129">
        <v>-37998.58</v>
      </c>
      <c r="W669" s="129">
        <v>-36537.08</v>
      </c>
      <c r="X669" s="129">
        <v>-35075.58</v>
      </c>
      <c r="Y669" s="129">
        <v>-33614.080000000002</v>
      </c>
      <c r="Z669" s="129">
        <v>-32152.58</v>
      </c>
      <c r="AA669" s="129">
        <v>-30691.08</v>
      </c>
      <c r="AB669" s="133">
        <v>-29545.29</v>
      </c>
      <c r="AC669" s="129">
        <v>-28068.03</v>
      </c>
      <c r="AD669" s="129">
        <v>-26590.77</v>
      </c>
      <c r="AE669" s="129">
        <v>-25113.510000000002</v>
      </c>
      <c r="AF669" s="129">
        <v>-23636.25</v>
      </c>
      <c r="AG669" s="129">
        <v>-22158.99</v>
      </c>
      <c r="AH669" s="129">
        <v>-21019.25</v>
      </c>
      <c r="AI669" s="129">
        <v>-19517.87</v>
      </c>
      <c r="AJ669" s="129">
        <v>-18016.490000000002</v>
      </c>
      <c r="AK669" s="129">
        <v>-16515.11</v>
      </c>
      <c r="AL669" s="129">
        <v>-15013.73</v>
      </c>
      <c r="AM669" s="129">
        <v>-13512.35</v>
      </c>
      <c r="AN669" s="133">
        <v>-12010.97</v>
      </c>
      <c r="AO669" s="134"/>
    </row>
    <row r="670" spans="1:41" s="114" customFormat="1" ht="15" hidden="1" customHeight="1" outlineLevel="1">
      <c r="A670" s="113" t="s">
        <v>1556</v>
      </c>
      <c r="B670" s="114" t="s">
        <v>2</v>
      </c>
      <c r="C670" s="126" t="s">
        <v>1557</v>
      </c>
      <c r="D670" s="147" t="s">
        <v>1546</v>
      </c>
      <c r="E670" s="117"/>
      <c r="F670" s="128">
        <v>0</v>
      </c>
      <c r="G670" s="129">
        <v>0</v>
      </c>
      <c r="H670" s="129">
        <f t="shared" si="113"/>
        <v>0</v>
      </c>
      <c r="I670" s="130"/>
      <c r="J670" s="129">
        <v>0</v>
      </c>
      <c r="K670" s="129">
        <f t="shared" si="114"/>
        <v>0</v>
      </c>
      <c r="L670" s="129"/>
      <c r="M670" s="129">
        <v>0</v>
      </c>
      <c r="N670" s="129">
        <f t="shared" si="115"/>
        <v>0</v>
      </c>
      <c r="O670" s="131"/>
      <c r="P670" s="132">
        <v>0</v>
      </c>
      <c r="Q670" s="129">
        <v>0</v>
      </c>
      <c r="R670" s="129">
        <v>0</v>
      </c>
      <c r="S670" s="129">
        <v>0</v>
      </c>
      <c r="T670" s="129">
        <v>0</v>
      </c>
      <c r="U670" s="129">
        <v>0</v>
      </c>
      <c r="V670" s="129">
        <v>0</v>
      </c>
      <c r="W670" s="129">
        <v>0</v>
      </c>
      <c r="X670" s="129">
        <v>0</v>
      </c>
      <c r="Y670" s="129">
        <v>0</v>
      </c>
      <c r="Z670" s="129">
        <v>0</v>
      </c>
      <c r="AA670" s="129">
        <v>0</v>
      </c>
      <c r="AB670" s="133">
        <v>0</v>
      </c>
      <c r="AC670" s="129">
        <v>0</v>
      </c>
      <c r="AD670" s="129">
        <v>0</v>
      </c>
      <c r="AE670" s="129">
        <v>0</v>
      </c>
      <c r="AF670" s="129">
        <v>0</v>
      </c>
      <c r="AG670" s="129">
        <v>0</v>
      </c>
      <c r="AH670" s="129">
        <v>0</v>
      </c>
      <c r="AI670" s="129">
        <v>0</v>
      </c>
      <c r="AJ670" s="129">
        <v>0</v>
      </c>
      <c r="AK670" s="129">
        <v>0</v>
      </c>
      <c r="AL670" s="129">
        <v>0</v>
      </c>
      <c r="AM670" s="129">
        <v>0</v>
      </c>
      <c r="AN670" s="133">
        <v>0</v>
      </c>
      <c r="AO670" s="134"/>
    </row>
    <row r="671" spans="1:41" s="137" customFormat="1" ht="15" customHeight="1" collapsed="1">
      <c r="A671" s="136" t="s">
        <v>1558</v>
      </c>
      <c r="B671" s="137" t="s">
        <v>2</v>
      </c>
      <c r="C671" s="138" t="s">
        <v>1559</v>
      </c>
      <c r="D671" s="146"/>
      <c r="E671" s="117"/>
      <c r="F671" s="139">
        <v>-12010.97</v>
      </c>
      <c r="G671" s="140">
        <v>-29545.29</v>
      </c>
      <c r="H671" s="140">
        <f t="shared" si="113"/>
        <v>17534.32</v>
      </c>
      <c r="I671" s="141"/>
      <c r="J671" s="140">
        <v>-29545.29</v>
      </c>
      <c r="K671" s="140">
        <f t="shared" si="114"/>
        <v>17534.32</v>
      </c>
      <c r="L671" s="140"/>
      <c r="M671" s="140">
        <v>-13512.35</v>
      </c>
      <c r="N671" s="140">
        <f t="shared" si="115"/>
        <v>1501.380000000001</v>
      </c>
      <c r="O671" s="131"/>
      <c r="P671" s="142">
        <v>-46078.28</v>
      </c>
      <c r="Q671" s="140">
        <v>-44638.33</v>
      </c>
      <c r="R671" s="140">
        <v>-43198.38</v>
      </c>
      <c r="S671" s="140">
        <v>-41758.43</v>
      </c>
      <c r="T671" s="140">
        <v>-40318.480000000003</v>
      </c>
      <c r="U671" s="140">
        <v>-38878.53</v>
      </c>
      <c r="V671" s="140">
        <v>-37998.58</v>
      </c>
      <c r="W671" s="140">
        <v>-36537.08</v>
      </c>
      <c r="X671" s="140">
        <v>-35075.58</v>
      </c>
      <c r="Y671" s="140">
        <v>-33614.080000000002</v>
      </c>
      <c r="Z671" s="140">
        <v>-32152.58</v>
      </c>
      <c r="AA671" s="140">
        <v>-30691.08</v>
      </c>
      <c r="AB671" s="143">
        <v>-29545.29</v>
      </c>
      <c r="AC671" s="140">
        <v>-28068.03</v>
      </c>
      <c r="AD671" s="140">
        <v>-26590.77</v>
      </c>
      <c r="AE671" s="140">
        <v>-25113.510000000002</v>
      </c>
      <c r="AF671" s="140">
        <v>-23636.25</v>
      </c>
      <c r="AG671" s="140">
        <v>-22158.99</v>
      </c>
      <c r="AH671" s="140">
        <v>-21019.25</v>
      </c>
      <c r="AI671" s="140">
        <v>-19517.87</v>
      </c>
      <c r="AJ671" s="140">
        <v>-18016.490000000002</v>
      </c>
      <c r="AK671" s="140">
        <v>-16515.11</v>
      </c>
      <c r="AL671" s="140">
        <v>-15013.73</v>
      </c>
      <c r="AM671" s="140">
        <v>-13512.35</v>
      </c>
      <c r="AN671" s="143">
        <v>-12010.97</v>
      </c>
      <c r="AO671" s="144"/>
    </row>
    <row r="672" spans="1:41" s="114" customFormat="1" ht="15" customHeight="1" thickBot="1">
      <c r="A672" s="225"/>
      <c r="B672" s="225"/>
      <c r="C672" s="226" t="s">
        <v>1560</v>
      </c>
      <c r="D672" s="227"/>
      <c r="E672" s="228"/>
      <c r="F672" s="229">
        <f>F662+F647+F644+F649+F671</f>
        <v>170846125.60700005</v>
      </c>
      <c r="G672" s="230">
        <f>G662+G647+G644+G649+G671</f>
        <v>168891109.32900006</v>
      </c>
      <c r="H672" s="230">
        <f t="shared" si="113"/>
        <v>1955016.2779999971</v>
      </c>
      <c r="I672" s="141"/>
      <c r="J672" s="230">
        <f>J662+J647+J644+J649+J671</f>
        <v>168891109.32900006</v>
      </c>
      <c r="K672" s="230">
        <f t="shared" si="114"/>
        <v>1955016.2779999971</v>
      </c>
      <c r="L672" s="230"/>
      <c r="M672" s="230">
        <f>M662+M647+M644+M649+M671</f>
        <v>170625660.78899983</v>
      </c>
      <c r="N672" s="230">
        <f t="shared" si="115"/>
        <v>220464.81800022721</v>
      </c>
      <c r="O672" s="131"/>
      <c r="P672" s="231">
        <f t="shared" ref="P672:AN672" si="116">P662+P647+P644+P649+P671</f>
        <v>170606879.57000011</v>
      </c>
      <c r="Q672" s="230">
        <f t="shared" si="116"/>
        <v>172775192.05199999</v>
      </c>
      <c r="R672" s="230">
        <f t="shared" si="116"/>
        <v>175063439.82899997</v>
      </c>
      <c r="S672" s="230">
        <f t="shared" si="116"/>
        <v>175294801.61000004</v>
      </c>
      <c r="T672" s="230">
        <f t="shared" si="116"/>
        <v>174304416.23000002</v>
      </c>
      <c r="U672" s="230">
        <f t="shared" si="116"/>
        <v>172963850.34000003</v>
      </c>
      <c r="V672" s="230">
        <f t="shared" si="116"/>
        <v>172928807.19399998</v>
      </c>
      <c r="W672" s="230">
        <f t="shared" si="116"/>
        <v>171613803.57400006</v>
      </c>
      <c r="X672" s="230">
        <f t="shared" si="116"/>
        <v>170505065.69400004</v>
      </c>
      <c r="Y672" s="230">
        <f t="shared" si="116"/>
        <v>170106492.77900001</v>
      </c>
      <c r="Z672" s="230">
        <f t="shared" si="116"/>
        <v>168672417.37900001</v>
      </c>
      <c r="AA672" s="230">
        <f t="shared" si="116"/>
        <v>170118614.91399994</v>
      </c>
      <c r="AB672" s="232">
        <f t="shared" si="116"/>
        <v>168891109.32900006</v>
      </c>
      <c r="AC672" s="230">
        <f t="shared" si="116"/>
        <v>172241749.051</v>
      </c>
      <c r="AD672" s="230">
        <f t="shared" si="116"/>
        <v>173001025.00099999</v>
      </c>
      <c r="AE672" s="230">
        <f t="shared" si="116"/>
        <v>172957412.29399997</v>
      </c>
      <c r="AF672" s="230">
        <f t="shared" si="116"/>
        <v>172597049.22800007</v>
      </c>
      <c r="AG672" s="230">
        <f t="shared" si="116"/>
        <v>171428205.08899999</v>
      </c>
      <c r="AH672" s="230">
        <f t="shared" si="116"/>
        <v>171491663.03800008</v>
      </c>
      <c r="AI672" s="230">
        <f t="shared" si="116"/>
        <v>172113520.93600002</v>
      </c>
      <c r="AJ672" s="230">
        <f t="shared" si="116"/>
        <v>174023915.09699997</v>
      </c>
      <c r="AK672" s="230">
        <f t="shared" si="116"/>
        <v>174051618.15699998</v>
      </c>
      <c r="AL672" s="230">
        <f t="shared" si="116"/>
        <v>173843200.11900002</v>
      </c>
      <c r="AM672" s="230">
        <f t="shared" si="116"/>
        <v>170625660.78899983</v>
      </c>
      <c r="AN672" s="232">
        <f t="shared" si="116"/>
        <v>170846125.60700005</v>
      </c>
      <c r="AO672" s="144"/>
    </row>
    <row r="673" spans="1:43" s="114" customFormat="1" ht="15" hidden="1" customHeight="1" outlineLevel="1">
      <c r="A673" s="113"/>
      <c r="C673" s="234" t="s">
        <v>1561</v>
      </c>
      <c r="D673" s="146"/>
      <c r="E673" s="117"/>
      <c r="F673" s="128">
        <f>+F672+F639</f>
        <v>170846125.60700005</v>
      </c>
      <c r="G673" s="129">
        <f>+G672+G639</f>
        <v>168891109.32900006</v>
      </c>
      <c r="H673" s="129">
        <f t="shared" si="113"/>
        <v>1955016.2779999971</v>
      </c>
      <c r="I673" s="130"/>
      <c r="J673" s="129">
        <f>+J672+J639</f>
        <v>168891109.32900006</v>
      </c>
      <c r="K673" s="129">
        <f t="shared" si="114"/>
        <v>1955016.2779999971</v>
      </c>
      <c r="L673" s="129"/>
      <c r="M673" s="129">
        <f>+M672+M639</f>
        <v>170625660.78899983</v>
      </c>
      <c r="N673" s="129">
        <f t="shared" si="115"/>
        <v>220464.81800022721</v>
      </c>
      <c r="O673" s="131"/>
      <c r="P673" s="132">
        <f t="shared" ref="P673:AN673" si="117">+P672+P639</f>
        <v>170606879.57000011</v>
      </c>
      <c r="Q673" s="129">
        <f t="shared" si="117"/>
        <v>172775192.05199999</v>
      </c>
      <c r="R673" s="129">
        <f t="shared" si="117"/>
        <v>175063439.82899997</v>
      </c>
      <c r="S673" s="129">
        <f t="shared" si="117"/>
        <v>175294801.61000004</v>
      </c>
      <c r="T673" s="129">
        <f t="shared" si="117"/>
        <v>174304416.23000002</v>
      </c>
      <c r="U673" s="129">
        <f t="shared" si="117"/>
        <v>172963850.34000003</v>
      </c>
      <c r="V673" s="129">
        <f t="shared" si="117"/>
        <v>172928807.19399998</v>
      </c>
      <c r="W673" s="129">
        <f t="shared" si="117"/>
        <v>171613803.57400006</v>
      </c>
      <c r="X673" s="129">
        <f t="shared" si="117"/>
        <v>170505065.69400004</v>
      </c>
      <c r="Y673" s="129">
        <f t="shared" si="117"/>
        <v>170106492.77900001</v>
      </c>
      <c r="Z673" s="129">
        <f t="shared" si="117"/>
        <v>168672417.37900001</v>
      </c>
      <c r="AA673" s="129">
        <f t="shared" si="117"/>
        <v>170118614.91399994</v>
      </c>
      <c r="AB673" s="133">
        <f t="shared" si="117"/>
        <v>168891109.32900006</v>
      </c>
      <c r="AC673" s="129">
        <f t="shared" si="117"/>
        <v>172241749.051</v>
      </c>
      <c r="AD673" s="129">
        <f t="shared" si="117"/>
        <v>173001025.00099999</v>
      </c>
      <c r="AE673" s="129">
        <f t="shared" si="117"/>
        <v>172957412.29399997</v>
      </c>
      <c r="AF673" s="129">
        <f t="shared" si="117"/>
        <v>172597049.22800007</v>
      </c>
      <c r="AG673" s="129">
        <f t="shared" si="117"/>
        <v>171428205.08899999</v>
      </c>
      <c r="AH673" s="129">
        <f t="shared" si="117"/>
        <v>171491663.03800008</v>
      </c>
      <c r="AI673" s="129">
        <f t="shared" si="117"/>
        <v>172113520.93600002</v>
      </c>
      <c r="AJ673" s="129">
        <f t="shared" si="117"/>
        <v>174023915.09699997</v>
      </c>
      <c r="AK673" s="129">
        <f t="shared" si="117"/>
        <v>174051618.15699998</v>
      </c>
      <c r="AL673" s="129">
        <f t="shared" si="117"/>
        <v>173843200.11900002</v>
      </c>
      <c r="AM673" s="129">
        <f t="shared" si="117"/>
        <v>170625660.78899983</v>
      </c>
      <c r="AN673" s="133">
        <f t="shared" si="117"/>
        <v>170846125.60700005</v>
      </c>
      <c r="AO673" s="134"/>
    </row>
    <row r="674" spans="1:43" s="114" customFormat="1" ht="15" customHeight="1" collapsed="1" thickTop="1">
      <c r="A674" s="113"/>
      <c r="C674" s="235"/>
      <c r="D674" s="146"/>
      <c r="E674" s="117"/>
      <c r="F674" s="128"/>
      <c r="G674" s="129"/>
      <c r="H674" s="129"/>
      <c r="I674" s="130"/>
      <c r="J674" s="129"/>
      <c r="K674" s="129"/>
      <c r="L674" s="129"/>
      <c r="M674" s="129"/>
      <c r="N674" s="129"/>
      <c r="O674" s="131"/>
      <c r="P674" s="132"/>
      <c r="Q674" s="129"/>
      <c r="R674" s="129"/>
      <c r="S674" s="129"/>
      <c r="T674" s="129"/>
      <c r="U674" s="129"/>
      <c r="V674" s="129"/>
      <c r="W674" s="129"/>
      <c r="X674" s="129"/>
      <c r="Y674" s="129"/>
      <c r="Z674" s="129"/>
      <c r="AA674" s="129"/>
      <c r="AB674" s="133"/>
      <c r="AC674" s="129"/>
      <c r="AD674" s="129"/>
      <c r="AE674" s="129"/>
      <c r="AF674" s="129"/>
      <c r="AG674" s="129"/>
      <c r="AH674" s="129"/>
      <c r="AI674" s="129"/>
      <c r="AJ674" s="129"/>
      <c r="AK674" s="129"/>
      <c r="AL674" s="129"/>
      <c r="AM674" s="129"/>
      <c r="AN674" s="133"/>
      <c r="AO674" s="134"/>
    </row>
    <row r="675" spans="1:43" s="114" customFormat="1" ht="15" customHeight="1">
      <c r="A675" s="136"/>
      <c r="B675" s="137"/>
      <c r="C675" s="64" t="s">
        <v>1562</v>
      </c>
      <c r="D675" s="146"/>
      <c r="E675" s="117"/>
      <c r="F675" s="139">
        <f>+F672+F635+F637+F639</f>
        <v>741021990.43600011</v>
      </c>
      <c r="G675" s="140">
        <f>+G672+G635+G637+G639</f>
        <v>703873662.421</v>
      </c>
      <c r="H675" s="140">
        <f>+F675-G675</f>
        <v>37148328.015000105</v>
      </c>
      <c r="I675" s="141"/>
      <c r="J675" s="140">
        <f>+J672+J635+J637+J639</f>
        <v>703873662.421</v>
      </c>
      <c r="K675" s="140">
        <f>+F675-J675</f>
        <v>37148328.015000105</v>
      </c>
      <c r="L675" s="140"/>
      <c r="M675" s="140">
        <f>+M672+M635+M637+M639</f>
        <v>721643701.27399969</v>
      </c>
      <c r="N675" s="140">
        <f>+F675-M675</f>
        <v>19378289.162000418</v>
      </c>
      <c r="O675" s="131"/>
      <c r="P675" s="142">
        <f t="shared" ref="P675:AN675" si="118">+P672+P635+P637+P639</f>
        <v>862481322.3440001</v>
      </c>
      <c r="Q675" s="140">
        <f t="shared" si="118"/>
        <v>675453447.10900009</v>
      </c>
      <c r="R675" s="140">
        <f t="shared" si="118"/>
        <v>673635577.23899996</v>
      </c>
      <c r="S675" s="140">
        <f t="shared" si="118"/>
        <v>670056506.95900011</v>
      </c>
      <c r="T675" s="140">
        <f t="shared" si="118"/>
        <v>665919658.17900002</v>
      </c>
      <c r="U675" s="140">
        <f t="shared" si="118"/>
        <v>672487484.21899998</v>
      </c>
      <c r="V675" s="140">
        <f t="shared" si="118"/>
        <v>677327795.22899997</v>
      </c>
      <c r="W675" s="140">
        <f t="shared" si="118"/>
        <v>678287083.55900002</v>
      </c>
      <c r="X675" s="140">
        <f t="shared" si="118"/>
        <v>678927465.449</v>
      </c>
      <c r="Y675" s="140">
        <f t="shared" si="118"/>
        <v>689028739.78900003</v>
      </c>
      <c r="Z675" s="140">
        <f t="shared" si="118"/>
        <v>692848817.68900001</v>
      </c>
      <c r="AA675" s="140">
        <f t="shared" si="118"/>
        <v>687106072.96899998</v>
      </c>
      <c r="AB675" s="143">
        <f t="shared" si="118"/>
        <v>703873662.421</v>
      </c>
      <c r="AC675" s="140">
        <f t="shared" si="118"/>
        <v>712780173.70899999</v>
      </c>
      <c r="AD675" s="140">
        <f t="shared" si="118"/>
        <v>710610543.1789999</v>
      </c>
      <c r="AE675" s="140">
        <f t="shared" si="118"/>
        <v>712738993.13100004</v>
      </c>
      <c r="AF675" s="140">
        <f t="shared" si="118"/>
        <v>701861246.56900012</v>
      </c>
      <c r="AG675" s="140">
        <f t="shared" si="118"/>
        <v>710718110.47599995</v>
      </c>
      <c r="AH675" s="140">
        <f t="shared" si="118"/>
        <v>715712251.28800011</v>
      </c>
      <c r="AI675" s="140">
        <f t="shared" si="118"/>
        <v>714545717.43400002</v>
      </c>
      <c r="AJ675" s="140">
        <f t="shared" si="118"/>
        <v>716700059.10399997</v>
      </c>
      <c r="AK675" s="140">
        <f t="shared" si="118"/>
        <v>716900499.49600005</v>
      </c>
      <c r="AL675" s="140">
        <f t="shared" si="118"/>
        <v>711064097.40400004</v>
      </c>
      <c r="AM675" s="140">
        <f t="shared" si="118"/>
        <v>721643701.27399969</v>
      </c>
      <c r="AN675" s="143">
        <f t="shared" si="118"/>
        <v>741021990.43600011</v>
      </c>
      <c r="AO675" s="144"/>
    </row>
    <row r="676" spans="1:43" s="114" customFormat="1">
      <c r="A676" s="113"/>
      <c r="C676" s="63"/>
      <c r="D676" s="146"/>
      <c r="E676" s="117"/>
      <c r="F676" s="128"/>
      <c r="G676" s="129"/>
      <c r="H676" s="129"/>
      <c r="I676" s="130"/>
      <c r="J676" s="129"/>
      <c r="K676" s="129"/>
      <c r="L676" s="129"/>
      <c r="M676" s="129"/>
      <c r="N676" s="129"/>
      <c r="O676" s="131"/>
      <c r="P676" s="132"/>
      <c r="Q676" s="129"/>
      <c r="R676" s="129"/>
      <c r="S676" s="129"/>
      <c r="T676" s="129"/>
      <c r="U676" s="129"/>
      <c r="V676" s="129"/>
      <c r="W676" s="129"/>
      <c r="X676" s="129"/>
      <c r="Y676" s="129"/>
      <c r="Z676" s="129"/>
      <c r="AA676" s="129"/>
      <c r="AB676" s="133"/>
      <c r="AC676" s="129"/>
      <c r="AD676" s="129"/>
      <c r="AE676" s="129"/>
      <c r="AF676" s="129"/>
      <c r="AG676" s="129"/>
      <c r="AH676" s="129"/>
      <c r="AI676" s="129"/>
      <c r="AJ676" s="129"/>
      <c r="AK676" s="129"/>
      <c r="AL676" s="129"/>
      <c r="AM676" s="129"/>
      <c r="AN676" s="133"/>
      <c r="AO676" s="134"/>
    </row>
    <row r="677" spans="1:43" s="114" customFormat="1">
      <c r="A677" s="113"/>
      <c r="C677" s="236" t="s">
        <v>1563</v>
      </c>
      <c r="D677" s="146"/>
      <c r="E677" s="117"/>
      <c r="F677" s="128">
        <f>+F307-F675</f>
        <v>0</v>
      </c>
      <c r="G677" s="129">
        <f>+G307-G675</f>
        <v>0</v>
      </c>
      <c r="H677" s="129">
        <f>+F677-G677</f>
        <v>0</v>
      </c>
      <c r="I677" s="130"/>
      <c r="J677" s="129">
        <f>+J307-J675</f>
        <v>0</v>
      </c>
      <c r="K677" s="129">
        <f>+F677-J677</f>
        <v>0</v>
      </c>
      <c r="L677" s="129"/>
      <c r="M677" s="129">
        <f>+M307-M675</f>
        <v>0</v>
      </c>
      <c r="N677" s="129">
        <f>+F677-M677</f>
        <v>0</v>
      </c>
      <c r="O677" s="131"/>
      <c r="P677" s="132">
        <f t="shared" ref="P677:AN677" si="119">+P307-P675</f>
        <v>0</v>
      </c>
      <c r="Q677" s="129">
        <f t="shared" si="119"/>
        <v>0</v>
      </c>
      <c r="R677" s="129">
        <f t="shared" si="119"/>
        <v>0</v>
      </c>
      <c r="S677" s="129">
        <f t="shared" si="119"/>
        <v>0</v>
      </c>
      <c r="T677" s="129">
        <f t="shared" si="119"/>
        <v>0</v>
      </c>
      <c r="U677" s="129">
        <f t="shared" si="119"/>
        <v>0</v>
      </c>
      <c r="V677" s="129">
        <f t="shared" si="119"/>
        <v>0</v>
      </c>
      <c r="W677" s="129">
        <f t="shared" si="119"/>
        <v>0</v>
      </c>
      <c r="X677" s="129">
        <f t="shared" si="119"/>
        <v>0</v>
      </c>
      <c r="Y677" s="129">
        <f t="shared" si="119"/>
        <v>0</v>
      </c>
      <c r="Z677" s="129">
        <f t="shared" si="119"/>
        <v>0</v>
      </c>
      <c r="AA677" s="129">
        <f t="shared" si="119"/>
        <v>0</v>
      </c>
      <c r="AB677" s="133">
        <f t="shared" si="119"/>
        <v>0</v>
      </c>
      <c r="AC677" s="129">
        <f t="shared" si="119"/>
        <v>0</v>
      </c>
      <c r="AD677" s="129">
        <f t="shared" si="119"/>
        <v>0</v>
      </c>
      <c r="AE677" s="129">
        <f t="shared" si="119"/>
        <v>0</v>
      </c>
      <c r="AF677" s="129">
        <f t="shared" si="119"/>
        <v>0</v>
      </c>
      <c r="AG677" s="129">
        <f t="shared" si="119"/>
        <v>0</v>
      </c>
      <c r="AH677" s="129">
        <f t="shared" si="119"/>
        <v>0</v>
      </c>
      <c r="AI677" s="129">
        <f t="shared" si="119"/>
        <v>0</v>
      </c>
      <c r="AJ677" s="129">
        <f t="shared" si="119"/>
        <v>0</v>
      </c>
      <c r="AK677" s="129">
        <f t="shared" si="119"/>
        <v>0</v>
      </c>
      <c r="AL677" s="129">
        <f t="shared" si="119"/>
        <v>0</v>
      </c>
      <c r="AM677" s="129">
        <f t="shared" si="119"/>
        <v>0</v>
      </c>
      <c r="AN677" s="133">
        <f t="shared" si="119"/>
        <v>0</v>
      </c>
      <c r="AO677" s="134"/>
    </row>
    <row r="678" spans="1:43">
      <c r="F678" s="62"/>
      <c r="G678" s="62"/>
      <c r="H678" s="62"/>
      <c r="I678" s="62"/>
      <c r="J678" s="62"/>
      <c r="K678" s="62"/>
      <c r="L678" s="62"/>
      <c r="M678" s="62"/>
      <c r="N678" s="62"/>
      <c r="O678" s="62"/>
      <c r="P678" s="62"/>
      <c r="Q678" s="62"/>
      <c r="R678" s="62"/>
      <c r="S678" s="62"/>
      <c r="T678" s="62"/>
      <c r="U678" s="62"/>
      <c r="V678" s="62"/>
      <c r="W678" s="62"/>
      <c r="X678" s="62"/>
      <c r="Y678" s="62"/>
      <c r="Z678" s="62"/>
      <c r="AA678" s="62"/>
      <c r="AB678" s="62"/>
      <c r="AC678" s="62"/>
      <c r="AD678" s="62"/>
      <c r="AE678" s="62"/>
      <c r="AF678" s="62"/>
      <c r="AG678" s="62"/>
      <c r="AH678" s="62"/>
      <c r="AI678" s="62"/>
      <c r="AJ678" s="62"/>
      <c r="AK678" s="62"/>
      <c r="AL678" s="62"/>
      <c r="AM678" s="62"/>
      <c r="AN678" s="62"/>
      <c r="AO678" s="62"/>
      <c r="AP678" s="62"/>
      <c r="AQ678" s="62"/>
    </row>
    <row r="679" spans="1:43">
      <c r="F679" s="130"/>
      <c r="G679" s="130"/>
      <c r="H679" s="130"/>
      <c r="I679" s="130"/>
      <c r="J679" s="130"/>
      <c r="K679" s="130"/>
      <c r="L679" s="130"/>
      <c r="M679" s="130"/>
      <c r="N679" s="130"/>
      <c r="O679" s="131"/>
      <c r="P679" s="130"/>
      <c r="Q679" s="130"/>
      <c r="R679" s="130"/>
      <c r="S679" s="130"/>
      <c r="T679" s="130"/>
      <c r="U679" s="130"/>
      <c r="V679" s="130"/>
      <c r="W679" s="130"/>
      <c r="X679" s="130"/>
      <c r="Y679" s="130"/>
      <c r="Z679" s="130"/>
      <c r="AA679" s="130"/>
      <c r="AB679" s="130"/>
      <c r="AC679" s="130"/>
      <c r="AD679" s="130"/>
      <c r="AE679" s="130"/>
      <c r="AF679" s="130"/>
      <c r="AG679" s="130"/>
      <c r="AH679" s="130"/>
      <c r="AI679" s="130"/>
      <c r="AJ679" s="130"/>
      <c r="AK679" s="130"/>
      <c r="AL679" s="130"/>
      <c r="AM679" s="130"/>
      <c r="AN679" s="130"/>
      <c r="AO679" s="134"/>
      <c r="AP679" s="114"/>
      <c r="AQ679" s="114"/>
    </row>
    <row r="680" spans="1:43">
      <c r="F680" s="130"/>
      <c r="G680" s="130"/>
      <c r="H680" s="130"/>
      <c r="I680" s="130"/>
      <c r="J680" s="130"/>
      <c r="K680" s="130"/>
      <c r="L680" s="130"/>
      <c r="M680" s="130"/>
      <c r="N680" s="130"/>
      <c r="O680" s="131"/>
      <c r="P680" s="130"/>
      <c r="Q680" s="130"/>
      <c r="R680" s="130"/>
      <c r="S680" s="130"/>
      <c r="T680" s="130"/>
      <c r="U680" s="130"/>
      <c r="V680" s="130"/>
      <c r="W680" s="130"/>
      <c r="X680" s="130"/>
      <c r="Y680" s="130"/>
      <c r="Z680" s="130"/>
      <c r="AA680" s="130"/>
      <c r="AB680" s="130"/>
      <c r="AC680" s="130"/>
      <c r="AD680" s="130"/>
      <c r="AE680" s="130"/>
      <c r="AF680" s="130"/>
      <c r="AG680" s="130"/>
      <c r="AH680" s="130"/>
      <c r="AI680" s="130"/>
      <c r="AJ680" s="130"/>
      <c r="AK680" s="130"/>
      <c r="AL680" s="130"/>
      <c r="AM680" s="130"/>
      <c r="AN680" s="130"/>
      <c r="AO680" s="134"/>
      <c r="AP680" s="114"/>
      <c r="AQ680" s="114"/>
    </row>
    <row r="681" spans="1:43">
      <c r="F681" s="141"/>
      <c r="G681" s="141"/>
      <c r="H681" s="141"/>
      <c r="I681" s="141"/>
      <c r="J681" s="141"/>
      <c r="K681" s="141"/>
      <c r="L681" s="141"/>
      <c r="M681" s="141"/>
      <c r="N681" s="141"/>
      <c r="O681" s="131"/>
      <c r="P681" s="141"/>
      <c r="Q681" s="141"/>
      <c r="R681" s="141"/>
      <c r="S681" s="141"/>
      <c r="T681" s="141"/>
      <c r="U681" s="141"/>
      <c r="V681" s="141"/>
      <c r="W681" s="141"/>
      <c r="X681" s="141"/>
      <c r="Y681" s="141"/>
      <c r="Z681" s="141"/>
      <c r="AA681" s="141"/>
      <c r="AB681" s="141"/>
      <c r="AC681" s="141"/>
      <c r="AD681" s="141"/>
      <c r="AE681" s="141"/>
      <c r="AF681" s="141"/>
      <c r="AG681" s="141"/>
      <c r="AH681" s="141"/>
      <c r="AI681" s="141"/>
      <c r="AJ681" s="141"/>
      <c r="AK681" s="141"/>
      <c r="AL681" s="141"/>
      <c r="AM681" s="141"/>
      <c r="AN681" s="141"/>
      <c r="AO681" s="144"/>
      <c r="AP681" s="137"/>
      <c r="AQ681" s="137"/>
    </row>
    <row r="682" spans="1:43">
      <c r="F682" s="141"/>
      <c r="G682" s="141"/>
      <c r="H682" s="141"/>
      <c r="I682" s="141"/>
      <c r="J682" s="141"/>
      <c r="K682" s="141"/>
      <c r="L682" s="141"/>
      <c r="M682" s="141"/>
      <c r="N682" s="141"/>
      <c r="O682" s="131"/>
      <c r="P682" s="141"/>
      <c r="Q682" s="141"/>
      <c r="R682" s="141"/>
      <c r="S682" s="141"/>
      <c r="T682" s="141"/>
      <c r="U682" s="141"/>
      <c r="V682" s="141"/>
      <c r="W682" s="141"/>
      <c r="X682" s="141"/>
      <c r="Y682" s="141"/>
      <c r="Z682" s="141"/>
      <c r="AA682" s="141"/>
      <c r="AB682" s="141"/>
      <c r="AC682" s="141"/>
      <c r="AD682" s="141"/>
      <c r="AE682" s="141"/>
      <c r="AF682" s="141"/>
      <c r="AG682" s="141"/>
      <c r="AH682" s="141"/>
      <c r="AI682" s="141"/>
      <c r="AJ682" s="141"/>
      <c r="AK682" s="141"/>
      <c r="AL682" s="141"/>
      <c r="AM682" s="141"/>
      <c r="AN682" s="141"/>
      <c r="AO682" s="144"/>
      <c r="AP682" s="137"/>
      <c r="AQ682" s="137"/>
    </row>
    <row r="683" spans="1:43">
      <c r="F683" s="130"/>
      <c r="G683" s="130"/>
      <c r="H683" s="130"/>
      <c r="I683" s="130"/>
      <c r="J683" s="130"/>
      <c r="K683" s="130"/>
      <c r="L683" s="130"/>
      <c r="M683" s="130"/>
      <c r="N683" s="130"/>
      <c r="O683" s="131"/>
      <c r="P683" s="130"/>
      <c r="Q683" s="130"/>
      <c r="R683" s="130"/>
      <c r="S683" s="130"/>
      <c r="T683" s="130"/>
      <c r="U683" s="130"/>
      <c r="V683" s="130"/>
      <c r="W683" s="130"/>
      <c r="X683" s="130"/>
      <c r="Y683" s="130"/>
      <c r="Z683" s="130"/>
      <c r="AA683" s="130"/>
      <c r="AB683" s="130"/>
      <c r="AC683" s="130"/>
      <c r="AD683" s="130"/>
      <c r="AE683" s="130"/>
      <c r="AF683" s="130"/>
      <c r="AG683" s="130"/>
      <c r="AH683" s="130"/>
      <c r="AI683" s="130"/>
      <c r="AJ683" s="130"/>
      <c r="AK683" s="130"/>
      <c r="AL683" s="130"/>
      <c r="AM683" s="130"/>
      <c r="AN683" s="130"/>
      <c r="AO683" s="134"/>
      <c r="AP683" s="114"/>
      <c r="AQ683" s="114"/>
    </row>
    <row r="684" spans="1:43">
      <c r="F684" s="130"/>
      <c r="G684" s="130"/>
      <c r="H684" s="130"/>
      <c r="I684" s="130"/>
      <c r="J684" s="130"/>
      <c r="K684" s="130"/>
      <c r="L684" s="130"/>
      <c r="M684" s="130"/>
      <c r="N684" s="130"/>
      <c r="O684" s="131"/>
      <c r="P684" s="130"/>
      <c r="Q684" s="130"/>
      <c r="R684" s="130"/>
      <c r="S684" s="130"/>
      <c r="T684" s="130"/>
      <c r="U684" s="130"/>
      <c r="V684" s="130"/>
      <c r="W684" s="130"/>
      <c r="X684" s="130"/>
      <c r="Y684" s="130"/>
      <c r="Z684" s="130"/>
      <c r="AA684" s="130"/>
      <c r="AB684" s="130"/>
      <c r="AC684" s="130"/>
      <c r="AD684" s="130"/>
      <c r="AE684" s="130"/>
      <c r="AF684" s="130"/>
      <c r="AG684" s="130"/>
      <c r="AH684" s="130"/>
      <c r="AI684" s="130"/>
      <c r="AJ684" s="130"/>
      <c r="AK684" s="130"/>
      <c r="AL684" s="130"/>
      <c r="AM684" s="130"/>
      <c r="AN684" s="130"/>
      <c r="AO684" s="134"/>
      <c r="AP684" s="114"/>
      <c r="AQ684" s="114"/>
    </row>
    <row r="685" spans="1:43">
      <c r="F685" s="62"/>
      <c r="G685" s="62"/>
      <c r="H685" s="62"/>
      <c r="I685" s="62"/>
      <c r="J685" s="62"/>
      <c r="K685" s="62"/>
      <c r="L685" s="62"/>
      <c r="M685" s="62"/>
      <c r="N685" s="62"/>
      <c r="O685" s="62"/>
      <c r="P685" s="62"/>
      <c r="Q685" s="62"/>
      <c r="R685" s="62"/>
      <c r="S685" s="62"/>
      <c r="T685" s="62"/>
      <c r="U685" s="62"/>
      <c r="V685" s="62"/>
      <c r="W685" s="62"/>
      <c r="X685" s="62"/>
      <c r="Y685" s="62"/>
      <c r="Z685" s="62"/>
      <c r="AA685" s="62"/>
      <c r="AB685" s="62"/>
      <c r="AC685" s="62"/>
      <c r="AD685" s="62"/>
      <c r="AE685" s="62"/>
      <c r="AF685" s="62"/>
      <c r="AG685" s="62"/>
      <c r="AH685" s="62"/>
      <c r="AI685" s="62"/>
      <c r="AJ685" s="62"/>
      <c r="AK685" s="62"/>
      <c r="AL685" s="62"/>
      <c r="AM685" s="62"/>
      <c r="AN685" s="62"/>
      <c r="AO685" s="62"/>
      <c r="AP685" s="62"/>
      <c r="AQ685" s="62"/>
    </row>
    <row r="686" spans="1:43">
      <c r="F686" s="62"/>
      <c r="G686" s="62"/>
      <c r="H686" s="62"/>
      <c r="I686" s="62"/>
      <c r="J686" s="62"/>
      <c r="K686" s="62"/>
      <c r="L686" s="62"/>
      <c r="M686" s="62"/>
      <c r="N686" s="62"/>
      <c r="O686" s="62"/>
      <c r="P686" s="62"/>
      <c r="Q686" s="62"/>
      <c r="R686" s="62"/>
      <c r="S686" s="62"/>
      <c r="T686" s="62"/>
      <c r="U686" s="62"/>
      <c r="V686" s="62"/>
      <c r="W686" s="62"/>
      <c r="X686" s="62"/>
      <c r="Y686" s="62"/>
      <c r="Z686" s="62"/>
      <c r="AA686" s="62"/>
      <c r="AB686" s="62"/>
      <c r="AC686" s="62"/>
      <c r="AD686" s="62"/>
      <c r="AE686" s="62"/>
      <c r="AF686" s="62"/>
      <c r="AG686" s="62"/>
      <c r="AH686" s="62"/>
      <c r="AI686" s="62"/>
      <c r="AJ686" s="62"/>
      <c r="AK686" s="62"/>
      <c r="AL686" s="62"/>
      <c r="AM686" s="62"/>
      <c r="AN686" s="62"/>
      <c r="AO686" s="62"/>
      <c r="AP686" s="62"/>
      <c r="AQ686" s="62"/>
    </row>
    <row r="687" spans="1:43">
      <c r="F687" s="62"/>
      <c r="G687" s="62"/>
      <c r="H687" s="62"/>
      <c r="I687" s="62"/>
      <c r="J687" s="62"/>
      <c r="K687" s="62"/>
      <c r="L687" s="62"/>
      <c r="M687" s="62"/>
      <c r="N687" s="62"/>
      <c r="O687" s="62"/>
      <c r="P687" s="62"/>
      <c r="Q687" s="62"/>
      <c r="R687" s="62"/>
      <c r="S687" s="62"/>
      <c r="T687" s="62"/>
      <c r="U687" s="62"/>
      <c r="V687" s="62"/>
      <c r="W687" s="62"/>
      <c r="X687" s="62"/>
      <c r="Y687" s="62"/>
      <c r="Z687" s="62"/>
      <c r="AA687" s="62"/>
      <c r="AB687" s="62"/>
      <c r="AC687" s="62"/>
      <c r="AD687" s="62"/>
      <c r="AE687" s="62"/>
      <c r="AF687" s="62"/>
      <c r="AG687" s="62"/>
      <c r="AH687" s="62"/>
      <c r="AI687" s="62"/>
      <c r="AJ687" s="62"/>
      <c r="AK687" s="62"/>
      <c r="AL687" s="62"/>
      <c r="AM687" s="62"/>
      <c r="AN687" s="62"/>
      <c r="AO687" s="62"/>
      <c r="AP687" s="62"/>
      <c r="AQ687" s="62"/>
    </row>
    <row r="688" spans="1:43">
      <c r="F688" s="62"/>
      <c r="G688" s="62"/>
      <c r="H688" s="62"/>
      <c r="I688" s="62"/>
      <c r="J688" s="62"/>
      <c r="K688" s="62"/>
      <c r="L688" s="62"/>
      <c r="M688" s="62"/>
      <c r="N688" s="62"/>
      <c r="O688" s="62"/>
      <c r="P688" s="62"/>
      <c r="Q688" s="62"/>
      <c r="R688" s="62"/>
      <c r="S688" s="62"/>
      <c r="T688" s="62"/>
      <c r="U688" s="62"/>
      <c r="V688" s="62"/>
      <c r="W688" s="62"/>
      <c r="X688" s="62"/>
      <c r="Y688" s="62"/>
      <c r="Z688" s="62"/>
      <c r="AA688" s="62"/>
      <c r="AB688" s="62"/>
      <c r="AC688" s="62"/>
      <c r="AD688" s="62"/>
      <c r="AE688" s="62"/>
      <c r="AF688" s="62"/>
      <c r="AG688" s="62"/>
      <c r="AH688" s="62"/>
      <c r="AI688" s="62"/>
      <c r="AJ688" s="62"/>
      <c r="AK688" s="62"/>
      <c r="AL688" s="62"/>
      <c r="AM688" s="62"/>
      <c r="AN688" s="62"/>
      <c r="AO688" s="62"/>
      <c r="AP688" s="62"/>
      <c r="AQ688" s="62"/>
    </row>
    <row r="689" spans="6:43">
      <c r="F689" s="62"/>
      <c r="G689" s="62"/>
      <c r="H689" s="62"/>
      <c r="I689" s="62"/>
      <c r="J689" s="62"/>
      <c r="K689" s="62"/>
      <c r="L689" s="62"/>
      <c r="M689" s="62"/>
      <c r="N689" s="62"/>
      <c r="O689" s="62"/>
      <c r="P689" s="62"/>
      <c r="Q689" s="62"/>
      <c r="R689" s="62"/>
      <c r="S689" s="62"/>
      <c r="T689" s="62"/>
      <c r="U689" s="62"/>
      <c r="V689" s="62"/>
      <c r="W689" s="62"/>
      <c r="X689" s="62"/>
      <c r="Y689" s="62"/>
      <c r="Z689" s="62"/>
      <c r="AA689" s="62"/>
      <c r="AB689" s="62"/>
      <c r="AC689" s="62"/>
      <c r="AD689" s="62"/>
      <c r="AE689" s="62"/>
      <c r="AF689" s="62"/>
      <c r="AG689" s="62"/>
      <c r="AH689" s="62"/>
      <c r="AI689" s="62"/>
      <c r="AJ689" s="62"/>
      <c r="AK689" s="62"/>
      <c r="AL689" s="62"/>
      <c r="AM689" s="62"/>
      <c r="AN689" s="62"/>
      <c r="AO689" s="62"/>
      <c r="AP689" s="62"/>
      <c r="AQ689" s="62"/>
    </row>
    <row r="690" spans="6:43">
      <c r="F690" s="141"/>
      <c r="G690" s="141"/>
      <c r="H690" s="141"/>
      <c r="I690" s="141"/>
      <c r="J690" s="141"/>
      <c r="K690" s="141"/>
      <c r="L690" s="141"/>
      <c r="M690" s="141"/>
      <c r="N690" s="141"/>
      <c r="O690" s="131"/>
      <c r="P690" s="141"/>
      <c r="Q690" s="141"/>
      <c r="R690" s="141"/>
      <c r="S690" s="141"/>
      <c r="T690" s="141"/>
      <c r="U690" s="141"/>
      <c r="V690" s="141"/>
      <c r="W690" s="141"/>
      <c r="X690" s="141"/>
      <c r="Y690" s="141"/>
      <c r="Z690" s="141"/>
      <c r="AA690" s="141"/>
      <c r="AB690" s="141"/>
      <c r="AC690" s="141"/>
      <c r="AD690" s="141"/>
      <c r="AE690" s="141"/>
      <c r="AF690" s="141"/>
      <c r="AG690" s="141"/>
      <c r="AH690" s="141"/>
      <c r="AI690" s="141"/>
      <c r="AJ690" s="141"/>
      <c r="AK690" s="141"/>
      <c r="AL690" s="141"/>
      <c r="AM690" s="141"/>
      <c r="AN690" s="141"/>
      <c r="AO690" s="144"/>
      <c r="AP690" s="137"/>
      <c r="AQ690" s="137"/>
    </row>
    <row r="691" spans="6:43">
      <c r="F691" s="130"/>
      <c r="G691" s="130"/>
      <c r="H691" s="130"/>
      <c r="I691" s="130"/>
      <c r="J691" s="130"/>
      <c r="K691" s="130"/>
      <c r="L691" s="130"/>
      <c r="M691" s="130"/>
      <c r="N691" s="130"/>
      <c r="O691" s="131"/>
      <c r="P691" s="130"/>
      <c r="Q691" s="130"/>
      <c r="R691" s="130"/>
      <c r="S691" s="130"/>
      <c r="T691" s="130"/>
      <c r="U691" s="130"/>
      <c r="V691" s="130"/>
      <c r="W691" s="130"/>
      <c r="X691" s="130"/>
      <c r="Y691" s="130"/>
      <c r="Z691" s="130"/>
      <c r="AA691" s="130"/>
      <c r="AB691" s="130"/>
      <c r="AC691" s="130"/>
      <c r="AD691" s="130"/>
      <c r="AE691" s="130"/>
      <c r="AF691" s="130"/>
      <c r="AG691" s="130"/>
      <c r="AH691" s="130"/>
      <c r="AI691" s="130"/>
      <c r="AJ691" s="130"/>
      <c r="AK691" s="130"/>
      <c r="AL691" s="130"/>
      <c r="AM691" s="130"/>
      <c r="AN691" s="130"/>
      <c r="AO691" s="134"/>
      <c r="AP691" s="114"/>
      <c r="AQ691" s="114"/>
    </row>
    <row r="692" spans="6:43">
      <c r="F692" s="141"/>
      <c r="G692" s="141"/>
      <c r="H692" s="141"/>
      <c r="I692" s="141"/>
      <c r="J692" s="141"/>
      <c r="K692" s="141"/>
      <c r="L692" s="141"/>
      <c r="M692" s="141"/>
      <c r="N692" s="141"/>
      <c r="O692" s="131"/>
      <c r="P692" s="141"/>
      <c r="Q692" s="141"/>
      <c r="R692" s="141"/>
      <c r="S692" s="141"/>
      <c r="T692" s="141"/>
      <c r="U692" s="141"/>
      <c r="V692" s="141"/>
      <c r="W692" s="141"/>
      <c r="X692" s="141"/>
      <c r="Y692" s="141"/>
      <c r="Z692" s="141"/>
      <c r="AA692" s="141"/>
      <c r="AB692" s="141"/>
      <c r="AC692" s="141"/>
      <c r="AD692" s="141"/>
      <c r="AE692" s="141"/>
      <c r="AF692" s="141"/>
      <c r="AG692" s="141"/>
      <c r="AH692" s="141"/>
      <c r="AI692" s="141"/>
      <c r="AJ692" s="141"/>
      <c r="AK692" s="141"/>
      <c r="AL692" s="141"/>
      <c r="AM692" s="141"/>
      <c r="AN692" s="141"/>
      <c r="AO692" s="144"/>
      <c r="AP692" s="137"/>
      <c r="AQ692" s="137"/>
    </row>
    <row r="693" spans="6:43">
      <c r="F693" s="130"/>
      <c r="G693" s="130"/>
      <c r="H693" s="130"/>
      <c r="I693" s="130"/>
      <c r="J693" s="130"/>
      <c r="K693" s="130"/>
      <c r="L693" s="130"/>
      <c r="M693" s="130"/>
      <c r="N693" s="130"/>
      <c r="O693" s="131"/>
      <c r="P693" s="130"/>
      <c r="Q693" s="130"/>
      <c r="R693" s="130"/>
      <c r="S693" s="130"/>
      <c r="T693" s="130"/>
      <c r="U693" s="130"/>
      <c r="V693" s="130"/>
      <c r="W693" s="130"/>
      <c r="X693" s="130"/>
      <c r="Y693" s="130"/>
      <c r="Z693" s="130"/>
      <c r="AA693" s="130"/>
      <c r="AB693" s="130"/>
      <c r="AC693" s="130"/>
      <c r="AD693" s="130"/>
      <c r="AE693" s="130"/>
      <c r="AF693" s="130"/>
      <c r="AG693" s="130"/>
      <c r="AH693" s="130"/>
      <c r="AI693" s="130"/>
      <c r="AJ693" s="130"/>
      <c r="AK693" s="130"/>
      <c r="AL693" s="130"/>
      <c r="AM693" s="130"/>
      <c r="AN693" s="130"/>
      <c r="AO693" s="134"/>
      <c r="AP693" s="114"/>
      <c r="AQ693" s="114"/>
    </row>
    <row r="694" spans="6:43">
      <c r="F694" s="141"/>
      <c r="G694" s="141"/>
      <c r="H694" s="141"/>
      <c r="I694" s="141"/>
      <c r="J694" s="141"/>
      <c r="K694" s="141"/>
      <c r="L694" s="141"/>
      <c r="M694" s="141"/>
      <c r="N694" s="141"/>
      <c r="O694" s="131"/>
      <c r="P694" s="141"/>
      <c r="Q694" s="141"/>
      <c r="R694" s="141"/>
      <c r="S694" s="141"/>
      <c r="T694" s="141"/>
      <c r="U694" s="141"/>
      <c r="V694" s="141"/>
      <c r="W694" s="141"/>
      <c r="X694" s="141"/>
      <c r="Y694" s="141"/>
      <c r="Z694" s="141"/>
      <c r="AA694" s="141"/>
      <c r="AB694" s="141"/>
      <c r="AC694" s="141"/>
      <c r="AD694" s="141"/>
      <c r="AE694" s="141"/>
      <c r="AF694" s="141"/>
      <c r="AG694" s="141"/>
      <c r="AH694" s="141"/>
      <c r="AI694" s="141"/>
      <c r="AJ694" s="141"/>
      <c r="AK694" s="141"/>
      <c r="AL694" s="141"/>
      <c r="AM694" s="141"/>
      <c r="AN694" s="141"/>
      <c r="AO694" s="144"/>
      <c r="AP694" s="137"/>
      <c r="AQ694" s="137"/>
    </row>
    <row r="695" spans="6:43">
      <c r="F695" s="130"/>
      <c r="G695" s="130"/>
      <c r="H695" s="130"/>
      <c r="I695" s="130"/>
      <c r="J695" s="130"/>
      <c r="K695" s="130"/>
      <c r="L695" s="130"/>
      <c r="M695" s="130"/>
      <c r="N695" s="130"/>
      <c r="O695" s="131"/>
      <c r="P695" s="130"/>
      <c r="Q695" s="130"/>
      <c r="R695" s="130"/>
      <c r="S695" s="130"/>
      <c r="T695" s="130"/>
      <c r="U695" s="130"/>
      <c r="V695" s="130"/>
      <c r="W695" s="130"/>
      <c r="X695" s="130"/>
      <c r="Y695" s="130"/>
      <c r="Z695" s="130"/>
      <c r="AA695" s="130"/>
      <c r="AB695" s="130"/>
      <c r="AC695" s="130"/>
      <c r="AD695" s="130"/>
      <c r="AE695" s="130"/>
      <c r="AF695" s="130"/>
      <c r="AG695" s="130"/>
      <c r="AH695" s="130"/>
      <c r="AI695" s="130"/>
      <c r="AJ695" s="130"/>
      <c r="AK695" s="130"/>
      <c r="AL695" s="130"/>
      <c r="AM695" s="130"/>
      <c r="AN695" s="130"/>
      <c r="AO695" s="134"/>
      <c r="AP695" s="114"/>
      <c r="AQ695" s="114"/>
    </row>
    <row r="696" spans="6:43">
      <c r="F696" s="62"/>
      <c r="G696" s="62"/>
      <c r="H696" s="62"/>
      <c r="I696" s="62"/>
      <c r="J696" s="62"/>
      <c r="K696" s="62"/>
      <c r="L696" s="62"/>
      <c r="M696" s="62"/>
      <c r="N696" s="62"/>
      <c r="O696" s="62"/>
      <c r="P696" s="62"/>
      <c r="Q696" s="62"/>
      <c r="R696" s="62"/>
      <c r="S696" s="62"/>
      <c r="T696" s="62"/>
      <c r="U696" s="62"/>
      <c r="V696" s="62"/>
      <c r="W696" s="62"/>
      <c r="X696" s="62"/>
      <c r="Y696" s="62"/>
      <c r="Z696" s="62"/>
      <c r="AA696" s="62"/>
      <c r="AB696" s="62"/>
      <c r="AC696" s="62"/>
      <c r="AD696" s="62"/>
      <c r="AE696" s="62"/>
      <c r="AF696" s="62"/>
      <c r="AG696" s="62"/>
      <c r="AH696" s="62"/>
      <c r="AI696" s="62"/>
      <c r="AJ696" s="62"/>
      <c r="AK696" s="62"/>
      <c r="AL696" s="62"/>
      <c r="AM696" s="62"/>
      <c r="AN696" s="62"/>
      <c r="AO696" s="62"/>
      <c r="AP696" s="62"/>
      <c r="AQ696" s="62"/>
    </row>
    <row r="697" spans="6:43">
      <c r="F697" s="130"/>
      <c r="G697" s="130"/>
      <c r="H697" s="130"/>
      <c r="I697" s="130"/>
      <c r="J697" s="130"/>
      <c r="K697" s="130"/>
      <c r="L697" s="130"/>
      <c r="M697" s="130"/>
      <c r="N697" s="130"/>
      <c r="O697" s="131"/>
      <c r="P697" s="130"/>
      <c r="Q697" s="130"/>
      <c r="R697" s="130"/>
      <c r="S697" s="130"/>
      <c r="T697" s="130"/>
      <c r="U697" s="130"/>
      <c r="V697" s="130"/>
      <c r="W697" s="130"/>
      <c r="X697" s="130"/>
      <c r="Y697" s="130"/>
      <c r="Z697" s="130"/>
      <c r="AA697" s="130"/>
      <c r="AB697" s="130"/>
      <c r="AC697" s="130"/>
      <c r="AD697" s="130"/>
      <c r="AE697" s="130"/>
      <c r="AF697" s="130"/>
      <c r="AG697" s="130"/>
      <c r="AH697" s="130"/>
      <c r="AI697" s="130"/>
      <c r="AJ697" s="130"/>
      <c r="AK697" s="130"/>
      <c r="AL697" s="130"/>
      <c r="AM697" s="130"/>
      <c r="AN697" s="130"/>
      <c r="AO697" s="134"/>
      <c r="AP697" s="114"/>
      <c r="AQ697" s="114"/>
    </row>
    <row r="698" spans="6:43">
      <c r="F698" s="130"/>
      <c r="G698" s="130"/>
      <c r="H698" s="130"/>
      <c r="I698" s="130"/>
      <c r="J698" s="130"/>
      <c r="K698" s="130"/>
      <c r="L698" s="130"/>
      <c r="M698" s="130"/>
      <c r="N698" s="130"/>
      <c r="O698" s="131"/>
      <c r="P698" s="130"/>
      <c r="Q698" s="130"/>
      <c r="R698" s="130"/>
      <c r="S698" s="130"/>
      <c r="T698" s="130"/>
      <c r="U698" s="130"/>
      <c r="V698" s="130"/>
      <c r="W698" s="130"/>
      <c r="X698" s="130"/>
      <c r="Y698" s="130"/>
      <c r="Z698" s="130"/>
      <c r="AA698" s="130"/>
      <c r="AB698" s="130"/>
      <c r="AC698" s="130"/>
      <c r="AD698" s="130"/>
      <c r="AE698" s="130"/>
      <c r="AF698" s="130"/>
      <c r="AG698" s="130"/>
      <c r="AH698" s="130"/>
      <c r="AI698" s="130"/>
      <c r="AJ698" s="130"/>
      <c r="AK698" s="130"/>
      <c r="AL698" s="130"/>
      <c r="AM698" s="130"/>
      <c r="AN698" s="130"/>
      <c r="AO698" s="134"/>
      <c r="AP698" s="114"/>
      <c r="AQ698" s="114"/>
    </row>
    <row r="699" spans="6:43">
      <c r="F699" s="130"/>
      <c r="G699" s="130"/>
      <c r="H699" s="130"/>
      <c r="I699" s="130"/>
      <c r="J699" s="130"/>
      <c r="K699" s="130"/>
      <c r="L699" s="130"/>
      <c r="M699" s="130"/>
      <c r="N699" s="130"/>
      <c r="O699" s="131"/>
      <c r="P699" s="130"/>
      <c r="Q699" s="130"/>
      <c r="R699" s="130"/>
      <c r="S699" s="130"/>
      <c r="T699" s="130"/>
      <c r="U699" s="130"/>
      <c r="V699" s="130"/>
      <c r="W699" s="130"/>
      <c r="X699" s="130"/>
      <c r="Y699" s="130"/>
      <c r="Z699" s="130"/>
      <c r="AA699" s="130"/>
      <c r="AB699" s="130"/>
      <c r="AC699" s="130"/>
      <c r="AD699" s="130"/>
      <c r="AE699" s="130"/>
      <c r="AF699" s="130"/>
      <c r="AG699" s="130"/>
      <c r="AH699" s="130"/>
      <c r="AI699" s="130"/>
      <c r="AJ699" s="130"/>
      <c r="AK699" s="130"/>
      <c r="AL699" s="130"/>
      <c r="AM699" s="130"/>
      <c r="AN699" s="130"/>
      <c r="AO699" s="134"/>
      <c r="AP699" s="114"/>
      <c r="AQ699" s="114"/>
    </row>
    <row r="700" spans="6:43">
      <c r="F700" s="130"/>
      <c r="G700" s="130"/>
      <c r="H700" s="130"/>
      <c r="I700" s="130"/>
      <c r="J700" s="130"/>
      <c r="K700" s="130"/>
      <c r="L700" s="130"/>
      <c r="M700" s="130"/>
      <c r="N700" s="130"/>
      <c r="O700" s="131"/>
      <c r="P700" s="130"/>
      <c r="Q700" s="130"/>
      <c r="R700" s="130"/>
      <c r="S700" s="130"/>
      <c r="T700" s="130"/>
      <c r="U700" s="130"/>
      <c r="V700" s="130"/>
      <c r="W700" s="130"/>
      <c r="X700" s="130"/>
      <c r="Y700" s="130"/>
      <c r="Z700" s="130"/>
      <c r="AA700" s="130"/>
      <c r="AB700" s="130"/>
      <c r="AC700" s="130"/>
      <c r="AD700" s="130"/>
      <c r="AE700" s="130"/>
      <c r="AF700" s="130"/>
      <c r="AG700" s="130"/>
      <c r="AH700" s="130"/>
      <c r="AI700" s="130"/>
      <c r="AJ700" s="130"/>
      <c r="AK700" s="130"/>
      <c r="AL700" s="130"/>
      <c r="AM700" s="130"/>
      <c r="AN700" s="130"/>
      <c r="AO700" s="134"/>
      <c r="AP700" s="114"/>
      <c r="AQ700" s="114"/>
    </row>
    <row r="701" spans="6:43">
      <c r="F701" s="141"/>
      <c r="G701" s="141"/>
      <c r="H701" s="141"/>
      <c r="I701" s="141"/>
      <c r="J701" s="141"/>
      <c r="K701" s="141"/>
      <c r="L701" s="141"/>
      <c r="M701" s="141"/>
      <c r="N701" s="141"/>
      <c r="O701" s="131"/>
      <c r="P701" s="141"/>
      <c r="Q701" s="141"/>
      <c r="R701" s="141"/>
      <c r="S701" s="141"/>
      <c r="T701" s="141"/>
      <c r="U701" s="141"/>
      <c r="V701" s="141"/>
      <c r="W701" s="141"/>
      <c r="X701" s="141"/>
      <c r="Y701" s="141"/>
      <c r="Z701" s="141"/>
      <c r="AA701" s="141"/>
      <c r="AB701" s="141"/>
      <c r="AC701" s="141"/>
      <c r="AD701" s="141"/>
      <c r="AE701" s="141"/>
      <c r="AF701" s="141"/>
      <c r="AG701" s="141"/>
      <c r="AH701" s="141"/>
      <c r="AI701" s="141"/>
      <c r="AJ701" s="141"/>
      <c r="AK701" s="141"/>
      <c r="AL701" s="141"/>
      <c r="AM701" s="141"/>
      <c r="AN701" s="141"/>
      <c r="AO701" s="144"/>
      <c r="AP701" s="137"/>
      <c r="AQ701" s="137"/>
    </row>
    <row r="702" spans="6:43">
      <c r="F702" s="141"/>
      <c r="G702" s="141"/>
      <c r="H702" s="141"/>
      <c r="I702" s="141"/>
      <c r="J702" s="141"/>
      <c r="K702" s="141"/>
      <c r="L702" s="141"/>
      <c r="M702" s="141"/>
      <c r="N702" s="141"/>
      <c r="O702" s="131"/>
      <c r="P702" s="141"/>
      <c r="Q702" s="141"/>
      <c r="R702" s="141"/>
      <c r="S702" s="141"/>
      <c r="T702" s="141"/>
      <c r="U702" s="141"/>
      <c r="V702" s="141"/>
      <c r="W702" s="141"/>
      <c r="X702" s="141"/>
      <c r="Y702" s="141"/>
      <c r="Z702" s="141"/>
      <c r="AA702" s="141"/>
      <c r="AB702" s="141"/>
      <c r="AC702" s="141"/>
      <c r="AD702" s="141"/>
      <c r="AE702" s="141"/>
      <c r="AF702" s="141"/>
      <c r="AG702" s="141"/>
      <c r="AH702" s="141"/>
      <c r="AI702" s="141"/>
      <c r="AJ702" s="141"/>
      <c r="AK702" s="141"/>
      <c r="AL702" s="141"/>
      <c r="AM702" s="141"/>
      <c r="AN702" s="141"/>
      <c r="AO702" s="144"/>
      <c r="AP702" s="137"/>
      <c r="AQ702" s="137"/>
    </row>
    <row r="703" spans="6:43">
      <c r="F703" s="62"/>
      <c r="G703" s="62"/>
      <c r="H703" s="62"/>
      <c r="I703" s="62"/>
      <c r="J703" s="62"/>
      <c r="K703" s="62"/>
      <c r="L703" s="62"/>
      <c r="M703" s="62"/>
      <c r="N703" s="62"/>
      <c r="O703" s="62"/>
      <c r="P703" s="62"/>
      <c r="Q703" s="62"/>
      <c r="R703" s="62"/>
      <c r="S703" s="62"/>
      <c r="T703" s="62"/>
      <c r="U703" s="62"/>
      <c r="V703" s="62"/>
      <c r="W703" s="62"/>
      <c r="X703" s="62"/>
      <c r="Y703" s="62"/>
      <c r="Z703" s="62"/>
      <c r="AA703" s="62"/>
      <c r="AB703" s="62"/>
      <c r="AC703" s="62"/>
      <c r="AD703" s="62"/>
      <c r="AE703" s="62"/>
      <c r="AF703" s="62"/>
      <c r="AG703" s="62"/>
      <c r="AH703" s="62"/>
      <c r="AI703" s="62"/>
      <c r="AJ703" s="62"/>
      <c r="AK703" s="62"/>
      <c r="AL703" s="62"/>
      <c r="AM703" s="62"/>
      <c r="AN703" s="62"/>
      <c r="AO703" s="62"/>
      <c r="AP703" s="62"/>
      <c r="AQ703" s="62"/>
    </row>
    <row r="704" spans="6:43">
      <c r="F704" s="141"/>
      <c r="G704" s="141"/>
      <c r="H704" s="141"/>
      <c r="I704" s="141"/>
      <c r="J704" s="141"/>
      <c r="K704" s="141"/>
      <c r="L704" s="141"/>
      <c r="M704" s="141"/>
      <c r="N704" s="141"/>
      <c r="O704" s="131"/>
      <c r="P704" s="141"/>
      <c r="Q704" s="141"/>
      <c r="R704" s="141"/>
      <c r="S704" s="141"/>
      <c r="T704" s="141"/>
      <c r="U704" s="141"/>
      <c r="V704" s="141"/>
      <c r="W704" s="141"/>
      <c r="X704" s="141"/>
      <c r="Y704" s="141"/>
      <c r="Z704" s="141"/>
      <c r="AA704" s="141"/>
      <c r="AB704" s="141"/>
      <c r="AC704" s="141"/>
      <c r="AD704" s="141"/>
      <c r="AE704" s="141"/>
      <c r="AF704" s="141"/>
      <c r="AG704" s="141"/>
      <c r="AH704" s="141"/>
      <c r="AI704" s="141"/>
      <c r="AJ704" s="141"/>
      <c r="AK704" s="141"/>
      <c r="AL704" s="141"/>
      <c r="AM704" s="141"/>
      <c r="AN704" s="141"/>
      <c r="AO704" s="144"/>
      <c r="AP704" s="137"/>
      <c r="AQ704" s="137"/>
    </row>
    <row r="705" spans="6:43">
      <c r="F705" s="141"/>
      <c r="G705" s="141"/>
      <c r="H705" s="141"/>
      <c r="I705" s="141"/>
      <c r="J705" s="141"/>
      <c r="K705" s="141"/>
      <c r="L705" s="141"/>
      <c r="M705" s="141"/>
      <c r="N705" s="141"/>
      <c r="O705" s="131"/>
      <c r="P705" s="141"/>
      <c r="Q705" s="141"/>
      <c r="R705" s="141"/>
      <c r="S705" s="141"/>
      <c r="T705" s="141"/>
      <c r="U705" s="141"/>
      <c r="V705" s="141"/>
      <c r="W705" s="141"/>
      <c r="X705" s="141"/>
      <c r="Y705" s="141"/>
      <c r="Z705" s="141"/>
      <c r="AA705" s="141"/>
      <c r="AB705" s="141"/>
      <c r="AC705" s="141"/>
      <c r="AD705" s="141"/>
      <c r="AE705" s="141"/>
      <c r="AF705" s="141"/>
      <c r="AG705" s="141"/>
      <c r="AH705" s="141"/>
      <c r="AI705" s="141"/>
      <c r="AJ705" s="141"/>
      <c r="AK705" s="141"/>
      <c r="AL705" s="141"/>
      <c r="AM705" s="141"/>
      <c r="AN705" s="141"/>
      <c r="AO705" s="144"/>
      <c r="AP705" s="137"/>
      <c r="AQ705" s="137"/>
    </row>
    <row r="706" spans="6:43">
      <c r="F706" s="141"/>
      <c r="G706" s="141"/>
      <c r="H706" s="141"/>
      <c r="I706" s="141"/>
      <c r="J706" s="141"/>
      <c r="K706" s="141"/>
      <c r="L706" s="141"/>
      <c r="M706" s="141"/>
      <c r="N706" s="141"/>
      <c r="O706" s="131"/>
      <c r="P706" s="141"/>
      <c r="Q706" s="141"/>
      <c r="R706" s="141"/>
      <c r="S706" s="141"/>
      <c r="T706" s="141"/>
      <c r="U706" s="141"/>
      <c r="V706" s="141"/>
      <c r="W706" s="141"/>
      <c r="X706" s="141"/>
      <c r="Y706" s="141"/>
      <c r="Z706" s="141"/>
      <c r="AA706" s="141"/>
      <c r="AB706" s="141"/>
      <c r="AC706" s="141"/>
      <c r="AD706" s="141"/>
      <c r="AE706" s="141"/>
      <c r="AF706" s="141"/>
      <c r="AG706" s="141"/>
      <c r="AH706" s="141"/>
      <c r="AI706" s="141"/>
      <c r="AJ706" s="141"/>
      <c r="AK706" s="141"/>
      <c r="AL706" s="141"/>
      <c r="AM706" s="141"/>
      <c r="AN706" s="141"/>
      <c r="AO706" s="144"/>
      <c r="AP706" s="137"/>
      <c r="AQ706" s="137"/>
    </row>
    <row r="707" spans="6:43">
      <c r="F707" s="62"/>
      <c r="G707" s="62"/>
      <c r="H707" s="62"/>
      <c r="I707" s="62"/>
      <c r="J707" s="62"/>
      <c r="K707" s="62"/>
      <c r="L707" s="62"/>
      <c r="M707" s="62"/>
      <c r="N707" s="62"/>
      <c r="O707" s="62"/>
      <c r="P707" s="62"/>
      <c r="Q707" s="62"/>
      <c r="R707" s="62"/>
      <c r="S707" s="62"/>
      <c r="T707" s="62"/>
      <c r="U707" s="62"/>
      <c r="V707" s="62"/>
      <c r="W707" s="62"/>
      <c r="X707" s="62"/>
      <c r="Y707" s="62"/>
      <c r="Z707" s="62"/>
      <c r="AA707" s="62"/>
      <c r="AB707" s="62"/>
      <c r="AC707" s="62"/>
      <c r="AD707" s="62"/>
      <c r="AE707" s="62"/>
      <c r="AF707" s="62"/>
      <c r="AG707" s="62"/>
      <c r="AH707" s="62"/>
      <c r="AI707" s="62"/>
      <c r="AJ707" s="62"/>
      <c r="AK707" s="62"/>
      <c r="AL707" s="62"/>
      <c r="AM707" s="62"/>
      <c r="AN707" s="62"/>
      <c r="AO707" s="62"/>
      <c r="AP707" s="62"/>
      <c r="AQ707" s="62"/>
    </row>
    <row r="708" spans="6:43">
      <c r="F708" s="62"/>
      <c r="G708" s="62"/>
      <c r="H708" s="62"/>
      <c r="I708" s="62"/>
      <c r="J708" s="62"/>
      <c r="K708" s="62"/>
      <c r="L708" s="62"/>
      <c r="M708" s="62"/>
      <c r="N708" s="62"/>
      <c r="O708" s="62"/>
      <c r="P708" s="62"/>
      <c r="Q708" s="62"/>
      <c r="R708" s="62"/>
      <c r="S708" s="62"/>
      <c r="T708" s="62"/>
      <c r="U708" s="62"/>
      <c r="V708" s="62"/>
      <c r="W708" s="62"/>
      <c r="X708" s="62"/>
      <c r="Y708" s="62"/>
      <c r="Z708" s="62"/>
      <c r="AA708" s="62"/>
      <c r="AB708" s="62"/>
      <c r="AC708" s="62"/>
      <c r="AD708" s="62"/>
      <c r="AE708" s="62"/>
      <c r="AF708" s="62"/>
      <c r="AG708" s="62"/>
      <c r="AH708" s="62"/>
      <c r="AI708" s="62"/>
      <c r="AJ708" s="62"/>
      <c r="AK708" s="62"/>
      <c r="AL708" s="62"/>
      <c r="AM708" s="62"/>
      <c r="AN708" s="62"/>
      <c r="AO708" s="62"/>
      <c r="AP708" s="62"/>
      <c r="AQ708" s="62"/>
    </row>
    <row r="709" spans="6:43">
      <c r="F709" s="62"/>
      <c r="G709" s="62"/>
      <c r="H709" s="62"/>
      <c r="I709" s="62"/>
      <c r="J709" s="62"/>
      <c r="K709" s="62"/>
      <c r="L709" s="62"/>
      <c r="M709" s="62"/>
      <c r="N709" s="62"/>
      <c r="O709" s="62"/>
      <c r="P709" s="62"/>
      <c r="Q709" s="62"/>
      <c r="R709" s="62"/>
      <c r="S709" s="62"/>
      <c r="T709" s="62"/>
      <c r="U709" s="62"/>
      <c r="V709" s="62"/>
      <c r="W709" s="62"/>
      <c r="X709" s="62"/>
      <c r="Y709" s="62"/>
      <c r="Z709" s="62"/>
      <c r="AA709" s="62"/>
      <c r="AB709" s="62"/>
      <c r="AC709" s="62"/>
      <c r="AD709" s="62"/>
      <c r="AE709" s="62"/>
      <c r="AF709" s="62"/>
      <c r="AG709" s="62"/>
      <c r="AH709" s="62"/>
      <c r="AI709" s="62"/>
      <c r="AJ709" s="62"/>
      <c r="AK709" s="62"/>
      <c r="AL709" s="62"/>
      <c r="AM709" s="62"/>
      <c r="AN709" s="62"/>
      <c r="AO709" s="62"/>
      <c r="AP709" s="62"/>
      <c r="AQ709" s="62"/>
    </row>
    <row r="710" spans="6:43">
      <c r="F710" s="62"/>
      <c r="G710" s="62"/>
      <c r="H710" s="62"/>
      <c r="I710" s="62"/>
      <c r="J710" s="62"/>
      <c r="K710" s="62"/>
      <c r="L710" s="62"/>
      <c r="M710" s="62"/>
      <c r="N710" s="62"/>
      <c r="O710" s="62"/>
      <c r="P710" s="62"/>
      <c r="Q710" s="62"/>
      <c r="R710" s="62"/>
      <c r="S710" s="62"/>
      <c r="T710" s="62"/>
      <c r="U710" s="62"/>
      <c r="V710" s="62"/>
      <c r="W710" s="62"/>
      <c r="X710" s="62"/>
      <c r="Y710" s="62"/>
      <c r="Z710" s="62"/>
      <c r="AA710" s="62"/>
      <c r="AB710" s="62"/>
      <c r="AC710" s="62"/>
      <c r="AD710" s="62"/>
      <c r="AE710" s="62"/>
      <c r="AF710" s="62"/>
      <c r="AG710" s="62"/>
      <c r="AH710" s="62"/>
      <c r="AI710" s="62"/>
      <c r="AJ710" s="62"/>
      <c r="AK710" s="62"/>
      <c r="AL710" s="62"/>
      <c r="AM710" s="62"/>
      <c r="AN710" s="62"/>
      <c r="AO710" s="62"/>
      <c r="AP710" s="62"/>
      <c r="AQ710" s="62"/>
    </row>
    <row r="711" spans="6:43">
      <c r="F711" s="141"/>
      <c r="G711" s="141"/>
      <c r="H711" s="141"/>
      <c r="I711" s="141"/>
      <c r="J711" s="141"/>
      <c r="K711" s="141"/>
      <c r="L711" s="141"/>
      <c r="M711" s="141"/>
      <c r="N711" s="141"/>
      <c r="O711" s="131"/>
      <c r="P711" s="141"/>
      <c r="Q711" s="141"/>
      <c r="R711" s="141"/>
      <c r="S711" s="141"/>
      <c r="T711" s="141"/>
      <c r="U711" s="141"/>
      <c r="V711" s="141"/>
      <c r="W711" s="141"/>
      <c r="X711" s="141"/>
      <c r="Y711" s="141"/>
      <c r="Z711" s="141"/>
      <c r="AA711" s="141"/>
      <c r="AB711" s="141"/>
      <c r="AC711" s="141"/>
      <c r="AD711" s="141"/>
      <c r="AE711" s="141"/>
      <c r="AF711" s="141"/>
      <c r="AG711" s="141"/>
      <c r="AH711" s="141"/>
      <c r="AI711" s="141"/>
      <c r="AJ711" s="141"/>
      <c r="AK711" s="141"/>
      <c r="AL711" s="141"/>
      <c r="AM711" s="141"/>
      <c r="AN711" s="141"/>
      <c r="AO711" s="144"/>
      <c r="AP711" s="137"/>
      <c r="AQ711" s="137"/>
    </row>
    <row r="712" spans="6:43">
      <c r="F712" s="62"/>
      <c r="G712" s="62"/>
      <c r="H712" s="62"/>
      <c r="I712" s="62"/>
      <c r="J712" s="62"/>
      <c r="K712" s="62"/>
      <c r="L712" s="62"/>
      <c r="M712" s="62"/>
      <c r="N712" s="62"/>
      <c r="O712" s="62"/>
      <c r="P712" s="62"/>
      <c r="Q712" s="62"/>
      <c r="R712" s="62"/>
      <c r="S712" s="62"/>
      <c r="T712" s="62"/>
      <c r="U712" s="62"/>
      <c r="V712" s="62"/>
      <c r="W712" s="62"/>
      <c r="X712" s="62"/>
      <c r="Y712" s="62"/>
      <c r="Z712" s="62"/>
      <c r="AA712" s="62"/>
      <c r="AB712" s="62"/>
      <c r="AC712" s="62"/>
      <c r="AD712" s="62"/>
      <c r="AE712" s="62"/>
      <c r="AF712" s="62"/>
      <c r="AG712" s="62"/>
      <c r="AH712" s="62"/>
      <c r="AI712" s="62"/>
      <c r="AJ712" s="62"/>
      <c r="AK712" s="62"/>
      <c r="AL712" s="62"/>
      <c r="AM712" s="62"/>
      <c r="AN712" s="62"/>
      <c r="AO712" s="62"/>
      <c r="AP712" s="62"/>
      <c r="AQ712" s="62"/>
    </row>
    <row r="713" spans="6:43">
      <c r="F713" s="141"/>
      <c r="G713" s="141"/>
      <c r="H713" s="141"/>
      <c r="I713" s="141"/>
      <c r="J713" s="141"/>
      <c r="K713" s="141"/>
      <c r="L713" s="141"/>
      <c r="M713" s="141"/>
      <c r="N713" s="141"/>
      <c r="O713" s="131"/>
      <c r="P713" s="141"/>
      <c r="Q713" s="141"/>
      <c r="R713" s="141"/>
      <c r="S713" s="141"/>
      <c r="T713" s="141"/>
      <c r="U713" s="141"/>
      <c r="V713" s="141"/>
      <c r="W713" s="141"/>
      <c r="X713" s="141"/>
      <c r="Y713" s="141"/>
      <c r="Z713" s="141"/>
      <c r="AA713" s="141"/>
      <c r="AB713" s="141"/>
      <c r="AC713" s="141"/>
      <c r="AD713" s="141"/>
      <c r="AE713" s="141"/>
      <c r="AF713" s="141"/>
      <c r="AG713" s="141"/>
      <c r="AH713" s="141"/>
      <c r="AI713" s="141"/>
      <c r="AJ713" s="141"/>
      <c r="AK713" s="141"/>
      <c r="AL713" s="141"/>
      <c r="AM713" s="141"/>
      <c r="AN713" s="141"/>
      <c r="AO713" s="144"/>
      <c r="AP713" s="137"/>
      <c r="AQ713" s="137"/>
    </row>
    <row r="714" spans="6:43">
      <c r="F714" s="141"/>
      <c r="G714" s="141"/>
      <c r="H714" s="141"/>
      <c r="I714" s="141"/>
      <c r="J714" s="141"/>
      <c r="K714" s="141"/>
      <c r="L714" s="141"/>
      <c r="M714" s="141"/>
      <c r="N714" s="141"/>
      <c r="O714" s="131"/>
      <c r="P714" s="141"/>
      <c r="Q714" s="141"/>
      <c r="R714" s="141"/>
      <c r="S714" s="141"/>
      <c r="T714" s="141"/>
      <c r="U714" s="141"/>
      <c r="V714" s="141"/>
      <c r="W714" s="141"/>
      <c r="X714" s="141"/>
      <c r="Y714" s="141"/>
      <c r="Z714" s="141"/>
      <c r="AA714" s="141"/>
      <c r="AB714" s="141"/>
      <c r="AC714" s="141"/>
      <c r="AD714" s="141"/>
      <c r="AE714" s="141"/>
      <c r="AF714" s="141"/>
      <c r="AG714" s="141"/>
      <c r="AH714" s="141"/>
      <c r="AI714" s="141"/>
      <c r="AJ714" s="141"/>
      <c r="AK714" s="141"/>
      <c r="AL714" s="141"/>
      <c r="AM714" s="141"/>
      <c r="AN714" s="141"/>
      <c r="AO714" s="144"/>
      <c r="AP714" s="137"/>
      <c r="AQ714" s="137"/>
    </row>
    <row r="715" spans="6:43">
      <c r="F715" s="141"/>
      <c r="G715" s="141"/>
      <c r="H715" s="141"/>
      <c r="I715" s="141"/>
      <c r="J715" s="141"/>
      <c r="K715" s="141"/>
      <c r="L715" s="141"/>
      <c r="M715" s="141"/>
      <c r="N715" s="141"/>
      <c r="O715" s="131"/>
      <c r="P715" s="141"/>
      <c r="Q715" s="141"/>
      <c r="R715" s="141"/>
      <c r="S715" s="141"/>
      <c r="T715" s="141"/>
      <c r="U715" s="141"/>
      <c r="V715" s="141"/>
      <c r="W715" s="141"/>
      <c r="X715" s="141"/>
      <c r="Y715" s="141"/>
      <c r="Z715" s="141"/>
      <c r="AA715" s="141"/>
      <c r="AB715" s="141"/>
      <c r="AC715" s="141"/>
      <c r="AD715" s="141"/>
      <c r="AE715" s="141"/>
      <c r="AF715" s="141"/>
      <c r="AG715" s="141"/>
      <c r="AH715" s="141"/>
      <c r="AI715" s="141"/>
      <c r="AJ715" s="141"/>
      <c r="AK715" s="141"/>
      <c r="AL715" s="141"/>
      <c r="AM715" s="141"/>
      <c r="AN715" s="141"/>
      <c r="AO715" s="144"/>
      <c r="AP715" s="137"/>
      <c r="AQ715" s="137"/>
    </row>
    <row r="716" spans="6:43">
      <c r="F716" s="141"/>
      <c r="G716" s="141"/>
      <c r="H716" s="141"/>
      <c r="I716" s="141"/>
      <c r="J716" s="141"/>
      <c r="K716" s="141"/>
      <c r="L716" s="141"/>
      <c r="M716" s="141"/>
      <c r="N716" s="141"/>
      <c r="O716" s="131"/>
      <c r="P716" s="141"/>
      <c r="Q716" s="141"/>
      <c r="R716" s="141"/>
      <c r="S716" s="141"/>
      <c r="T716" s="141"/>
      <c r="U716" s="141"/>
      <c r="V716" s="141"/>
      <c r="W716" s="141"/>
      <c r="X716" s="141"/>
      <c r="Y716" s="141"/>
      <c r="Z716" s="141"/>
      <c r="AA716" s="141"/>
      <c r="AB716" s="141"/>
      <c r="AC716" s="141"/>
      <c r="AD716" s="141"/>
      <c r="AE716" s="141"/>
      <c r="AF716" s="141"/>
      <c r="AG716" s="141"/>
      <c r="AH716" s="141"/>
      <c r="AI716" s="141"/>
      <c r="AJ716" s="141"/>
      <c r="AK716" s="141"/>
      <c r="AL716" s="141"/>
      <c r="AM716" s="141"/>
      <c r="AN716" s="141"/>
      <c r="AO716" s="144"/>
      <c r="AP716" s="137"/>
      <c r="AQ716" s="137"/>
    </row>
    <row r="717" spans="6:43">
      <c r="F717" s="130"/>
      <c r="G717" s="141"/>
      <c r="H717" s="141"/>
      <c r="I717" s="141"/>
      <c r="J717" s="141"/>
      <c r="K717" s="141"/>
      <c r="L717" s="141"/>
      <c r="M717" s="141"/>
      <c r="N717" s="141"/>
      <c r="O717" s="131"/>
      <c r="P717" s="130"/>
      <c r="Q717" s="141"/>
      <c r="R717" s="141"/>
      <c r="S717" s="141"/>
      <c r="T717" s="141"/>
      <c r="U717" s="141"/>
      <c r="V717" s="130"/>
      <c r="W717" s="141"/>
      <c r="X717" s="141"/>
      <c r="Y717" s="141"/>
      <c r="Z717" s="141"/>
      <c r="AA717" s="130"/>
      <c r="AB717" s="141"/>
      <c r="AC717" s="141"/>
      <c r="AD717" s="141"/>
      <c r="AE717" s="141"/>
      <c r="AF717" s="141"/>
      <c r="AG717" s="130"/>
      <c r="AH717" s="141"/>
      <c r="AI717" s="141"/>
      <c r="AJ717" s="141"/>
      <c r="AK717" s="141"/>
      <c r="AL717" s="130"/>
      <c r="AM717" s="141"/>
      <c r="AN717" s="141"/>
      <c r="AO717" s="144"/>
      <c r="AP717" s="137"/>
      <c r="AQ717" s="137"/>
    </row>
    <row r="718" spans="6:43">
      <c r="F718" s="130"/>
      <c r="G718" s="141"/>
      <c r="H718" s="141"/>
      <c r="I718" s="141"/>
      <c r="J718" s="141"/>
      <c r="K718" s="141"/>
      <c r="L718" s="141"/>
      <c r="M718" s="141"/>
      <c r="N718" s="141"/>
      <c r="O718" s="131"/>
      <c r="P718" s="130"/>
      <c r="Q718" s="141"/>
      <c r="R718" s="141"/>
      <c r="S718" s="141"/>
      <c r="T718" s="141"/>
      <c r="U718" s="141"/>
      <c r="V718" s="130"/>
      <c r="W718" s="141"/>
      <c r="X718" s="141"/>
      <c r="Y718" s="141"/>
      <c r="Z718" s="141"/>
      <c r="AA718" s="130"/>
      <c r="AB718" s="141"/>
      <c r="AC718" s="141"/>
      <c r="AD718" s="141"/>
      <c r="AE718" s="141"/>
      <c r="AF718" s="141"/>
      <c r="AG718" s="130"/>
      <c r="AH718" s="141"/>
      <c r="AI718" s="141"/>
      <c r="AJ718" s="141"/>
      <c r="AK718" s="141"/>
      <c r="AL718" s="130"/>
      <c r="AM718" s="141"/>
      <c r="AN718" s="141"/>
      <c r="AO718" s="144"/>
      <c r="AP718" s="137"/>
      <c r="AQ718" s="137"/>
    </row>
    <row r="719" spans="6:43">
      <c r="F719" s="130"/>
      <c r="G719" s="141"/>
      <c r="H719" s="141"/>
      <c r="I719" s="141"/>
      <c r="J719" s="141"/>
      <c r="K719" s="141"/>
      <c r="L719" s="141"/>
      <c r="M719" s="141"/>
      <c r="N719" s="141"/>
      <c r="O719" s="131"/>
      <c r="P719" s="130"/>
      <c r="Q719" s="141"/>
      <c r="R719" s="141"/>
      <c r="S719" s="141"/>
      <c r="T719" s="141"/>
      <c r="U719" s="141"/>
      <c r="V719" s="130"/>
      <c r="W719" s="141"/>
      <c r="X719" s="141"/>
      <c r="Y719" s="141"/>
      <c r="Z719" s="141"/>
      <c r="AA719" s="130"/>
      <c r="AB719" s="141"/>
      <c r="AC719" s="141"/>
      <c r="AD719" s="141"/>
      <c r="AE719" s="141"/>
      <c r="AF719" s="141"/>
      <c r="AG719" s="130"/>
      <c r="AH719" s="141"/>
      <c r="AI719" s="141"/>
      <c r="AJ719" s="141"/>
      <c r="AK719" s="141"/>
      <c r="AL719" s="130"/>
      <c r="AM719" s="141"/>
      <c r="AN719" s="141"/>
      <c r="AO719" s="144"/>
      <c r="AP719" s="137"/>
      <c r="AQ719" s="137"/>
    </row>
    <row r="720" spans="6:43">
      <c r="F720" s="62"/>
      <c r="G720" s="62"/>
      <c r="H720" s="62"/>
      <c r="I720" s="62"/>
      <c r="J720" s="62"/>
      <c r="K720" s="62"/>
      <c r="L720" s="62"/>
      <c r="M720" s="62"/>
      <c r="N720" s="62"/>
      <c r="O720" s="62"/>
      <c r="P720" s="62"/>
      <c r="Q720" s="62"/>
      <c r="R720" s="62"/>
      <c r="S720" s="62"/>
      <c r="T720" s="62"/>
      <c r="U720" s="62"/>
      <c r="V720" s="62"/>
      <c r="W720" s="62"/>
      <c r="X720" s="62"/>
      <c r="Y720" s="62"/>
      <c r="Z720" s="62"/>
      <c r="AA720" s="62"/>
      <c r="AB720" s="62"/>
      <c r="AC720" s="62"/>
      <c r="AD720" s="62"/>
      <c r="AE720" s="62"/>
      <c r="AF720" s="62"/>
      <c r="AG720" s="62"/>
      <c r="AH720" s="62"/>
      <c r="AI720" s="62"/>
      <c r="AJ720" s="62"/>
      <c r="AK720" s="62"/>
      <c r="AL720" s="62"/>
      <c r="AM720" s="62"/>
      <c r="AN720" s="62"/>
      <c r="AO720" s="62"/>
      <c r="AP720" s="62"/>
      <c r="AQ720" s="62"/>
    </row>
    <row r="721" spans="6:43">
      <c r="F721" s="62"/>
      <c r="G721" s="62"/>
      <c r="H721" s="62"/>
      <c r="I721" s="62"/>
      <c r="J721" s="62"/>
      <c r="K721" s="62"/>
      <c r="L721" s="62"/>
      <c r="M721" s="62"/>
      <c r="N721" s="62"/>
      <c r="O721" s="62"/>
      <c r="P721" s="62"/>
      <c r="Q721" s="62"/>
      <c r="R721" s="62"/>
      <c r="S721" s="62"/>
      <c r="T721" s="62"/>
      <c r="U721" s="62"/>
      <c r="V721" s="62"/>
      <c r="W721" s="62"/>
      <c r="X721" s="62"/>
      <c r="Y721" s="62"/>
      <c r="Z721" s="62"/>
      <c r="AA721" s="62"/>
      <c r="AB721" s="62"/>
      <c r="AC721" s="62"/>
      <c r="AD721" s="62"/>
      <c r="AE721" s="62"/>
      <c r="AF721" s="62"/>
      <c r="AG721" s="62"/>
      <c r="AH721" s="62"/>
      <c r="AI721" s="62"/>
      <c r="AJ721" s="62"/>
      <c r="AK721" s="62"/>
      <c r="AL721" s="62"/>
      <c r="AM721" s="62"/>
      <c r="AN721" s="62"/>
      <c r="AO721" s="62"/>
      <c r="AP721" s="62"/>
      <c r="AQ721" s="62"/>
    </row>
    <row r="722" spans="6:43">
      <c r="F722" s="130"/>
      <c r="G722" s="130"/>
      <c r="H722" s="130"/>
      <c r="I722" s="130"/>
      <c r="J722" s="130"/>
      <c r="K722" s="130"/>
      <c r="L722" s="130"/>
      <c r="M722" s="130"/>
      <c r="N722" s="130"/>
      <c r="O722" s="131"/>
      <c r="P722" s="130"/>
      <c r="Q722" s="130"/>
      <c r="R722" s="130"/>
      <c r="S722" s="130"/>
      <c r="T722" s="130"/>
      <c r="U722" s="130"/>
      <c r="V722" s="130"/>
      <c r="W722" s="130"/>
      <c r="X722" s="130"/>
      <c r="Y722" s="130"/>
      <c r="Z722" s="130"/>
      <c r="AA722" s="130"/>
      <c r="AB722" s="130"/>
      <c r="AC722" s="130"/>
      <c r="AD722" s="130"/>
      <c r="AE722" s="130"/>
      <c r="AF722" s="130"/>
      <c r="AG722" s="130"/>
      <c r="AH722" s="130"/>
      <c r="AI722" s="130"/>
      <c r="AJ722" s="130"/>
      <c r="AK722" s="130"/>
      <c r="AL722" s="130"/>
      <c r="AM722" s="130"/>
      <c r="AN722" s="130"/>
      <c r="AO722" s="134"/>
      <c r="AP722" s="114"/>
      <c r="AQ722" s="114"/>
    </row>
    <row r="723" spans="6:43">
      <c r="F723" s="62"/>
      <c r="G723" s="62"/>
      <c r="H723" s="62"/>
      <c r="I723" s="62"/>
      <c r="J723" s="62"/>
      <c r="K723" s="62"/>
      <c r="L723" s="62"/>
      <c r="M723" s="62"/>
      <c r="N723" s="62"/>
      <c r="O723" s="62"/>
      <c r="P723" s="62"/>
      <c r="Q723" s="62"/>
      <c r="R723" s="62"/>
      <c r="S723" s="62"/>
      <c r="T723" s="62"/>
      <c r="U723" s="62"/>
      <c r="V723" s="62"/>
      <c r="W723" s="62"/>
      <c r="X723" s="62"/>
      <c r="Y723" s="62"/>
      <c r="Z723" s="62"/>
      <c r="AA723" s="62"/>
      <c r="AB723" s="62"/>
      <c r="AC723" s="62"/>
      <c r="AD723" s="62"/>
      <c r="AE723" s="62"/>
      <c r="AF723" s="62"/>
      <c r="AG723" s="62"/>
      <c r="AH723" s="62"/>
      <c r="AI723" s="62"/>
      <c r="AJ723" s="62"/>
      <c r="AK723" s="62"/>
      <c r="AL723" s="62"/>
      <c r="AM723" s="62"/>
      <c r="AN723" s="62"/>
      <c r="AO723" s="62"/>
      <c r="AP723" s="62"/>
      <c r="AQ723" s="62"/>
    </row>
    <row r="724" spans="6:43">
      <c r="F724" s="62"/>
      <c r="G724" s="62"/>
      <c r="H724" s="62"/>
      <c r="I724" s="62"/>
      <c r="J724" s="62"/>
      <c r="K724" s="62"/>
      <c r="L724" s="62"/>
      <c r="M724" s="62"/>
      <c r="N724" s="62"/>
      <c r="O724" s="62"/>
      <c r="P724" s="62"/>
      <c r="Q724" s="62"/>
      <c r="R724" s="62"/>
      <c r="S724" s="62"/>
      <c r="T724" s="62"/>
      <c r="U724" s="62"/>
      <c r="V724" s="62"/>
      <c r="W724" s="62"/>
      <c r="X724" s="62"/>
      <c r="Y724" s="62"/>
      <c r="Z724" s="62"/>
      <c r="AA724" s="62"/>
      <c r="AB724" s="62"/>
      <c r="AC724" s="62"/>
      <c r="AD724" s="62"/>
      <c r="AE724" s="62"/>
      <c r="AF724" s="62"/>
      <c r="AG724" s="62"/>
      <c r="AH724" s="62"/>
      <c r="AI724" s="62"/>
      <c r="AJ724" s="62"/>
      <c r="AK724" s="62"/>
      <c r="AL724" s="62"/>
      <c r="AM724" s="62"/>
      <c r="AN724" s="62"/>
      <c r="AO724" s="62"/>
      <c r="AP724" s="62"/>
      <c r="AQ724" s="62"/>
    </row>
    <row r="725" spans="6:43">
      <c r="F725" s="130"/>
      <c r="G725" s="130"/>
      <c r="H725" s="130"/>
      <c r="I725" s="130"/>
      <c r="J725" s="130"/>
      <c r="K725" s="130"/>
      <c r="L725" s="130"/>
      <c r="M725" s="130"/>
      <c r="N725" s="130"/>
      <c r="O725" s="130"/>
      <c r="P725" s="130"/>
      <c r="Q725" s="130"/>
      <c r="R725" s="130"/>
      <c r="S725" s="130"/>
      <c r="T725" s="130"/>
      <c r="U725" s="130"/>
      <c r="V725" s="130"/>
      <c r="W725" s="130"/>
      <c r="X725" s="130"/>
      <c r="Y725" s="130"/>
      <c r="Z725" s="130"/>
      <c r="AA725" s="130"/>
      <c r="AB725" s="130"/>
      <c r="AC725" s="130"/>
      <c r="AD725" s="130"/>
      <c r="AE725" s="130"/>
      <c r="AF725" s="130"/>
      <c r="AG725" s="130"/>
      <c r="AH725" s="130"/>
      <c r="AI725" s="130"/>
      <c r="AJ725" s="130"/>
      <c r="AK725" s="130"/>
      <c r="AL725" s="130"/>
      <c r="AM725" s="130"/>
      <c r="AN725" s="130"/>
      <c r="AO725" s="134"/>
      <c r="AP725" s="114"/>
      <c r="AQ725" s="114"/>
    </row>
    <row r="726" spans="6:43">
      <c r="F726" s="130"/>
      <c r="G726" s="130"/>
      <c r="H726" s="130"/>
      <c r="I726" s="130"/>
      <c r="J726" s="130"/>
      <c r="K726" s="130"/>
      <c r="L726" s="130"/>
      <c r="M726" s="130"/>
      <c r="N726" s="130"/>
      <c r="O726" s="130"/>
      <c r="P726" s="130"/>
      <c r="Q726" s="130"/>
      <c r="R726" s="130"/>
      <c r="S726" s="130"/>
      <c r="T726" s="130"/>
      <c r="U726" s="130"/>
      <c r="V726" s="130"/>
      <c r="W726" s="130"/>
      <c r="X726" s="130"/>
      <c r="Y726" s="130"/>
      <c r="Z726" s="130"/>
      <c r="AA726" s="130"/>
      <c r="AB726" s="130"/>
      <c r="AC726" s="130"/>
      <c r="AD726" s="130"/>
      <c r="AE726" s="130"/>
      <c r="AF726" s="130"/>
      <c r="AG726" s="130"/>
      <c r="AH726" s="130"/>
      <c r="AI726" s="130"/>
      <c r="AJ726" s="130"/>
      <c r="AK726" s="130"/>
      <c r="AL726" s="130"/>
      <c r="AM726" s="130"/>
      <c r="AN726" s="130"/>
      <c r="AO726" s="134"/>
      <c r="AP726" s="114"/>
      <c r="AQ726" s="114"/>
    </row>
    <row r="727" spans="6:43">
      <c r="F727" s="62"/>
      <c r="G727" s="62"/>
      <c r="H727" s="62"/>
      <c r="I727" s="62"/>
      <c r="J727" s="62"/>
      <c r="K727" s="62"/>
      <c r="L727" s="62"/>
      <c r="M727" s="62"/>
      <c r="N727" s="62"/>
      <c r="O727" s="62"/>
      <c r="P727" s="62"/>
      <c r="Q727" s="62"/>
      <c r="R727" s="62"/>
      <c r="S727" s="62"/>
      <c r="T727" s="62"/>
      <c r="U727" s="62"/>
      <c r="V727" s="62"/>
      <c r="W727" s="62"/>
      <c r="X727" s="62"/>
      <c r="Y727" s="62"/>
      <c r="Z727" s="62"/>
      <c r="AA727" s="62"/>
      <c r="AB727" s="62"/>
      <c r="AC727" s="62"/>
      <c r="AD727" s="62"/>
      <c r="AE727" s="62"/>
      <c r="AF727" s="62"/>
      <c r="AG727" s="62"/>
      <c r="AH727" s="62"/>
      <c r="AI727" s="62"/>
      <c r="AJ727" s="62"/>
      <c r="AK727" s="62"/>
      <c r="AL727" s="62"/>
      <c r="AM727" s="62"/>
      <c r="AN727" s="62"/>
      <c r="AO727" s="62"/>
      <c r="AP727" s="62"/>
      <c r="AQ727" s="62"/>
    </row>
    <row r="728" spans="6:43">
      <c r="F728" s="62"/>
      <c r="G728" s="62"/>
      <c r="H728" s="62"/>
      <c r="I728" s="62"/>
      <c r="J728" s="62"/>
      <c r="K728" s="62"/>
      <c r="L728" s="62"/>
      <c r="M728" s="62"/>
      <c r="N728" s="62"/>
      <c r="O728" s="62"/>
      <c r="P728" s="62"/>
      <c r="Q728" s="62"/>
      <c r="R728" s="62"/>
      <c r="S728" s="62"/>
      <c r="T728" s="62"/>
      <c r="U728" s="62"/>
      <c r="V728" s="62"/>
      <c r="W728" s="62"/>
      <c r="X728" s="62"/>
      <c r="Y728" s="62"/>
      <c r="Z728" s="62"/>
      <c r="AA728" s="62"/>
      <c r="AB728" s="62"/>
      <c r="AC728" s="62"/>
      <c r="AD728" s="62"/>
      <c r="AE728" s="62"/>
      <c r="AF728" s="62"/>
      <c r="AG728" s="62"/>
      <c r="AH728" s="62"/>
      <c r="AI728" s="62"/>
      <c r="AJ728" s="62"/>
      <c r="AK728" s="62"/>
      <c r="AL728" s="62"/>
      <c r="AM728" s="62"/>
      <c r="AN728" s="62"/>
      <c r="AO728" s="62"/>
      <c r="AP728" s="62"/>
      <c r="AQ728" s="62"/>
    </row>
    <row r="729" spans="6:43">
      <c r="F729" s="62"/>
      <c r="G729" s="62"/>
      <c r="H729" s="62"/>
      <c r="I729" s="62"/>
      <c r="J729" s="62"/>
      <c r="K729" s="62"/>
      <c r="L729" s="62"/>
      <c r="M729" s="62"/>
      <c r="N729" s="62"/>
      <c r="O729" s="62"/>
      <c r="P729" s="62"/>
      <c r="Q729" s="62"/>
      <c r="R729" s="62"/>
      <c r="S729" s="62"/>
      <c r="T729" s="62"/>
      <c r="U729" s="62"/>
      <c r="V729" s="62"/>
      <c r="W729" s="62"/>
      <c r="X729" s="62"/>
      <c r="Y729" s="62"/>
      <c r="Z729" s="62"/>
      <c r="AA729" s="62"/>
      <c r="AB729" s="62"/>
      <c r="AC729" s="62"/>
      <c r="AD729" s="62"/>
      <c r="AE729" s="62"/>
      <c r="AF729" s="62"/>
      <c r="AG729" s="62"/>
      <c r="AH729" s="62"/>
      <c r="AI729" s="62"/>
      <c r="AJ729" s="62"/>
      <c r="AK729" s="62"/>
      <c r="AL729" s="62"/>
      <c r="AM729" s="62"/>
      <c r="AN729" s="62"/>
      <c r="AO729" s="62"/>
      <c r="AP729" s="62"/>
      <c r="AQ729" s="62"/>
    </row>
    <row r="730" spans="6:43">
      <c r="F730" s="130"/>
      <c r="G730" s="141"/>
      <c r="H730" s="141"/>
      <c r="I730" s="141"/>
      <c r="J730" s="141"/>
      <c r="K730" s="141"/>
      <c r="L730" s="141"/>
      <c r="M730" s="141"/>
      <c r="N730" s="141"/>
      <c r="O730" s="130"/>
      <c r="P730" s="130"/>
      <c r="Q730" s="141"/>
      <c r="R730" s="141"/>
      <c r="S730" s="141"/>
      <c r="T730" s="141"/>
      <c r="U730" s="141"/>
      <c r="V730" s="130"/>
      <c r="W730" s="141"/>
      <c r="X730" s="141"/>
      <c r="Y730" s="141"/>
      <c r="Z730" s="141"/>
      <c r="AA730" s="130"/>
      <c r="AB730" s="141"/>
      <c r="AC730" s="141"/>
      <c r="AD730" s="141"/>
      <c r="AE730" s="141"/>
      <c r="AF730" s="141"/>
      <c r="AG730" s="130"/>
      <c r="AH730" s="141"/>
      <c r="AI730" s="141"/>
      <c r="AJ730" s="141"/>
      <c r="AK730" s="141"/>
      <c r="AL730" s="130"/>
      <c r="AM730" s="141"/>
      <c r="AN730" s="141"/>
      <c r="AO730" s="144"/>
      <c r="AP730" s="137"/>
      <c r="AQ730" s="137"/>
    </row>
    <row r="731" spans="6:43">
      <c r="F731" s="62"/>
      <c r="G731" s="62"/>
      <c r="H731" s="62"/>
      <c r="I731" s="62"/>
      <c r="J731" s="62"/>
      <c r="K731" s="62"/>
      <c r="L731" s="62"/>
      <c r="M731" s="62"/>
      <c r="N731" s="62"/>
      <c r="O731" s="62"/>
      <c r="P731" s="62"/>
      <c r="Q731" s="62"/>
      <c r="R731" s="62"/>
      <c r="S731" s="62"/>
      <c r="T731" s="62"/>
      <c r="U731" s="62"/>
      <c r="V731" s="62"/>
      <c r="W731" s="62"/>
      <c r="X731" s="62"/>
      <c r="Y731" s="62"/>
      <c r="Z731" s="62"/>
      <c r="AA731" s="62"/>
      <c r="AB731" s="62"/>
      <c r="AC731" s="62"/>
      <c r="AD731" s="62"/>
      <c r="AE731" s="62"/>
      <c r="AF731" s="62"/>
      <c r="AG731" s="62"/>
      <c r="AH731" s="62"/>
      <c r="AI731" s="62"/>
      <c r="AJ731" s="62"/>
      <c r="AK731" s="62"/>
      <c r="AL731" s="62"/>
      <c r="AM731" s="62"/>
      <c r="AN731" s="62"/>
      <c r="AO731" s="62"/>
      <c r="AP731" s="62"/>
      <c r="AQ731" s="62"/>
    </row>
    <row r="732" spans="6:43">
      <c r="F732" s="130"/>
      <c r="G732" s="141"/>
      <c r="H732" s="141"/>
      <c r="I732" s="141"/>
      <c r="J732" s="141"/>
      <c r="K732" s="141"/>
      <c r="L732" s="141"/>
      <c r="M732" s="141"/>
      <c r="N732" s="141"/>
      <c r="O732" s="130"/>
      <c r="P732" s="130"/>
      <c r="Q732" s="141"/>
      <c r="R732" s="141"/>
      <c r="S732" s="141"/>
      <c r="T732" s="141"/>
      <c r="U732" s="141"/>
      <c r="V732" s="130"/>
      <c r="W732" s="141"/>
      <c r="X732" s="141"/>
      <c r="Y732" s="141"/>
      <c r="Z732" s="141"/>
      <c r="AA732" s="130"/>
      <c r="AB732" s="141"/>
      <c r="AC732" s="141"/>
      <c r="AD732" s="141"/>
      <c r="AE732" s="141"/>
      <c r="AF732" s="141"/>
      <c r="AG732" s="130"/>
      <c r="AH732" s="141"/>
      <c r="AI732" s="141"/>
      <c r="AJ732" s="141"/>
      <c r="AK732" s="141"/>
      <c r="AL732" s="130"/>
      <c r="AM732" s="141"/>
      <c r="AN732" s="141"/>
      <c r="AO732" s="144"/>
      <c r="AP732" s="137"/>
      <c r="AQ732" s="137"/>
    </row>
    <row r="733" spans="6:43">
      <c r="F733" s="130"/>
      <c r="G733" s="130"/>
      <c r="H733" s="130"/>
      <c r="I733" s="130"/>
      <c r="J733" s="130"/>
      <c r="K733" s="130"/>
      <c r="L733" s="130"/>
      <c r="M733" s="130"/>
      <c r="N733" s="130"/>
      <c r="O733" s="130"/>
      <c r="P733" s="130"/>
      <c r="Q733" s="130"/>
      <c r="R733" s="130"/>
      <c r="S733" s="130"/>
      <c r="T733" s="130"/>
      <c r="U733" s="130"/>
      <c r="V733" s="130"/>
      <c r="W733" s="130"/>
      <c r="X733" s="130"/>
      <c r="Y733" s="130"/>
      <c r="Z733" s="130"/>
      <c r="AA733" s="130"/>
      <c r="AB733" s="130"/>
      <c r="AC733" s="130"/>
      <c r="AD733" s="130"/>
      <c r="AE733" s="130"/>
      <c r="AF733" s="130"/>
      <c r="AG733" s="130"/>
      <c r="AH733" s="130"/>
      <c r="AI733" s="130"/>
      <c r="AJ733" s="130"/>
      <c r="AK733" s="130"/>
      <c r="AL733" s="130"/>
      <c r="AM733" s="130"/>
      <c r="AN733" s="130"/>
      <c r="AO733" s="134"/>
      <c r="AP733" s="137"/>
      <c r="AQ733" s="137"/>
    </row>
    <row r="734" spans="6:43">
      <c r="F734" s="130"/>
      <c r="G734" s="130"/>
      <c r="H734" s="130"/>
      <c r="I734" s="130"/>
      <c r="J734" s="130"/>
      <c r="K734" s="130"/>
      <c r="L734" s="130"/>
      <c r="M734" s="130"/>
      <c r="N734" s="130"/>
      <c r="O734" s="130"/>
      <c r="P734" s="130"/>
      <c r="Q734" s="130"/>
      <c r="R734" s="130"/>
      <c r="S734" s="130"/>
      <c r="T734" s="130"/>
      <c r="U734" s="130"/>
      <c r="V734" s="130"/>
      <c r="W734" s="130"/>
      <c r="X734" s="130"/>
      <c r="Y734" s="130"/>
      <c r="Z734" s="130"/>
      <c r="AA734" s="130"/>
      <c r="AB734" s="130"/>
      <c r="AC734" s="130"/>
      <c r="AD734" s="130"/>
      <c r="AE734" s="130"/>
      <c r="AF734" s="130"/>
      <c r="AG734" s="130"/>
      <c r="AH734" s="130"/>
      <c r="AI734" s="130"/>
      <c r="AJ734" s="130"/>
      <c r="AK734" s="130"/>
      <c r="AL734" s="130"/>
      <c r="AM734" s="130"/>
      <c r="AN734" s="130"/>
      <c r="AO734" s="134"/>
      <c r="AP734" s="137"/>
      <c r="AQ734" s="137"/>
    </row>
    <row r="735" spans="6:43">
      <c r="F735" s="130"/>
      <c r="G735" s="130"/>
      <c r="H735" s="130"/>
      <c r="I735" s="130"/>
      <c r="J735" s="130"/>
      <c r="K735" s="130"/>
      <c r="L735" s="130"/>
      <c r="M735" s="130"/>
      <c r="N735" s="130"/>
      <c r="O735" s="130"/>
      <c r="P735" s="130"/>
      <c r="Q735" s="130"/>
      <c r="R735" s="130"/>
      <c r="S735" s="130"/>
      <c r="T735" s="130"/>
      <c r="U735" s="130"/>
      <c r="V735" s="130"/>
      <c r="W735" s="130"/>
      <c r="X735" s="130"/>
      <c r="Y735" s="130"/>
      <c r="Z735" s="130"/>
      <c r="AA735" s="130"/>
      <c r="AB735" s="130"/>
      <c r="AC735" s="130"/>
      <c r="AD735" s="130"/>
      <c r="AE735" s="130"/>
      <c r="AF735" s="130"/>
      <c r="AG735" s="130"/>
      <c r="AH735" s="130"/>
      <c r="AI735" s="130"/>
      <c r="AJ735" s="130"/>
      <c r="AK735" s="130"/>
      <c r="AL735" s="130"/>
      <c r="AM735" s="130"/>
      <c r="AN735" s="130"/>
      <c r="AO735" s="134"/>
      <c r="AP735" s="137"/>
      <c r="AQ735" s="137"/>
    </row>
    <row r="736" spans="6:43">
      <c r="F736" s="130"/>
      <c r="G736" s="130"/>
      <c r="H736" s="130"/>
      <c r="I736" s="130"/>
      <c r="J736" s="130"/>
      <c r="K736" s="130"/>
      <c r="L736" s="130"/>
      <c r="M736" s="130"/>
      <c r="N736" s="130"/>
      <c r="O736" s="130"/>
      <c r="P736" s="130"/>
      <c r="Q736" s="130"/>
      <c r="R736" s="130"/>
      <c r="S736" s="130"/>
      <c r="T736" s="130"/>
      <c r="U736" s="130"/>
      <c r="V736" s="130"/>
      <c r="W736" s="130"/>
      <c r="X736" s="130"/>
      <c r="Y736" s="130"/>
      <c r="Z736" s="130"/>
      <c r="AA736" s="130"/>
      <c r="AB736" s="130"/>
      <c r="AC736" s="130"/>
      <c r="AD736" s="130"/>
      <c r="AE736" s="130"/>
      <c r="AF736" s="130"/>
      <c r="AG736" s="130"/>
      <c r="AH736" s="130"/>
      <c r="AI736" s="130"/>
      <c r="AJ736" s="130"/>
      <c r="AK736" s="130"/>
      <c r="AL736" s="130"/>
      <c r="AM736" s="130"/>
      <c r="AN736" s="130"/>
      <c r="AO736" s="134"/>
      <c r="AP736" s="137"/>
      <c r="AQ736" s="137"/>
    </row>
    <row r="737" spans="6:43">
      <c r="F737" s="130"/>
      <c r="G737" s="130"/>
      <c r="H737" s="130"/>
      <c r="I737" s="130"/>
      <c r="J737" s="130"/>
      <c r="K737" s="130"/>
      <c r="L737" s="130"/>
      <c r="M737" s="130"/>
      <c r="N737" s="130"/>
      <c r="O737" s="130"/>
      <c r="P737" s="130"/>
      <c r="Q737" s="130"/>
      <c r="R737" s="130"/>
      <c r="S737" s="130"/>
      <c r="T737" s="130"/>
      <c r="U737" s="130"/>
      <c r="V737" s="130"/>
      <c r="W737" s="130"/>
      <c r="X737" s="130"/>
      <c r="Y737" s="130"/>
      <c r="Z737" s="130"/>
      <c r="AA737" s="130"/>
      <c r="AB737" s="130"/>
      <c r="AC737" s="130"/>
      <c r="AD737" s="130"/>
      <c r="AE737" s="130"/>
      <c r="AF737" s="130"/>
      <c r="AG737" s="130"/>
      <c r="AH737" s="130"/>
      <c r="AI737" s="130"/>
      <c r="AJ737" s="130"/>
      <c r="AK737" s="130"/>
      <c r="AL737" s="130"/>
      <c r="AM737" s="130"/>
      <c r="AN737" s="130"/>
      <c r="AO737" s="134"/>
      <c r="AP737" s="114"/>
      <c r="AQ737" s="114"/>
    </row>
    <row r="738" spans="6:43">
      <c r="F738" s="62"/>
      <c r="G738" s="62"/>
      <c r="H738" s="62"/>
      <c r="I738" s="62"/>
      <c r="J738" s="62"/>
      <c r="K738" s="62"/>
      <c r="L738" s="62"/>
      <c r="M738" s="62"/>
      <c r="N738" s="62"/>
      <c r="O738" s="62"/>
      <c r="P738" s="62"/>
      <c r="Q738" s="62"/>
      <c r="R738" s="62"/>
      <c r="S738" s="62"/>
      <c r="T738" s="62"/>
      <c r="U738" s="62"/>
      <c r="V738" s="62"/>
      <c r="W738" s="62"/>
      <c r="X738" s="62"/>
      <c r="Y738" s="62"/>
      <c r="Z738" s="62"/>
      <c r="AA738" s="62"/>
      <c r="AB738" s="62"/>
      <c r="AC738" s="62"/>
      <c r="AD738" s="62"/>
      <c r="AE738" s="62"/>
      <c r="AF738" s="62"/>
      <c r="AG738" s="62"/>
      <c r="AH738" s="62"/>
      <c r="AI738" s="62"/>
      <c r="AJ738" s="62"/>
      <c r="AK738" s="62"/>
      <c r="AL738" s="62"/>
      <c r="AM738" s="62"/>
      <c r="AN738" s="62"/>
      <c r="AO738" s="62"/>
      <c r="AP738" s="62"/>
      <c r="AQ738" s="62"/>
    </row>
    <row r="739" spans="6:43">
      <c r="F739" s="130"/>
      <c r="G739" s="130"/>
      <c r="H739" s="130"/>
      <c r="I739" s="130"/>
      <c r="J739" s="130"/>
      <c r="K739" s="130"/>
      <c r="L739" s="130"/>
      <c r="M739" s="130"/>
      <c r="N739" s="130"/>
      <c r="O739" s="130"/>
      <c r="P739" s="130"/>
      <c r="Q739" s="130"/>
      <c r="R739" s="130"/>
      <c r="S739" s="130"/>
      <c r="T739" s="130"/>
      <c r="U739" s="130"/>
      <c r="V739" s="130"/>
      <c r="W739" s="130"/>
      <c r="X739" s="130"/>
      <c r="Y739" s="130"/>
      <c r="Z739" s="130"/>
      <c r="AA739" s="130"/>
      <c r="AB739" s="130"/>
      <c r="AC739" s="130"/>
      <c r="AD739" s="130"/>
      <c r="AE739" s="130"/>
      <c r="AF739" s="130"/>
      <c r="AG739" s="130"/>
      <c r="AH739" s="130"/>
      <c r="AI739" s="130"/>
      <c r="AJ739" s="130"/>
      <c r="AK739" s="130"/>
      <c r="AL739" s="130"/>
      <c r="AM739" s="130"/>
      <c r="AN739" s="130"/>
      <c r="AO739" s="134"/>
      <c r="AP739" s="114"/>
      <c r="AQ739" s="114"/>
    </row>
    <row r="740" spans="6:43">
      <c r="F740" s="62"/>
      <c r="G740" s="62"/>
      <c r="H740" s="62"/>
      <c r="I740" s="62"/>
      <c r="J740" s="62"/>
      <c r="K740" s="62"/>
      <c r="L740" s="62"/>
      <c r="M740" s="62"/>
      <c r="N740" s="62"/>
      <c r="O740" s="62"/>
      <c r="P740" s="62"/>
      <c r="Q740" s="62"/>
      <c r="R740" s="62"/>
      <c r="S740" s="62"/>
      <c r="T740" s="62"/>
      <c r="U740" s="62"/>
      <c r="V740" s="62"/>
      <c r="W740" s="62"/>
      <c r="X740" s="62"/>
      <c r="Y740" s="62"/>
      <c r="Z740" s="62"/>
      <c r="AA740" s="62"/>
      <c r="AB740" s="62"/>
      <c r="AC740" s="62"/>
      <c r="AD740" s="62"/>
      <c r="AE740" s="62"/>
      <c r="AF740" s="62"/>
      <c r="AG740" s="62"/>
      <c r="AH740" s="62"/>
      <c r="AI740" s="62"/>
      <c r="AJ740" s="62"/>
      <c r="AK740" s="62"/>
      <c r="AL740" s="62"/>
      <c r="AM740" s="62"/>
      <c r="AN740" s="62"/>
      <c r="AO740" s="62"/>
      <c r="AP740" s="62"/>
      <c r="AQ740" s="62"/>
    </row>
    <row r="741" spans="6:43">
      <c r="F741" s="62"/>
      <c r="G741" s="62"/>
      <c r="H741" s="62"/>
      <c r="I741" s="62"/>
      <c r="J741" s="62"/>
      <c r="K741" s="62"/>
      <c r="L741" s="62"/>
      <c r="M741" s="62"/>
      <c r="N741" s="62"/>
      <c r="O741" s="62"/>
      <c r="P741" s="62"/>
      <c r="Q741" s="62"/>
      <c r="R741" s="62"/>
      <c r="S741" s="62"/>
      <c r="T741" s="62"/>
      <c r="U741" s="62"/>
      <c r="V741" s="62"/>
      <c r="W741" s="62"/>
      <c r="X741" s="62"/>
      <c r="Y741" s="62"/>
      <c r="Z741" s="62"/>
      <c r="AA741" s="62"/>
      <c r="AB741" s="62"/>
      <c r="AC741" s="62"/>
      <c r="AD741" s="62"/>
      <c r="AE741" s="62"/>
      <c r="AF741" s="62"/>
      <c r="AG741" s="62"/>
      <c r="AH741" s="62"/>
      <c r="AI741" s="62"/>
      <c r="AJ741" s="62"/>
      <c r="AK741" s="62"/>
      <c r="AL741" s="62"/>
      <c r="AM741" s="62"/>
      <c r="AN741" s="62"/>
      <c r="AO741" s="62"/>
      <c r="AP741" s="62"/>
      <c r="AQ741" s="62"/>
    </row>
    <row r="742" spans="6:43">
      <c r="F742" s="62"/>
      <c r="G742" s="62"/>
      <c r="H742" s="62"/>
      <c r="I742" s="62"/>
      <c r="J742" s="62"/>
      <c r="K742" s="62"/>
      <c r="L742" s="62"/>
      <c r="M742" s="62"/>
      <c r="N742" s="62"/>
      <c r="O742" s="62"/>
      <c r="P742" s="62"/>
      <c r="Q742" s="62"/>
      <c r="R742" s="62"/>
      <c r="S742" s="62"/>
      <c r="T742" s="62"/>
      <c r="U742" s="62"/>
      <c r="V742" s="62"/>
      <c r="W742" s="62"/>
      <c r="X742" s="62"/>
      <c r="Y742" s="62"/>
      <c r="Z742" s="62"/>
      <c r="AA742" s="62"/>
      <c r="AB742" s="62"/>
      <c r="AC742" s="62"/>
      <c r="AD742" s="62"/>
      <c r="AE742" s="62"/>
      <c r="AF742" s="62"/>
      <c r="AG742" s="62"/>
      <c r="AH742" s="62"/>
      <c r="AI742" s="62"/>
      <c r="AJ742" s="62"/>
      <c r="AK742" s="62"/>
      <c r="AL742" s="62"/>
      <c r="AM742" s="62"/>
      <c r="AN742" s="62"/>
      <c r="AO742" s="62"/>
      <c r="AP742" s="62"/>
      <c r="AQ742" s="62"/>
    </row>
    <row r="743" spans="6:43">
      <c r="F743" s="62"/>
      <c r="G743" s="62"/>
      <c r="H743" s="62"/>
      <c r="I743" s="62"/>
      <c r="J743" s="62"/>
      <c r="K743" s="62"/>
      <c r="L743" s="62"/>
      <c r="M743" s="62"/>
      <c r="N743" s="62"/>
      <c r="O743" s="62"/>
      <c r="P743" s="62"/>
      <c r="Q743" s="62"/>
      <c r="R743" s="62"/>
      <c r="S743" s="62"/>
      <c r="T743" s="62"/>
      <c r="U743" s="62"/>
      <c r="V743" s="62"/>
      <c r="W743" s="62"/>
      <c r="X743" s="62"/>
      <c r="Y743" s="62"/>
      <c r="Z743" s="62"/>
      <c r="AA743" s="62"/>
      <c r="AB743" s="62"/>
      <c r="AC743" s="62"/>
      <c r="AD743" s="62"/>
      <c r="AE743" s="62"/>
      <c r="AF743" s="62"/>
      <c r="AG743" s="62"/>
      <c r="AH743" s="62"/>
      <c r="AI743" s="62"/>
      <c r="AJ743" s="62"/>
      <c r="AK743" s="62"/>
      <c r="AL743" s="62"/>
      <c r="AM743" s="62"/>
      <c r="AN743" s="62"/>
      <c r="AO743" s="62"/>
      <c r="AP743" s="62"/>
      <c r="AQ743" s="62"/>
    </row>
    <row r="744" spans="6:43">
      <c r="F744" s="62"/>
      <c r="G744" s="62"/>
      <c r="H744" s="62"/>
      <c r="I744" s="62"/>
      <c r="J744" s="62"/>
      <c r="K744" s="62"/>
      <c r="L744" s="62"/>
      <c r="M744" s="62"/>
      <c r="N744" s="62"/>
      <c r="O744" s="62"/>
      <c r="P744" s="62"/>
      <c r="Q744" s="62"/>
      <c r="R744" s="62"/>
      <c r="S744" s="62"/>
      <c r="T744" s="62"/>
      <c r="U744" s="62"/>
      <c r="V744" s="62"/>
      <c r="W744" s="62"/>
      <c r="X744" s="62"/>
      <c r="Y744" s="62"/>
      <c r="Z744" s="62"/>
      <c r="AA744" s="62"/>
      <c r="AB744" s="62"/>
      <c r="AC744" s="62"/>
      <c r="AD744" s="62"/>
      <c r="AE744" s="62"/>
      <c r="AF744" s="62"/>
      <c r="AG744" s="62"/>
      <c r="AH744" s="62"/>
      <c r="AI744" s="62"/>
      <c r="AJ744" s="62"/>
      <c r="AK744" s="62"/>
      <c r="AL744" s="62"/>
      <c r="AM744" s="62"/>
      <c r="AN744" s="62"/>
      <c r="AO744" s="62"/>
      <c r="AP744" s="62"/>
      <c r="AQ744" s="62"/>
    </row>
    <row r="745" spans="6:43">
      <c r="F745" s="62"/>
      <c r="G745" s="62"/>
      <c r="H745" s="62"/>
      <c r="I745" s="62"/>
      <c r="J745" s="62"/>
      <c r="K745" s="62"/>
      <c r="L745" s="62"/>
      <c r="M745" s="62"/>
      <c r="N745" s="62"/>
      <c r="O745" s="62"/>
      <c r="P745" s="62"/>
      <c r="Q745" s="62"/>
      <c r="R745" s="62"/>
      <c r="S745" s="62"/>
      <c r="T745" s="62"/>
      <c r="U745" s="62"/>
      <c r="V745" s="62"/>
      <c r="W745" s="62"/>
      <c r="X745" s="62"/>
      <c r="Y745" s="62"/>
      <c r="Z745" s="62"/>
      <c r="AA745" s="62"/>
      <c r="AB745" s="62"/>
      <c r="AC745" s="62"/>
      <c r="AD745" s="62"/>
      <c r="AE745" s="62"/>
      <c r="AF745" s="62"/>
      <c r="AG745" s="62"/>
      <c r="AH745" s="62"/>
      <c r="AI745" s="62"/>
      <c r="AJ745" s="62"/>
      <c r="AK745" s="62"/>
      <c r="AL745" s="62"/>
      <c r="AM745" s="62"/>
      <c r="AN745" s="62"/>
      <c r="AO745" s="62"/>
      <c r="AP745" s="62"/>
      <c r="AQ745" s="62"/>
    </row>
    <row r="746" spans="6:43">
      <c r="F746" s="62"/>
      <c r="G746" s="62"/>
      <c r="H746" s="62"/>
      <c r="I746" s="62"/>
      <c r="J746" s="62"/>
      <c r="K746" s="62"/>
      <c r="L746" s="62"/>
      <c r="M746" s="62"/>
      <c r="N746" s="62"/>
      <c r="O746" s="62"/>
      <c r="P746" s="62"/>
      <c r="Q746" s="62"/>
      <c r="R746" s="62"/>
      <c r="S746" s="62"/>
      <c r="T746" s="62"/>
      <c r="U746" s="62"/>
      <c r="V746" s="62"/>
      <c r="W746" s="62"/>
      <c r="X746" s="62"/>
      <c r="Y746" s="62"/>
      <c r="Z746" s="62"/>
      <c r="AA746" s="62"/>
      <c r="AB746" s="62"/>
      <c r="AC746" s="62"/>
      <c r="AD746" s="62"/>
      <c r="AE746" s="62"/>
      <c r="AF746" s="62"/>
      <c r="AG746" s="62"/>
      <c r="AH746" s="62"/>
      <c r="AI746" s="62"/>
      <c r="AJ746" s="62"/>
      <c r="AK746" s="62"/>
      <c r="AL746" s="62"/>
      <c r="AM746" s="62"/>
      <c r="AN746" s="62"/>
      <c r="AO746" s="62"/>
      <c r="AP746" s="62"/>
      <c r="AQ746" s="62"/>
    </row>
    <row r="747" spans="6:43">
      <c r="F747" s="62"/>
      <c r="G747" s="62"/>
      <c r="H747" s="62"/>
      <c r="I747" s="62"/>
      <c r="J747" s="62"/>
      <c r="K747" s="62"/>
      <c r="L747" s="62"/>
      <c r="M747" s="62"/>
      <c r="N747" s="62"/>
      <c r="O747" s="62"/>
      <c r="P747" s="62"/>
      <c r="Q747" s="62"/>
      <c r="R747" s="62"/>
      <c r="S747" s="62"/>
      <c r="T747" s="62"/>
      <c r="U747" s="62"/>
      <c r="V747" s="62"/>
      <c r="W747" s="62"/>
      <c r="X747" s="62"/>
      <c r="Y747" s="62"/>
      <c r="Z747" s="62"/>
      <c r="AA747" s="62"/>
      <c r="AB747" s="62"/>
      <c r="AC747" s="62"/>
      <c r="AD747" s="62"/>
      <c r="AE747" s="62"/>
      <c r="AF747" s="62"/>
      <c r="AG747" s="62"/>
      <c r="AH747" s="62"/>
      <c r="AI747" s="62"/>
      <c r="AJ747" s="62"/>
      <c r="AK747" s="62"/>
      <c r="AL747" s="62"/>
      <c r="AM747" s="62"/>
      <c r="AN747" s="62"/>
      <c r="AO747" s="62"/>
      <c r="AP747" s="62"/>
      <c r="AQ747" s="62"/>
    </row>
    <row r="748" spans="6:43">
      <c r="F748" s="62"/>
      <c r="G748" s="62"/>
      <c r="H748" s="62"/>
      <c r="I748" s="62"/>
      <c r="J748" s="62"/>
      <c r="K748" s="62"/>
      <c r="L748" s="62"/>
      <c r="M748" s="62"/>
      <c r="N748" s="62"/>
      <c r="O748" s="62"/>
      <c r="P748" s="62"/>
      <c r="Q748" s="62"/>
      <c r="R748" s="62"/>
      <c r="S748" s="62"/>
      <c r="T748" s="62"/>
      <c r="U748" s="62"/>
      <c r="V748" s="62"/>
      <c r="W748" s="62"/>
      <c r="X748" s="62"/>
      <c r="Y748" s="62"/>
      <c r="Z748" s="62"/>
      <c r="AA748" s="62"/>
      <c r="AB748" s="62"/>
      <c r="AC748" s="62"/>
      <c r="AD748" s="62"/>
      <c r="AE748" s="62"/>
      <c r="AF748" s="62"/>
      <c r="AG748" s="62"/>
      <c r="AH748" s="62"/>
      <c r="AI748" s="62"/>
      <c r="AJ748" s="62"/>
      <c r="AK748" s="62"/>
      <c r="AL748" s="62"/>
      <c r="AM748" s="62"/>
      <c r="AN748" s="62"/>
      <c r="AO748" s="62"/>
      <c r="AP748" s="62"/>
      <c r="AQ748" s="62"/>
    </row>
    <row r="749" spans="6:43">
      <c r="F749" s="62"/>
      <c r="G749" s="62"/>
      <c r="H749" s="62"/>
      <c r="I749" s="62"/>
      <c r="J749" s="62"/>
      <c r="K749" s="62"/>
      <c r="L749" s="62"/>
      <c r="M749" s="62"/>
      <c r="N749" s="62"/>
      <c r="O749" s="62"/>
      <c r="P749" s="62"/>
      <c r="Q749" s="62"/>
      <c r="R749" s="62"/>
      <c r="S749" s="62"/>
      <c r="T749" s="62"/>
      <c r="U749" s="62"/>
      <c r="V749" s="62"/>
      <c r="W749" s="62"/>
      <c r="X749" s="62"/>
      <c r="Y749" s="62"/>
      <c r="Z749" s="62"/>
      <c r="AA749" s="62"/>
      <c r="AB749" s="62"/>
      <c r="AC749" s="62"/>
      <c r="AD749" s="62"/>
      <c r="AE749" s="62"/>
      <c r="AF749" s="62"/>
      <c r="AG749" s="62"/>
      <c r="AH749" s="62"/>
      <c r="AI749" s="62"/>
      <c r="AJ749" s="62"/>
      <c r="AK749" s="62"/>
      <c r="AL749" s="62"/>
      <c r="AM749" s="62"/>
      <c r="AN749" s="62"/>
      <c r="AO749" s="62"/>
      <c r="AP749" s="62"/>
      <c r="AQ749" s="62"/>
    </row>
    <row r="750" spans="6:43">
      <c r="F750" s="62"/>
      <c r="G750" s="62"/>
      <c r="H750" s="62"/>
      <c r="I750" s="62"/>
      <c r="J750" s="62"/>
      <c r="K750" s="62"/>
      <c r="L750" s="62"/>
      <c r="M750" s="62"/>
      <c r="N750" s="62"/>
      <c r="O750" s="62"/>
      <c r="P750" s="62"/>
      <c r="Q750" s="62"/>
      <c r="R750" s="62"/>
      <c r="S750" s="62"/>
      <c r="T750" s="62"/>
      <c r="U750" s="62"/>
      <c r="V750" s="62"/>
      <c r="W750" s="62"/>
      <c r="X750" s="62"/>
      <c r="Y750" s="62"/>
      <c r="Z750" s="62"/>
      <c r="AA750" s="62"/>
      <c r="AB750" s="62"/>
      <c r="AC750" s="62"/>
      <c r="AD750" s="62"/>
      <c r="AE750" s="62"/>
      <c r="AF750" s="62"/>
      <c r="AG750" s="62"/>
      <c r="AH750" s="62"/>
      <c r="AI750" s="62"/>
      <c r="AJ750" s="62"/>
      <c r="AK750" s="62"/>
      <c r="AL750" s="62"/>
      <c r="AM750" s="62"/>
      <c r="AN750" s="62"/>
      <c r="AO750" s="62"/>
      <c r="AP750" s="62"/>
      <c r="AQ750" s="62"/>
    </row>
    <row r="751" spans="6:43">
      <c r="F751" s="62"/>
      <c r="G751" s="62"/>
      <c r="H751" s="62"/>
      <c r="I751" s="62"/>
      <c r="J751" s="62"/>
      <c r="K751" s="62"/>
      <c r="L751" s="62"/>
      <c r="M751" s="62"/>
      <c r="N751" s="62"/>
      <c r="O751" s="62"/>
      <c r="P751" s="62"/>
      <c r="Q751" s="62"/>
      <c r="R751" s="62"/>
      <c r="S751" s="62"/>
      <c r="T751" s="62"/>
      <c r="U751" s="62"/>
      <c r="V751" s="62"/>
      <c r="W751" s="62"/>
      <c r="X751" s="62"/>
      <c r="Y751" s="62"/>
      <c r="Z751" s="62"/>
      <c r="AA751" s="62"/>
      <c r="AB751" s="62"/>
      <c r="AC751" s="62"/>
      <c r="AD751" s="62"/>
      <c r="AE751" s="62"/>
      <c r="AF751" s="62"/>
      <c r="AG751" s="62"/>
      <c r="AH751" s="62"/>
      <c r="AI751" s="62"/>
      <c r="AJ751" s="62"/>
      <c r="AK751" s="62"/>
      <c r="AL751" s="62"/>
      <c r="AM751" s="62"/>
      <c r="AN751" s="62"/>
      <c r="AO751" s="62"/>
      <c r="AP751" s="62"/>
      <c r="AQ751" s="62"/>
    </row>
    <row r="752" spans="6:43">
      <c r="F752" s="130"/>
      <c r="G752" s="130"/>
      <c r="H752" s="130"/>
      <c r="I752" s="130"/>
      <c r="J752" s="130"/>
      <c r="K752" s="130"/>
      <c r="L752" s="130"/>
      <c r="M752" s="130"/>
      <c r="N752" s="130"/>
      <c r="O752" s="130"/>
      <c r="P752" s="130"/>
      <c r="Q752" s="130"/>
      <c r="R752" s="130"/>
      <c r="S752" s="130"/>
      <c r="T752" s="130"/>
      <c r="U752" s="130"/>
      <c r="V752" s="130"/>
      <c r="W752" s="130"/>
      <c r="X752" s="130"/>
      <c r="Y752" s="130"/>
      <c r="Z752" s="130"/>
      <c r="AA752" s="130"/>
      <c r="AB752" s="130"/>
      <c r="AC752" s="130"/>
      <c r="AD752" s="130"/>
      <c r="AE752" s="130"/>
      <c r="AF752" s="130"/>
      <c r="AG752" s="130"/>
      <c r="AH752" s="130"/>
      <c r="AI752" s="130"/>
      <c r="AJ752" s="130"/>
      <c r="AK752" s="130"/>
      <c r="AL752" s="130"/>
      <c r="AM752" s="130"/>
      <c r="AN752" s="130"/>
      <c r="AO752" s="134"/>
      <c r="AP752" s="114"/>
      <c r="AQ752" s="114"/>
    </row>
    <row r="753" spans="6:43">
      <c r="F753" s="130"/>
      <c r="G753" s="130"/>
      <c r="H753" s="130"/>
      <c r="I753" s="130"/>
      <c r="J753" s="130"/>
      <c r="K753" s="130"/>
      <c r="L753" s="130"/>
      <c r="M753" s="130"/>
      <c r="N753" s="130"/>
      <c r="O753" s="130"/>
      <c r="P753" s="130"/>
      <c r="Q753" s="130"/>
      <c r="R753" s="130"/>
      <c r="S753" s="130"/>
      <c r="T753" s="130"/>
      <c r="U753" s="130"/>
      <c r="V753" s="130"/>
      <c r="W753" s="130"/>
      <c r="X753" s="130"/>
      <c r="Y753" s="130"/>
      <c r="Z753" s="130"/>
      <c r="AA753" s="130"/>
      <c r="AB753" s="130"/>
      <c r="AC753" s="130"/>
      <c r="AD753" s="130"/>
      <c r="AE753" s="130"/>
      <c r="AF753" s="130"/>
      <c r="AG753" s="130"/>
      <c r="AH753" s="130"/>
      <c r="AI753" s="130"/>
      <c r="AJ753" s="130"/>
      <c r="AK753" s="130"/>
      <c r="AL753" s="130"/>
      <c r="AM753" s="130"/>
      <c r="AN753" s="130"/>
      <c r="AO753" s="134"/>
      <c r="AP753" s="114"/>
      <c r="AQ753" s="114"/>
    </row>
    <row r="754" spans="6:43">
      <c r="F754" s="130"/>
      <c r="G754" s="130"/>
      <c r="H754" s="130"/>
      <c r="I754" s="130"/>
      <c r="J754" s="130"/>
      <c r="K754" s="130"/>
      <c r="L754" s="130"/>
      <c r="M754" s="130"/>
      <c r="N754" s="130"/>
      <c r="O754" s="130"/>
      <c r="P754" s="130"/>
      <c r="Q754" s="130"/>
      <c r="R754" s="130"/>
      <c r="S754" s="130"/>
      <c r="T754" s="130"/>
      <c r="U754" s="130"/>
      <c r="V754" s="130"/>
      <c r="W754" s="130"/>
      <c r="X754" s="130"/>
      <c r="Y754" s="130"/>
      <c r="Z754" s="130"/>
      <c r="AA754" s="130"/>
      <c r="AB754" s="130"/>
      <c r="AC754" s="130"/>
      <c r="AD754" s="130"/>
      <c r="AE754" s="130"/>
      <c r="AF754" s="130"/>
      <c r="AG754" s="130"/>
      <c r="AH754" s="130"/>
      <c r="AI754" s="130"/>
      <c r="AJ754" s="130"/>
      <c r="AK754" s="130"/>
      <c r="AL754" s="130"/>
      <c r="AM754" s="130"/>
      <c r="AN754" s="130"/>
      <c r="AO754" s="134"/>
      <c r="AP754" s="114"/>
      <c r="AQ754" s="114"/>
    </row>
    <row r="755" spans="6:43">
      <c r="F755" s="62"/>
      <c r="G755" s="62"/>
      <c r="H755" s="62"/>
      <c r="I755" s="62"/>
      <c r="J755" s="62"/>
      <c r="K755" s="62"/>
      <c r="L755" s="62"/>
      <c r="M755" s="62"/>
      <c r="N755" s="62"/>
      <c r="O755" s="62"/>
      <c r="P755" s="62"/>
      <c r="Q755" s="62"/>
      <c r="R755" s="62"/>
      <c r="S755" s="62"/>
      <c r="T755" s="62"/>
      <c r="U755" s="62"/>
      <c r="V755" s="62"/>
      <c r="W755" s="62"/>
      <c r="X755" s="62"/>
      <c r="Y755" s="62"/>
      <c r="Z755" s="62"/>
      <c r="AA755" s="62"/>
      <c r="AB755" s="62"/>
      <c r="AC755" s="62"/>
      <c r="AD755" s="62"/>
      <c r="AE755" s="62"/>
      <c r="AF755" s="62"/>
      <c r="AG755" s="62"/>
      <c r="AH755" s="62"/>
      <c r="AI755" s="62"/>
      <c r="AJ755" s="62"/>
      <c r="AK755" s="62"/>
      <c r="AL755" s="62"/>
      <c r="AM755" s="62"/>
      <c r="AN755" s="62"/>
      <c r="AO755" s="62"/>
      <c r="AP755" s="62"/>
      <c r="AQ755" s="62"/>
    </row>
    <row r="756" spans="6:43">
      <c r="F756" s="130"/>
      <c r="G756" s="130"/>
      <c r="H756" s="130"/>
      <c r="I756" s="130"/>
      <c r="J756" s="130"/>
      <c r="K756" s="130"/>
      <c r="L756" s="130"/>
      <c r="M756" s="130"/>
      <c r="N756" s="130"/>
      <c r="O756" s="130"/>
      <c r="P756" s="130"/>
      <c r="Q756" s="130"/>
      <c r="R756" s="130"/>
      <c r="S756" s="130"/>
      <c r="T756" s="130"/>
      <c r="U756" s="130"/>
      <c r="V756" s="130"/>
      <c r="W756" s="130"/>
      <c r="X756" s="130"/>
      <c r="Y756" s="130"/>
      <c r="Z756" s="130"/>
      <c r="AA756" s="130"/>
      <c r="AB756" s="130"/>
      <c r="AC756" s="130"/>
      <c r="AD756" s="130"/>
      <c r="AE756" s="130"/>
      <c r="AF756" s="130"/>
      <c r="AG756" s="130"/>
      <c r="AH756" s="130"/>
      <c r="AI756" s="130"/>
      <c r="AJ756" s="130"/>
      <c r="AK756" s="130"/>
      <c r="AL756" s="130"/>
      <c r="AM756" s="130"/>
      <c r="AN756" s="130"/>
      <c r="AO756" s="134"/>
      <c r="AP756" s="114"/>
      <c r="AQ756" s="114"/>
    </row>
    <row r="757" spans="6:43">
      <c r="F757" s="141"/>
      <c r="G757" s="141"/>
      <c r="H757" s="141"/>
      <c r="I757" s="141"/>
      <c r="J757" s="141"/>
      <c r="K757" s="141"/>
      <c r="L757" s="141"/>
      <c r="M757" s="141"/>
      <c r="N757" s="141"/>
      <c r="O757" s="130"/>
      <c r="P757" s="141"/>
      <c r="Q757" s="141"/>
      <c r="R757" s="141"/>
      <c r="S757" s="141"/>
      <c r="T757" s="141"/>
      <c r="U757" s="141"/>
      <c r="V757" s="141"/>
      <c r="W757" s="141"/>
      <c r="X757" s="141"/>
      <c r="Y757" s="141"/>
      <c r="Z757" s="141"/>
      <c r="AA757" s="141"/>
      <c r="AB757" s="141"/>
      <c r="AC757" s="141"/>
      <c r="AD757" s="141"/>
      <c r="AE757" s="141"/>
      <c r="AF757" s="141"/>
      <c r="AG757" s="141"/>
      <c r="AH757" s="141"/>
      <c r="AI757" s="141"/>
      <c r="AJ757" s="141"/>
      <c r="AK757" s="141"/>
      <c r="AL757" s="141"/>
      <c r="AM757" s="141"/>
      <c r="AN757" s="141"/>
      <c r="AO757" s="144"/>
      <c r="AP757" s="137"/>
      <c r="AQ757" s="137"/>
    </row>
    <row r="758" spans="6:43">
      <c r="F758" s="141"/>
      <c r="G758" s="141"/>
      <c r="H758" s="141"/>
      <c r="I758" s="141"/>
      <c r="J758" s="141"/>
      <c r="K758" s="141"/>
      <c r="L758" s="141"/>
      <c r="M758" s="141"/>
      <c r="N758" s="141"/>
      <c r="O758" s="130"/>
      <c r="P758" s="141"/>
      <c r="Q758" s="141"/>
      <c r="R758" s="141"/>
      <c r="S758" s="141"/>
      <c r="T758" s="141"/>
      <c r="U758" s="141"/>
      <c r="V758" s="141"/>
      <c r="W758" s="141"/>
      <c r="X758" s="141"/>
      <c r="Y758" s="141"/>
      <c r="Z758" s="141"/>
      <c r="AA758" s="141"/>
      <c r="AB758" s="141"/>
      <c r="AC758" s="141"/>
      <c r="AD758" s="141"/>
      <c r="AE758" s="141"/>
      <c r="AF758" s="141"/>
      <c r="AG758" s="141"/>
      <c r="AH758" s="141"/>
      <c r="AI758" s="141"/>
      <c r="AJ758" s="141"/>
      <c r="AK758" s="141"/>
      <c r="AL758" s="141"/>
      <c r="AM758" s="141"/>
      <c r="AN758" s="141"/>
      <c r="AO758" s="144"/>
      <c r="AP758" s="137"/>
      <c r="AQ758" s="137"/>
    </row>
    <row r="759" spans="6:43">
      <c r="F759" s="141"/>
      <c r="G759" s="141"/>
      <c r="H759" s="141"/>
      <c r="I759" s="141"/>
      <c r="J759" s="141"/>
      <c r="K759" s="141"/>
      <c r="L759" s="141"/>
      <c r="M759" s="141"/>
      <c r="N759" s="141"/>
      <c r="O759" s="130"/>
      <c r="P759" s="141"/>
      <c r="Q759" s="141"/>
      <c r="R759" s="141"/>
      <c r="S759" s="141"/>
      <c r="T759" s="141"/>
      <c r="U759" s="141"/>
      <c r="V759" s="141"/>
      <c r="W759" s="141"/>
      <c r="X759" s="141"/>
      <c r="Y759" s="141"/>
      <c r="Z759" s="141"/>
      <c r="AA759" s="141"/>
      <c r="AB759" s="141"/>
      <c r="AC759" s="141"/>
      <c r="AD759" s="141"/>
      <c r="AE759" s="141"/>
      <c r="AF759" s="141"/>
      <c r="AG759" s="141"/>
      <c r="AH759" s="141"/>
      <c r="AI759" s="141"/>
      <c r="AJ759" s="141"/>
      <c r="AK759" s="141"/>
      <c r="AL759" s="141"/>
      <c r="AM759" s="141"/>
      <c r="AN759" s="141"/>
      <c r="AO759" s="144"/>
      <c r="AP759" s="137"/>
      <c r="AQ759" s="137"/>
    </row>
    <row r="760" spans="6:43">
      <c r="F760" s="141"/>
      <c r="G760" s="141"/>
      <c r="H760" s="141"/>
      <c r="I760" s="141"/>
      <c r="J760" s="141"/>
      <c r="K760" s="141"/>
      <c r="L760" s="141"/>
      <c r="M760" s="141"/>
      <c r="N760" s="141"/>
      <c r="O760" s="131"/>
      <c r="P760" s="141"/>
      <c r="Q760" s="141"/>
      <c r="R760" s="141"/>
      <c r="S760" s="141"/>
      <c r="T760" s="141"/>
      <c r="U760" s="141"/>
      <c r="V760" s="141"/>
      <c r="W760" s="141"/>
      <c r="X760" s="141"/>
      <c r="Y760" s="141"/>
      <c r="Z760" s="141"/>
      <c r="AA760" s="141"/>
      <c r="AB760" s="141"/>
      <c r="AC760" s="141"/>
      <c r="AD760" s="141"/>
      <c r="AE760" s="141"/>
      <c r="AF760" s="141"/>
      <c r="AG760" s="141"/>
      <c r="AH760" s="141"/>
      <c r="AI760" s="141"/>
      <c r="AJ760" s="141"/>
      <c r="AK760" s="141"/>
      <c r="AL760" s="141"/>
      <c r="AM760" s="141"/>
      <c r="AN760" s="141"/>
      <c r="AO760" s="144"/>
      <c r="AP760" s="137"/>
      <c r="AQ760" s="137"/>
    </row>
    <row r="761" spans="6:43">
      <c r="F761" s="141"/>
      <c r="G761" s="141"/>
      <c r="H761" s="141"/>
      <c r="I761" s="141"/>
      <c r="J761" s="141"/>
      <c r="K761" s="141"/>
      <c r="L761" s="141"/>
      <c r="M761" s="141"/>
      <c r="N761" s="141"/>
      <c r="O761" s="131"/>
      <c r="P761" s="141"/>
      <c r="Q761" s="141"/>
      <c r="R761" s="141"/>
      <c r="S761" s="141"/>
      <c r="T761" s="141"/>
      <c r="U761" s="141"/>
      <c r="V761" s="141"/>
      <c r="W761" s="141"/>
      <c r="X761" s="141"/>
      <c r="Y761" s="141"/>
      <c r="Z761" s="141"/>
      <c r="AA761" s="141"/>
      <c r="AB761" s="141"/>
      <c r="AC761" s="141"/>
      <c r="AD761" s="141"/>
      <c r="AE761" s="141"/>
      <c r="AF761" s="141"/>
      <c r="AG761" s="141"/>
      <c r="AH761" s="141"/>
      <c r="AI761" s="141"/>
      <c r="AJ761" s="141"/>
      <c r="AK761" s="141"/>
      <c r="AL761" s="141"/>
      <c r="AM761" s="141"/>
      <c r="AN761" s="141"/>
      <c r="AO761" s="144"/>
      <c r="AP761" s="137"/>
      <c r="AQ761" s="137"/>
    </row>
    <row r="762" spans="6:43">
      <c r="F762" s="130"/>
      <c r="G762" s="130"/>
      <c r="H762" s="130"/>
      <c r="I762" s="130"/>
      <c r="J762" s="130"/>
      <c r="K762" s="130"/>
      <c r="L762" s="130"/>
      <c r="M762" s="130"/>
      <c r="N762" s="130"/>
      <c r="O762" s="131"/>
      <c r="P762" s="130"/>
      <c r="Q762" s="130"/>
      <c r="R762" s="130"/>
      <c r="S762" s="130"/>
      <c r="T762" s="130"/>
      <c r="U762" s="130"/>
      <c r="V762" s="130"/>
      <c r="W762" s="130"/>
      <c r="X762" s="130"/>
      <c r="Y762" s="130"/>
      <c r="Z762" s="130"/>
      <c r="AA762" s="130"/>
      <c r="AB762" s="130"/>
      <c r="AC762" s="130"/>
      <c r="AD762" s="130"/>
      <c r="AE762" s="130"/>
      <c r="AF762" s="130"/>
      <c r="AG762" s="130"/>
      <c r="AH762" s="130"/>
      <c r="AI762" s="130"/>
      <c r="AJ762" s="130"/>
      <c r="AK762" s="130"/>
      <c r="AL762" s="130"/>
      <c r="AM762" s="130"/>
      <c r="AN762" s="130"/>
      <c r="AO762" s="134"/>
      <c r="AP762" s="114"/>
      <c r="AQ762" s="114"/>
    </row>
    <row r="763" spans="6:43">
      <c r="F763" s="130"/>
      <c r="G763" s="130"/>
      <c r="H763" s="130"/>
      <c r="I763" s="130"/>
      <c r="J763" s="130"/>
      <c r="K763" s="130"/>
      <c r="L763" s="130"/>
      <c r="M763" s="130"/>
      <c r="N763" s="130"/>
      <c r="O763" s="131"/>
      <c r="P763" s="130"/>
      <c r="Q763" s="130"/>
      <c r="R763" s="130"/>
      <c r="S763" s="130"/>
      <c r="T763" s="130"/>
      <c r="U763" s="130"/>
      <c r="V763" s="130"/>
      <c r="W763" s="130"/>
      <c r="X763" s="130"/>
      <c r="Y763" s="130"/>
      <c r="Z763" s="130"/>
      <c r="AA763" s="130"/>
      <c r="AB763" s="130"/>
      <c r="AC763" s="130"/>
      <c r="AD763" s="130"/>
      <c r="AE763" s="130"/>
      <c r="AF763" s="130"/>
      <c r="AG763" s="130"/>
      <c r="AH763" s="130"/>
      <c r="AI763" s="130"/>
      <c r="AJ763" s="130"/>
      <c r="AK763" s="130"/>
      <c r="AL763" s="130"/>
      <c r="AM763" s="130"/>
      <c r="AN763" s="130"/>
      <c r="AO763" s="134"/>
      <c r="AP763" s="114"/>
      <c r="AQ763" s="114"/>
    </row>
    <row r="764" spans="6:43">
      <c r="F764" s="130"/>
      <c r="G764" s="130"/>
      <c r="H764" s="130"/>
      <c r="I764" s="130"/>
      <c r="J764" s="130"/>
      <c r="K764" s="130"/>
      <c r="L764" s="130"/>
      <c r="M764" s="130"/>
      <c r="N764" s="130"/>
      <c r="O764" s="131"/>
      <c r="P764" s="130"/>
      <c r="Q764" s="130"/>
      <c r="R764" s="130"/>
      <c r="S764" s="130"/>
      <c r="T764" s="130"/>
      <c r="U764" s="130"/>
      <c r="V764" s="130"/>
      <c r="W764" s="130"/>
      <c r="X764" s="130"/>
      <c r="Y764" s="130"/>
      <c r="Z764" s="130"/>
      <c r="AA764" s="130"/>
      <c r="AB764" s="130"/>
      <c r="AC764" s="130"/>
      <c r="AD764" s="130"/>
      <c r="AE764" s="130"/>
      <c r="AF764" s="130"/>
      <c r="AG764" s="130"/>
      <c r="AH764" s="130"/>
      <c r="AI764" s="130"/>
      <c r="AJ764" s="130"/>
      <c r="AK764" s="130"/>
      <c r="AL764" s="130"/>
      <c r="AM764" s="130"/>
      <c r="AN764" s="130"/>
      <c r="AO764" s="134"/>
      <c r="AP764" s="114"/>
      <c r="AQ764" s="114"/>
    </row>
    <row r="765" spans="6:43">
      <c r="F765" s="141"/>
      <c r="G765" s="141"/>
      <c r="H765" s="141"/>
      <c r="I765" s="141"/>
      <c r="J765" s="141"/>
      <c r="K765" s="141"/>
      <c r="L765" s="141"/>
      <c r="M765" s="141"/>
      <c r="N765" s="141"/>
      <c r="O765" s="131"/>
      <c r="P765" s="141"/>
      <c r="Q765" s="141"/>
      <c r="R765" s="141"/>
      <c r="S765" s="141"/>
      <c r="T765" s="141"/>
      <c r="U765" s="141"/>
      <c r="V765" s="141"/>
      <c r="W765" s="141"/>
      <c r="X765" s="141"/>
      <c r="Y765" s="141"/>
      <c r="Z765" s="141"/>
      <c r="AA765" s="141"/>
      <c r="AB765" s="141"/>
      <c r="AC765" s="141"/>
      <c r="AD765" s="141"/>
      <c r="AE765" s="141"/>
      <c r="AF765" s="141"/>
      <c r="AG765" s="141"/>
      <c r="AH765" s="141"/>
      <c r="AI765" s="141"/>
      <c r="AJ765" s="141"/>
      <c r="AK765" s="141"/>
      <c r="AL765" s="141"/>
      <c r="AM765" s="141"/>
      <c r="AN765" s="141"/>
      <c r="AO765" s="144"/>
      <c r="AP765" s="137"/>
      <c r="AQ765" s="137"/>
    </row>
    <row r="766" spans="6:43">
      <c r="F766" s="141"/>
      <c r="G766" s="141"/>
      <c r="H766" s="141"/>
      <c r="I766" s="141"/>
      <c r="J766" s="141"/>
      <c r="K766" s="141"/>
      <c r="L766" s="141"/>
      <c r="M766" s="141"/>
      <c r="N766" s="141"/>
      <c r="O766" s="131"/>
      <c r="P766" s="141"/>
      <c r="Q766" s="141"/>
      <c r="R766" s="141"/>
      <c r="S766" s="141"/>
      <c r="T766" s="141"/>
      <c r="U766" s="141"/>
      <c r="V766" s="141"/>
      <c r="W766" s="141"/>
      <c r="X766" s="141"/>
      <c r="Y766" s="141"/>
      <c r="Z766" s="141"/>
      <c r="AA766" s="141"/>
      <c r="AB766" s="141"/>
      <c r="AC766" s="141"/>
      <c r="AD766" s="141"/>
      <c r="AE766" s="141"/>
      <c r="AF766" s="141"/>
      <c r="AG766" s="141"/>
      <c r="AH766" s="141"/>
      <c r="AI766" s="141"/>
      <c r="AJ766" s="141"/>
      <c r="AK766" s="141"/>
      <c r="AL766" s="141"/>
      <c r="AM766" s="141"/>
      <c r="AN766" s="141"/>
      <c r="AO766" s="144"/>
      <c r="AP766" s="137"/>
      <c r="AQ766" s="137"/>
    </row>
    <row r="767" spans="6:43">
      <c r="F767" s="141"/>
      <c r="G767" s="141"/>
      <c r="H767" s="141"/>
      <c r="I767" s="141"/>
      <c r="J767" s="141"/>
      <c r="K767" s="141"/>
      <c r="L767" s="141"/>
      <c r="M767" s="141"/>
      <c r="N767" s="141"/>
      <c r="O767" s="131"/>
      <c r="P767" s="141"/>
      <c r="Q767" s="141"/>
      <c r="R767" s="141"/>
      <c r="S767" s="141"/>
      <c r="T767" s="141"/>
      <c r="U767" s="141"/>
      <c r="V767" s="141"/>
      <c r="W767" s="141"/>
      <c r="X767" s="141"/>
      <c r="Y767" s="141"/>
      <c r="Z767" s="141"/>
      <c r="AA767" s="141"/>
      <c r="AB767" s="141"/>
      <c r="AC767" s="141"/>
      <c r="AD767" s="141"/>
      <c r="AE767" s="141"/>
      <c r="AF767" s="141"/>
      <c r="AG767" s="141"/>
      <c r="AH767" s="141"/>
      <c r="AI767" s="141"/>
      <c r="AJ767" s="141"/>
      <c r="AK767" s="141"/>
      <c r="AL767" s="141"/>
      <c r="AM767" s="141"/>
      <c r="AN767" s="141"/>
      <c r="AO767" s="144"/>
      <c r="AP767" s="137"/>
      <c r="AQ767" s="137"/>
    </row>
    <row r="768" spans="6:43">
      <c r="F768" s="130"/>
      <c r="G768" s="130"/>
      <c r="H768" s="130"/>
      <c r="I768" s="130"/>
      <c r="J768" s="130"/>
      <c r="K768" s="130"/>
      <c r="L768" s="130"/>
      <c r="M768" s="130"/>
      <c r="N768" s="130"/>
      <c r="O768" s="131"/>
      <c r="P768" s="130"/>
      <c r="Q768" s="130"/>
      <c r="R768" s="130"/>
      <c r="S768" s="130"/>
      <c r="T768" s="130"/>
      <c r="U768" s="130"/>
      <c r="V768" s="130"/>
      <c r="W768" s="130"/>
      <c r="X768" s="130"/>
      <c r="Y768" s="130"/>
      <c r="Z768" s="130"/>
      <c r="AA768" s="130"/>
      <c r="AB768" s="130"/>
      <c r="AC768" s="130"/>
      <c r="AD768" s="130"/>
      <c r="AE768" s="130"/>
      <c r="AF768" s="130"/>
      <c r="AG768" s="130"/>
      <c r="AH768" s="130"/>
      <c r="AI768" s="130"/>
      <c r="AJ768" s="130"/>
      <c r="AK768" s="130"/>
      <c r="AL768" s="130"/>
      <c r="AM768" s="130"/>
      <c r="AN768" s="130"/>
      <c r="AO768" s="134"/>
      <c r="AP768" s="114"/>
      <c r="AQ768" s="114"/>
    </row>
    <row r="769" spans="6:43">
      <c r="F769" s="130"/>
      <c r="G769" s="130"/>
      <c r="H769" s="130"/>
      <c r="I769" s="130"/>
      <c r="J769" s="130"/>
      <c r="K769" s="130"/>
      <c r="L769" s="130"/>
      <c r="M769" s="130"/>
      <c r="N769" s="130"/>
      <c r="O769" s="131"/>
      <c r="P769" s="130"/>
      <c r="Q769" s="130"/>
      <c r="R769" s="130"/>
      <c r="S769" s="130"/>
      <c r="T769" s="130"/>
      <c r="U769" s="130"/>
      <c r="V769" s="130"/>
      <c r="W769" s="130"/>
      <c r="X769" s="130"/>
      <c r="Y769" s="130"/>
      <c r="Z769" s="130"/>
      <c r="AA769" s="130"/>
      <c r="AB769" s="130"/>
      <c r="AC769" s="130"/>
      <c r="AD769" s="130"/>
      <c r="AE769" s="130"/>
      <c r="AF769" s="130"/>
      <c r="AG769" s="130"/>
      <c r="AH769" s="130"/>
      <c r="AI769" s="130"/>
      <c r="AJ769" s="130"/>
      <c r="AK769" s="130"/>
      <c r="AL769" s="130"/>
      <c r="AM769" s="130"/>
      <c r="AN769" s="130"/>
      <c r="AO769" s="134"/>
      <c r="AP769" s="114"/>
      <c r="AQ769" s="114"/>
    </row>
    <row r="770" spans="6:43">
      <c r="F770" s="62"/>
      <c r="G770" s="62"/>
      <c r="H770" s="62"/>
      <c r="I770" s="62"/>
      <c r="J770" s="62"/>
      <c r="K770" s="62"/>
      <c r="L770" s="62"/>
      <c r="M770" s="62"/>
      <c r="N770" s="62"/>
      <c r="O770" s="62"/>
      <c r="P770" s="62"/>
      <c r="Q770" s="62"/>
      <c r="R770" s="62"/>
      <c r="S770" s="62"/>
      <c r="T770" s="62"/>
      <c r="U770" s="62"/>
      <c r="V770" s="62"/>
      <c r="W770" s="62"/>
      <c r="X770" s="62"/>
      <c r="Y770" s="62"/>
      <c r="Z770" s="62"/>
      <c r="AA770" s="62"/>
      <c r="AB770" s="62"/>
      <c r="AC770" s="62"/>
      <c r="AD770" s="62"/>
      <c r="AE770" s="62"/>
      <c r="AF770" s="62"/>
      <c r="AG770" s="62"/>
      <c r="AH770" s="62"/>
      <c r="AI770" s="62"/>
      <c r="AJ770" s="62"/>
      <c r="AK770" s="62"/>
      <c r="AL770" s="62"/>
      <c r="AM770" s="62"/>
      <c r="AN770" s="62"/>
      <c r="AO770" s="62"/>
      <c r="AP770" s="62"/>
      <c r="AQ770" s="62"/>
    </row>
    <row r="771" spans="6:43">
      <c r="F771" s="130"/>
      <c r="G771" s="130"/>
      <c r="H771" s="130"/>
      <c r="I771" s="130"/>
      <c r="J771" s="130"/>
      <c r="K771" s="130"/>
      <c r="L771" s="130"/>
      <c r="M771" s="130"/>
      <c r="N771" s="130"/>
      <c r="O771" s="131"/>
      <c r="P771" s="130"/>
      <c r="Q771" s="130"/>
      <c r="R771" s="130"/>
      <c r="S771" s="130"/>
      <c r="T771" s="130"/>
      <c r="U771" s="130"/>
      <c r="V771" s="130"/>
      <c r="W771" s="130"/>
      <c r="X771" s="130"/>
      <c r="Y771" s="130"/>
      <c r="Z771" s="130"/>
      <c r="AA771" s="130"/>
      <c r="AB771" s="130"/>
      <c r="AC771" s="130"/>
      <c r="AD771" s="130"/>
      <c r="AE771" s="130"/>
      <c r="AF771" s="130"/>
      <c r="AG771" s="130"/>
      <c r="AH771" s="130"/>
      <c r="AI771" s="130"/>
      <c r="AJ771" s="130"/>
      <c r="AK771" s="130"/>
      <c r="AL771" s="130"/>
      <c r="AM771" s="130"/>
      <c r="AN771" s="130"/>
      <c r="AO771" s="134"/>
      <c r="AP771" s="114"/>
      <c r="AQ771" s="114"/>
    </row>
    <row r="772" spans="6:43">
      <c r="F772" s="141"/>
      <c r="G772" s="141"/>
      <c r="H772" s="141"/>
      <c r="I772" s="141"/>
      <c r="J772" s="141"/>
      <c r="K772" s="141"/>
      <c r="L772" s="141"/>
      <c r="M772" s="141"/>
      <c r="N772" s="141"/>
      <c r="O772" s="131"/>
      <c r="P772" s="141"/>
      <c r="Q772" s="141"/>
      <c r="R772" s="141"/>
      <c r="S772" s="141"/>
      <c r="T772" s="141"/>
      <c r="U772" s="141"/>
      <c r="V772" s="141"/>
      <c r="W772" s="141"/>
      <c r="X772" s="141"/>
      <c r="Y772" s="141"/>
      <c r="Z772" s="141"/>
      <c r="AA772" s="141"/>
      <c r="AB772" s="141"/>
      <c r="AC772" s="141"/>
      <c r="AD772" s="141"/>
      <c r="AE772" s="141"/>
      <c r="AF772" s="141"/>
      <c r="AG772" s="141"/>
      <c r="AH772" s="141"/>
      <c r="AI772" s="141"/>
      <c r="AJ772" s="141"/>
      <c r="AK772" s="141"/>
      <c r="AL772" s="141"/>
      <c r="AM772" s="141"/>
      <c r="AN772" s="141"/>
      <c r="AO772" s="144"/>
      <c r="AP772" s="137"/>
      <c r="AQ772" s="137"/>
    </row>
    <row r="773" spans="6:43">
      <c r="F773" s="141"/>
      <c r="G773" s="141"/>
      <c r="H773" s="141"/>
      <c r="I773" s="141"/>
      <c r="J773" s="141"/>
      <c r="K773" s="141"/>
      <c r="L773" s="141"/>
      <c r="M773" s="141"/>
      <c r="N773" s="141"/>
      <c r="O773" s="131"/>
      <c r="P773" s="141"/>
      <c r="Q773" s="141"/>
      <c r="R773" s="141"/>
      <c r="S773" s="141"/>
      <c r="T773" s="141"/>
      <c r="U773" s="141"/>
      <c r="V773" s="141"/>
      <c r="W773" s="141"/>
      <c r="X773" s="141"/>
      <c r="Y773" s="141"/>
      <c r="Z773" s="141"/>
      <c r="AA773" s="141"/>
      <c r="AB773" s="141"/>
      <c r="AC773" s="141"/>
      <c r="AD773" s="141"/>
      <c r="AE773" s="141"/>
      <c r="AF773" s="141"/>
      <c r="AG773" s="141"/>
      <c r="AH773" s="141"/>
      <c r="AI773" s="141"/>
      <c r="AJ773" s="141"/>
      <c r="AK773" s="141"/>
      <c r="AL773" s="141"/>
      <c r="AM773" s="141"/>
      <c r="AN773" s="141"/>
      <c r="AO773" s="144"/>
      <c r="AP773" s="137"/>
      <c r="AQ773" s="137"/>
    </row>
    <row r="774" spans="6:43">
      <c r="F774" s="62"/>
      <c r="G774" s="62"/>
      <c r="H774" s="62"/>
      <c r="I774" s="62"/>
      <c r="J774" s="62"/>
      <c r="K774" s="62"/>
      <c r="L774" s="62"/>
      <c r="M774" s="62"/>
      <c r="N774" s="62"/>
      <c r="O774" s="62"/>
      <c r="P774" s="62"/>
      <c r="Q774" s="62"/>
      <c r="R774" s="62"/>
      <c r="S774" s="62"/>
      <c r="T774" s="62"/>
      <c r="U774" s="62"/>
      <c r="V774" s="62"/>
      <c r="W774" s="62"/>
      <c r="X774" s="62"/>
      <c r="Y774" s="62"/>
      <c r="Z774" s="62"/>
      <c r="AA774" s="62"/>
      <c r="AB774" s="62"/>
      <c r="AC774" s="62"/>
      <c r="AD774" s="62"/>
      <c r="AE774" s="62"/>
      <c r="AF774" s="62"/>
      <c r="AG774" s="62"/>
      <c r="AH774" s="62"/>
      <c r="AI774" s="62"/>
      <c r="AJ774" s="62"/>
      <c r="AK774" s="62"/>
      <c r="AL774" s="62"/>
      <c r="AM774" s="62"/>
      <c r="AN774" s="62"/>
      <c r="AO774" s="62"/>
      <c r="AP774" s="62"/>
      <c r="AQ774" s="62"/>
    </row>
    <row r="775" spans="6:43">
      <c r="F775" s="62"/>
      <c r="G775" s="62"/>
      <c r="H775" s="62"/>
      <c r="I775" s="62"/>
      <c r="J775" s="62"/>
      <c r="K775" s="62"/>
      <c r="L775" s="62"/>
      <c r="M775" s="62"/>
      <c r="N775" s="62"/>
      <c r="O775" s="62"/>
      <c r="P775" s="62"/>
      <c r="Q775" s="62"/>
      <c r="R775" s="62"/>
      <c r="S775" s="62"/>
      <c r="T775" s="62"/>
      <c r="U775" s="62"/>
      <c r="V775" s="62"/>
      <c r="W775" s="62"/>
      <c r="X775" s="62"/>
      <c r="Y775" s="62"/>
      <c r="Z775" s="62"/>
      <c r="AA775" s="62"/>
      <c r="AB775" s="62"/>
      <c r="AC775" s="62"/>
      <c r="AD775" s="62"/>
      <c r="AE775" s="62"/>
      <c r="AF775" s="62"/>
      <c r="AG775" s="62"/>
      <c r="AH775" s="62"/>
      <c r="AI775" s="62"/>
      <c r="AJ775" s="62"/>
      <c r="AK775" s="62"/>
      <c r="AL775" s="62"/>
      <c r="AM775" s="62"/>
      <c r="AN775" s="62"/>
      <c r="AO775" s="62"/>
      <c r="AP775" s="62"/>
      <c r="AQ775" s="62"/>
    </row>
    <row r="776" spans="6:43">
      <c r="F776" s="62"/>
      <c r="G776" s="62"/>
      <c r="H776" s="62"/>
      <c r="I776" s="62"/>
      <c r="J776" s="62"/>
      <c r="K776" s="62"/>
      <c r="L776" s="62"/>
      <c r="M776" s="62"/>
      <c r="N776" s="62"/>
      <c r="O776" s="62"/>
      <c r="P776" s="62"/>
      <c r="Q776" s="62"/>
      <c r="R776" s="62"/>
      <c r="S776" s="62"/>
      <c r="T776" s="62"/>
      <c r="U776" s="62"/>
      <c r="V776" s="62"/>
      <c r="W776" s="62"/>
      <c r="X776" s="62"/>
      <c r="Y776" s="62"/>
      <c r="Z776" s="62"/>
      <c r="AA776" s="62"/>
      <c r="AB776" s="62"/>
      <c r="AC776" s="62"/>
      <c r="AD776" s="62"/>
      <c r="AE776" s="62"/>
      <c r="AF776" s="62"/>
      <c r="AG776" s="62"/>
      <c r="AH776" s="62"/>
      <c r="AI776" s="62"/>
      <c r="AJ776" s="62"/>
      <c r="AK776" s="62"/>
      <c r="AL776" s="62"/>
      <c r="AM776" s="62"/>
      <c r="AN776" s="62"/>
      <c r="AO776" s="62"/>
      <c r="AP776" s="62"/>
      <c r="AQ776" s="62"/>
    </row>
    <row r="777" spans="6:43">
      <c r="F777" s="62"/>
      <c r="G777" s="62"/>
      <c r="H777" s="62"/>
      <c r="I777" s="62"/>
      <c r="J777" s="62"/>
      <c r="K777" s="62"/>
      <c r="L777" s="62"/>
      <c r="M777" s="62"/>
      <c r="N777" s="62"/>
      <c r="O777" s="62"/>
      <c r="P777" s="62"/>
      <c r="Q777" s="62"/>
      <c r="R777" s="62"/>
      <c r="S777" s="62"/>
      <c r="T777" s="62"/>
      <c r="U777" s="62"/>
      <c r="V777" s="62"/>
      <c r="W777" s="62"/>
      <c r="X777" s="62"/>
      <c r="Y777" s="62"/>
      <c r="Z777" s="62"/>
      <c r="AA777" s="62"/>
      <c r="AB777" s="62"/>
      <c r="AC777" s="62"/>
      <c r="AD777" s="62"/>
      <c r="AE777" s="62"/>
      <c r="AF777" s="62"/>
      <c r="AG777" s="62"/>
      <c r="AH777" s="62"/>
      <c r="AI777" s="62"/>
      <c r="AJ777" s="62"/>
      <c r="AK777" s="62"/>
      <c r="AL777" s="62"/>
      <c r="AM777" s="62"/>
      <c r="AN777" s="62"/>
      <c r="AO777" s="62"/>
      <c r="AP777" s="62"/>
      <c r="AQ777" s="62"/>
    </row>
    <row r="778" spans="6:43">
      <c r="F778" s="62"/>
      <c r="G778" s="62"/>
      <c r="H778" s="62"/>
      <c r="I778" s="62"/>
      <c r="J778" s="62"/>
      <c r="K778" s="62"/>
      <c r="L778" s="62"/>
      <c r="M778" s="62"/>
      <c r="N778" s="62"/>
      <c r="O778" s="62"/>
      <c r="P778" s="62"/>
      <c r="Q778" s="62"/>
      <c r="R778" s="62"/>
      <c r="S778" s="62"/>
      <c r="T778" s="62"/>
      <c r="U778" s="62"/>
      <c r="V778" s="62"/>
      <c r="W778" s="62"/>
      <c r="X778" s="62"/>
      <c r="Y778" s="62"/>
      <c r="Z778" s="62"/>
      <c r="AA778" s="62"/>
      <c r="AB778" s="62"/>
      <c r="AC778" s="62"/>
      <c r="AD778" s="62"/>
      <c r="AE778" s="62"/>
      <c r="AF778" s="62"/>
      <c r="AG778" s="62"/>
      <c r="AH778" s="62"/>
      <c r="AI778" s="62"/>
      <c r="AJ778" s="62"/>
      <c r="AK778" s="62"/>
      <c r="AL778" s="62"/>
      <c r="AM778" s="62"/>
      <c r="AN778" s="62"/>
      <c r="AO778" s="62"/>
      <c r="AP778" s="62"/>
      <c r="AQ778" s="62"/>
    </row>
    <row r="779" spans="6:43">
      <c r="F779" s="62"/>
      <c r="G779" s="62"/>
      <c r="H779" s="62"/>
      <c r="I779" s="62"/>
      <c r="J779" s="62"/>
      <c r="K779" s="62"/>
      <c r="L779" s="62"/>
      <c r="M779" s="62"/>
      <c r="N779" s="62"/>
      <c r="O779" s="62"/>
      <c r="P779" s="62"/>
      <c r="Q779" s="62"/>
      <c r="R779" s="62"/>
      <c r="S779" s="62"/>
      <c r="T779" s="62"/>
      <c r="U779" s="62"/>
      <c r="V779" s="62"/>
      <c r="W779" s="62"/>
      <c r="X779" s="62"/>
      <c r="Y779" s="62"/>
      <c r="Z779" s="62"/>
      <c r="AA779" s="62"/>
      <c r="AB779" s="62"/>
      <c r="AC779" s="62"/>
      <c r="AD779" s="62"/>
      <c r="AE779" s="62"/>
      <c r="AF779" s="62"/>
      <c r="AG779" s="62"/>
      <c r="AH779" s="62"/>
      <c r="AI779" s="62"/>
      <c r="AJ779" s="62"/>
      <c r="AK779" s="62"/>
      <c r="AL779" s="62"/>
      <c r="AM779" s="62"/>
      <c r="AN779" s="62"/>
      <c r="AO779" s="62"/>
      <c r="AP779" s="62"/>
      <c r="AQ779" s="62"/>
    </row>
    <row r="780" spans="6:43">
      <c r="F780" s="62"/>
      <c r="G780" s="62"/>
      <c r="H780" s="62"/>
      <c r="I780" s="62"/>
      <c r="J780" s="62"/>
      <c r="K780" s="62"/>
      <c r="L780" s="62"/>
      <c r="M780" s="62"/>
      <c r="N780" s="62"/>
      <c r="O780" s="62"/>
      <c r="P780" s="62"/>
      <c r="Q780" s="62"/>
      <c r="R780" s="62"/>
      <c r="S780" s="62"/>
      <c r="T780" s="62"/>
      <c r="U780" s="62"/>
      <c r="V780" s="62"/>
      <c r="W780" s="62"/>
      <c r="X780" s="62"/>
      <c r="Y780" s="62"/>
      <c r="Z780" s="62"/>
      <c r="AA780" s="62"/>
      <c r="AB780" s="62"/>
      <c r="AC780" s="62"/>
      <c r="AD780" s="62"/>
      <c r="AE780" s="62"/>
      <c r="AF780" s="62"/>
      <c r="AG780" s="62"/>
      <c r="AH780" s="62"/>
      <c r="AI780" s="62"/>
      <c r="AJ780" s="62"/>
      <c r="AK780" s="62"/>
      <c r="AL780" s="62"/>
      <c r="AM780" s="62"/>
      <c r="AN780" s="62"/>
      <c r="AO780" s="62"/>
      <c r="AP780" s="62"/>
      <c r="AQ780" s="62"/>
    </row>
    <row r="781" spans="6:43">
      <c r="F781" s="62"/>
      <c r="G781" s="62"/>
      <c r="H781" s="62"/>
      <c r="I781" s="62"/>
      <c r="J781" s="62"/>
      <c r="K781" s="62"/>
      <c r="L781" s="62"/>
      <c r="M781" s="62"/>
      <c r="N781" s="62"/>
      <c r="O781" s="62"/>
      <c r="P781" s="62"/>
      <c r="Q781" s="62"/>
      <c r="R781" s="62"/>
      <c r="S781" s="62"/>
      <c r="T781" s="62"/>
      <c r="U781" s="62"/>
      <c r="V781" s="62"/>
      <c r="W781" s="62"/>
      <c r="X781" s="62"/>
      <c r="Y781" s="62"/>
      <c r="Z781" s="62"/>
      <c r="AA781" s="62"/>
      <c r="AB781" s="62"/>
      <c r="AC781" s="62"/>
      <c r="AD781" s="62"/>
      <c r="AE781" s="62"/>
      <c r="AF781" s="62"/>
      <c r="AG781" s="62"/>
      <c r="AH781" s="62"/>
      <c r="AI781" s="62"/>
      <c r="AJ781" s="62"/>
      <c r="AK781" s="62"/>
      <c r="AL781" s="62"/>
      <c r="AM781" s="62"/>
      <c r="AN781" s="62"/>
      <c r="AO781" s="62"/>
      <c r="AP781" s="62"/>
      <c r="AQ781" s="62"/>
    </row>
    <row r="782" spans="6:43">
      <c r="F782" s="62"/>
      <c r="G782" s="62"/>
      <c r="H782" s="62"/>
      <c r="I782" s="62"/>
      <c r="J782" s="62"/>
      <c r="K782" s="62"/>
      <c r="L782" s="62"/>
      <c r="M782" s="62"/>
      <c r="N782" s="62"/>
      <c r="O782" s="62"/>
      <c r="P782" s="62"/>
      <c r="Q782" s="62"/>
      <c r="R782" s="62"/>
      <c r="S782" s="62"/>
      <c r="T782" s="62"/>
      <c r="U782" s="62"/>
      <c r="V782" s="62"/>
      <c r="W782" s="62"/>
      <c r="X782" s="62"/>
      <c r="Y782" s="62"/>
      <c r="Z782" s="62"/>
      <c r="AA782" s="62"/>
      <c r="AB782" s="62"/>
      <c r="AC782" s="62"/>
      <c r="AD782" s="62"/>
      <c r="AE782" s="62"/>
      <c r="AF782" s="62"/>
      <c r="AG782" s="62"/>
      <c r="AH782" s="62"/>
      <c r="AI782" s="62"/>
      <c r="AJ782" s="62"/>
      <c r="AK782" s="62"/>
      <c r="AL782" s="62"/>
      <c r="AM782" s="62"/>
      <c r="AN782" s="62"/>
      <c r="AO782" s="62"/>
      <c r="AP782" s="62"/>
      <c r="AQ782" s="62"/>
    </row>
    <row r="783" spans="6:43">
      <c r="F783" s="141"/>
      <c r="G783" s="141"/>
      <c r="H783" s="141"/>
      <c r="I783" s="141"/>
      <c r="J783" s="141"/>
      <c r="K783" s="141"/>
      <c r="L783" s="141"/>
      <c r="M783" s="141"/>
      <c r="N783" s="141"/>
      <c r="O783" s="131"/>
      <c r="P783" s="141"/>
      <c r="Q783" s="141"/>
      <c r="R783" s="141"/>
      <c r="S783" s="141"/>
      <c r="T783" s="141"/>
      <c r="U783" s="141"/>
      <c r="V783" s="141"/>
      <c r="W783" s="141"/>
      <c r="X783" s="141"/>
      <c r="Y783" s="141"/>
      <c r="Z783" s="141"/>
      <c r="AA783" s="141"/>
      <c r="AB783" s="141"/>
      <c r="AC783" s="141"/>
      <c r="AD783" s="141"/>
      <c r="AE783" s="141"/>
      <c r="AF783" s="141"/>
      <c r="AG783" s="141"/>
      <c r="AH783" s="141"/>
      <c r="AI783" s="141"/>
      <c r="AJ783" s="141"/>
      <c r="AK783" s="141"/>
      <c r="AL783" s="141"/>
      <c r="AM783" s="141"/>
      <c r="AN783" s="141"/>
      <c r="AO783" s="144"/>
      <c r="AP783" s="137"/>
      <c r="AQ783" s="137"/>
    </row>
    <row r="784" spans="6:43">
      <c r="F784" s="130"/>
      <c r="G784" s="130"/>
      <c r="H784" s="130"/>
      <c r="I784" s="130"/>
      <c r="J784" s="130"/>
      <c r="K784" s="130"/>
      <c r="L784" s="130"/>
      <c r="M784" s="130"/>
      <c r="N784" s="130"/>
      <c r="O784" s="131"/>
      <c r="P784" s="130"/>
      <c r="Q784" s="130"/>
      <c r="R784" s="130"/>
      <c r="S784" s="130"/>
      <c r="T784" s="130"/>
      <c r="U784" s="130"/>
      <c r="V784" s="130"/>
      <c r="W784" s="130"/>
      <c r="X784" s="130"/>
      <c r="Y784" s="130"/>
      <c r="Z784" s="130"/>
      <c r="AA784" s="130"/>
      <c r="AB784" s="130"/>
      <c r="AC784" s="130"/>
      <c r="AD784" s="130"/>
      <c r="AE784" s="130"/>
      <c r="AF784" s="130"/>
      <c r="AG784" s="130"/>
      <c r="AH784" s="130"/>
      <c r="AI784" s="130"/>
      <c r="AJ784" s="130"/>
      <c r="AK784" s="130"/>
      <c r="AL784" s="130"/>
      <c r="AM784" s="130"/>
      <c r="AN784" s="130"/>
      <c r="AO784" s="134"/>
      <c r="AP784" s="114"/>
      <c r="AQ784" s="114"/>
    </row>
    <row r="785" spans="6:43">
      <c r="F785" s="62"/>
      <c r="G785" s="62"/>
      <c r="H785" s="62"/>
      <c r="I785" s="62"/>
      <c r="J785" s="62"/>
      <c r="K785" s="62"/>
      <c r="L785" s="62"/>
      <c r="M785" s="62"/>
      <c r="N785" s="62"/>
      <c r="O785" s="62"/>
      <c r="P785" s="62"/>
      <c r="Q785" s="62"/>
      <c r="R785" s="62"/>
      <c r="S785" s="62"/>
      <c r="T785" s="62"/>
      <c r="U785" s="62"/>
      <c r="V785" s="62"/>
      <c r="W785" s="62"/>
      <c r="X785" s="62"/>
      <c r="Y785" s="62"/>
      <c r="Z785" s="62"/>
      <c r="AA785" s="62"/>
      <c r="AB785" s="62"/>
      <c r="AC785" s="62"/>
      <c r="AD785" s="62"/>
      <c r="AE785" s="62"/>
      <c r="AF785" s="62"/>
      <c r="AG785" s="62"/>
      <c r="AH785" s="62"/>
      <c r="AI785" s="62"/>
      <c r="AJ785" s="62"/>
      <c r="AK785" s="62"/>
      <c r="AL785" s="62"/>
      <c r="AM785" s="62"/>
      <c r="AN785" s="62"/>
      <c r="AO785" s="62"/>
      <c r="AP785" s="62"/>
      <c r="AQ785" s="62"/>
    </row>
    <row r="786" spans="6:43">
      <c r="F786" s="62"/>
      <c r="G786" s="62"/>
      <c r="H786" s="62"/>
      <c r="I786" s="62"/>
      <c r="J786" s="62"/>
      <c r="K786" s="62"/>
      <c r="L786" s="62"/>
      <c r="M786" s="62"/>
      <c r="N786" s="62"/>
      <c r="O786" s="62"/>
      <c r="P786" s="62"/>
      <c r="Q786" s="62"/>
      <c r="R786" s="62"/>
      <c r="S786" s="62"/>
      <c r="T786" s="62"/>
      <c r="U786" s="62"/>
      <c r="V786" s="62"/>
      <c r="W786" s="62"/>
      <c r="X786" s="62"/>
      <c r="Y786" s="62"/>
      <c r="Z786" s="62"/>
      <c r="AA786" s="62"/>
      <c r="AB786" s="62"/>
      <c r="AC786" s="62"/>
      <c r="AD786" s="62"/>
      <c r="AE786" s="62"/>
      <c r="AF786" s="62"/>
      <c r="AG786" s="62"/>
      <c r="AH786" s="62"/>
      <c r="AI786" s="62"/>
      <c r="AJ786" s="62"/>
      <c r="AK786" s="62"/>
      <c r="AL786" s="62"/>
      <c r="AM786" s="62"/>
      <c r="AN786" s="62"/>
      <c r="AO786" s="62"/>
      <c r="AP786" s="62"/>
      <c r="AQ786" s="62"/>
    </row>
    <row r="787" spans="6:43">
      <c r="F787" s="62"/>
      <c r="G787" s="62"/>
      <c r="H787" s="62"/>
      <c r="I787" s="62"/>
      <c r="J787" s="62"/>
      <c r="K787" s="62"/>
      <c r="L787" s="62"/>
      <c r="M787" s="62"/>
      <c r="N787" s="62"/>
      <c r="O787" s="62"/>
      <c r="P787" s="62"/>
      <c r="Q787" s="62"/>
      <c r="R787" s="62"/>
      <c r="S787" s="62"/>
      <c r="T787" s="62"/>
      <c r="U787" s="62"/>
      <c r="V787" s="62"/>
      <c r="W787" s="62"/>
      <c r="X787" s="62"/>
      <c r="Y787" s="62"/>
      <c r="Z787" s="62"/>
      <c r="AA787" s="62"/>
      <c r="AB787" s="62"/>
      <c r="AC787" s="62"/>
      <c r="AD787" s="62"/>
      <c r="AE787" s="62"/>
      <c r="AF787" s="62"/>
      <c r="AG787" s="62"/>
      <c r="AH787" s="62"/>
      <c r="AI787" s="62"/>
      <c r="AJ787" s="62"/>
      <c r="AK787" s="62"/>
      <c r="AL787" s="62"/>
      <c r="AM787" s="62"/>
      <c r="AN787" s="62"/>
      <c r="AO787" s="62"/>
      <c r="AP787" s="62"/>
      <c r="AQ787" s="62"/>
    </row>
    <row r="788" spans="6:43">
      <c r="F788" s="130"/>
      <c r="G788" s="130"/>
      <c r="H788" s="130"/>
      <c r="I788" s="130"/>
      <c r="J788" s="130"/>
      <c r="K788" s="130"/>
      <c r="L788" s="130"/>
      <c r="M788" s="130"/>
      <c r="N788" s="130"/>
      <c r="O788" s="131"/>
      <c r="P788" s="130"/>
      <c r="Q788" s="130"/>
      <c r="R788" s="130"/>
      <c r="S788" s="130"/>
      <c r="T788" s="130"/>
      <c r="U788" s="130"/>
      <c r="V788" s="130"/>
      <c r="W788" s="130"/>
      <c r="X788" s="130"/>
      <c r="Y788" s="130"/>
      <c r="Z788" s="130"/>
      <c r="AA788" s="130"/>
      <c r="AB788" s="130"/>
      <c r="AC788" s="130"/>
      <c r="AD788" s="130"/>
      <c r="AE788" s="130"/>
      <c r="AF788" s="130"/>
      <c r="AG788" s="130"/>
      <c r="AH788" s="130"/>
      <c r="AI788" s="130"/>
      <c r="AJ788" s="130"/>
      <c r="AK788" s="130"/>
      <c r="AL788" s="130"/>
      <c r="AM788" s="130"/>
      <c r="AN788" s="130"/>
      <c r="AO788" s="134"/>
      <c r="AP788" s="114"/>
      <c r="AQ788" s="114"/>
    </row>
    <row r="789" spans="6:43">
      <c r="F789" s="130"/>
      <c r="G789" s="130"/>
      <c r="H789" s="130"/>
      <c r="I789" s="130"/>
      <c r="J789" s="130"/>
      <c r="K789" s="130"/>
      <c r="L789" s="130"/>
      <c r="M789" s="130"/>
      <c r="N789" s="130"/>
      <c r="O789" s="131"/>
      <c r="P789" s="130"/>
      <c r="Q789" s="130"/>
      <c r="R789" s="130"/>
      <c r="S789" s="130"/>
      <c r="T789" s="130"/>
      <c r="U789" s="130"/>
      <c r="V789" s="130"/>
      <c r="W789" s="130"/>
      <c r="X789" s="130"/>
      <c r="Y789" s="130"/>
      <c r="Z789" s="130"/>
      <c r="AA789" s="130"/>
      <c r="AB789" s="130"/>
      <c r="AC789" s="130"/>
      <c r="AD789" s="130"/>
      <c r="AE789" s="130"/>
      <c r="AF789" s="130"/>
      <c r="AG789" s="130"/>
      <c r="AH789" s="130"/>
      <c r="AI789" s="130"/>
      <c r="AJ789" s="130"/>
      <c r="AK789" s="130"/>
      <c r="AL789" s="130"/>
      <c r="AM789" s="130"/>
      <c r="AN789" s="130"/>
      <c r="AO789" s="134"/>
      <c r="AP789" s="114"/>
      <c r="AQ789" s="114"/>
    </row>
    <row r="790" spans="6:43">
      <c r="F790" s="62"/>
      <c r="G790" s="62"/>
      <c r="H790" s="62"/>
      <c r="I790" s="62"/>
      <c r="J790" s="62"/>
      <c r="K790" s="62"/>
      <c r="L790" s="62"/>
      <c r="M790" s="62"/>
      <c r="N790" s="62"/>
      <c r="O790" s="62"/>
      <c r="P790" s="62"/>
      <c r="Q790" s="62"/>
      <c r="R790" s="62"/>
      <c r="S790" s="62"/>
      <c r="T790" s="62"/>
      <c r="U790" s="62"/>
      <c r="V790" s="62"/>
      <c r="W790" s="62"/>
      <c r="X790" s="62"/>
      <c r="Y790" s="62"/>
      <c r="Z790" s="62"/>
      <c r="AA790" s="62"/>
      <c r="AB790" s="62"/>
      <c r="AC790" s="62"/>
      <c r="AD790" s="62"/>
      <c r="AE790" s="62"/>
      <c r="AF790" s="62"/>
      <c r="AG790" s="62"/>
      <c r="AH790" s="62"/>
      <c r="AI790" s="62"/>
      <c r="AJ790" s="62"/>
      <c r="AK790" s="62"/>
      <c r="AL790" s="62"/>
      <c r="AM790" s="62"/>
      <c r="AN790" s="62"/>
      <c r="AO790" s="62"/>
      <c r="AP790" s="62"/>
      <c r="AQ790" s="62"/>
    </row>
    <row r="791" spans="6:43">
      <c r="F791" s="62"/>
      <c r="G791" s="62"/>
      <c r="H791" s="62"/>
      <c r="I791" s="62"/>
      <c r="J791" s="62"/>
      <c r="K791" s="62"/>
      <c r="L791" s="62"/>
      <c r="M791" s="62"/>
      <c r="N791" s="62"/>
      <c r="O791" s="62"/>
      <c r="P791" s="62"/>
      <c r="Q791" s="62"/>
      <c r="R791" s="62"/>
      <c r="S791" s="62"/>
      <c r="T791" s="62"/>
      <c r="U791" s="62"/>
      <c r="V791" s="62"/>
      <c r="W791" s="62"/>
      <c r="X791" s="62"/>
      <c r="Y791" s="62"/>
      <c r="Z791" s="62"/>
      <c r="AA791" s="62"/>
      <c r="AB791" s="62"/>
      <c r="AC791" s="62"/>
      <c r="AD791" s="62"/>
      <c r="AE791" s="62"/>
      <c r="AF791" s="62"/>
      <c r="AG791" s="62"/>
      <c r="AH791" s="62"/>
      <c r="AI791" s="62"/>
      <c r="AJ791" s="62"/>
      <c r="AK791" s="62"/>
      <c r="AL791" s="62"/>
      <c r="AM791" s="62"/>
      <c r="AN791" s="62"/>
      <c r="AO791" s="62"/>
      <c r="AP791" s="62"/>
      <c r="AQ791" s="62"/>
    </row>
    <row r="792" spans="6:43">
      <c r="F792" s="62"/>
      <c r="G792" s="62"/>
      <c r="H792" s="62"/>
      <c r="I792" s="62"/>
      <c r="J792" s="62"/>
      <c r="K792" s="62"/>
      <c r="L792" s="62"/>
      <c r="M792" s="62"/>
      <c r="N792" s="62"/>
      <c r="O792" s="62"/>
      <c r="P792" s="62"/>
      <c r="Q792" s="62"/>
      <c r="R792" s="62"/>
      <c r="S792" s="62"/>
      <c r="T792" s="62"/>
      <c r="U792" s="62"/>
      <c r="V792" s="62"/>
      <c r="W792" s="62"/>
      <c r="X792" s="62"/>
      <c r="Y792" s="62"/>
      <c r="Z792" s="62"/>
      <c r="AA792" s="62"/>
      <c r="AB792" s="62"/>
      <c r="AC792" s="62"/>
      <c r="AD792" s="62"/>
      <c r="AE792" s="62"/>
      <c r="AF792" s="62"/>
      <c r="AG792" s="62"/>
      <c r="AH792" s="62"/>
      <c r="AI792" s="62"/>
      <c r="AJ792" s="62"/>
      <c r="AK792" s="62"/>
      <c r="AL792" s="62"/>
      <c r="AM792" s="62"/>
      <c r="AN792" s="62"/>
      <c r="AO792" s="62"/>
      <c r="AP792" s="62"/>
      <c r="AQ792" s="62"/>
    </row>
    <row r="793" spans="6:43">
      <c r="F793" s="130"/>
      <c r="G793" s="130"/>
      <c r="H793" s="130"/>
      <c r="I793" s="130"/>
      <c r="J793" s="130"/>
      <c r="K793" s="130"/>
      <c r="L793" s="130"/>
      <c r="M793" s="130"/>
      <c r="N793" s="130"/>
      <c r="O793" s="131"/>
      <c r="P793" s="130"/>
      <c r="Q793" s="130"/>
      <c r="R793" s="130"/>
      <c r="S793" s="130"/>
      <c r="T793" s="130"/>
      <c r="U793" s="130"/>
      <c r="V793" s="130"/>
      <c r="W793" s="130"/>
      <c r="X793" s="130"/>
      <c r="Y793" s="130"/>
      <c r="Z793" s="130"/>
      <c r="AA793" s="130"/>
      <c r="AB793" s="130"/>
      <c r="AC793" s="130"/>
      <c r="AD793" s="130"/>
      <c r="AE793" s="130"/>
      <c r="AF793" s="130"/>
      <c r="AG793" s="130"/>
      <c r="AH793" s="130"/>
      <c r="AI793" s="130"/>
      <c r="AJ793" s="130"/>
      <c r="AK793" s="130"/>
      <c r="AL793" s="130"/>
      <c r="AM793" s="130"/>
      <c r="AN793" s="130"/>
      <c r="AO793" s="134"/>
      <c r="AP793" s="114"/>
      <c r="AQ793" s="114"/>
    </row>
    <row r="794" spans="6:43">
      <c r="F794" s="130"/>
      <c r="G794" s="130"/>
      <c r="H794" s="130"/>
      <c r="I794" s="130"/>
      <c r="J794" s="130"/>
      <c r="K794" s="130"/>
      <c r="L794" s="130"/>
      <c r="M794" s="130"/>
      <c r="N794" s="130"/>
      <c r="O794" s="131"/>
      <c r="P794" s="130"/>
      <c r="Q794" s="130"/>
      <c r="R794" s="130"/>
      <c r="S794" s="130"/>
      <c r="T794" s="130"/>
      <c r="U794" s="130"/>
      <c r="V794" s="130"/>
      <c r="W794" s="130"/>
      <c r="X794" s="130"/>
      <c r="Y794" s="130"/>
      <c r="Z794" s="130"/>
      <c r="AA794" s="130"/>
      <c r="AB794" s="130"/>
      <c r="AC794" s="130"/>
      <c r="AD794" s="130"/>
      <c r="AE794" s="130"/>
      <c r="AF794" s="130"/>
      <c r="AG794" s="130"/>
      <c r="AH794" s="130"/>
      <c r="AI794" s="130"/>
      <c r="AJ794" s="130"/>
      <c r="AK794" s="130"/>
      <c r="AL794" s="130"/>
      <c r="AM794" s="130"/>
      <c r="AN794" s="130"/>
      <c r="AO794" s="134"/>
      <c r="AP794" s="114"/>
      <c r="AQ794" s="114"/>
    </row>
    <row r="795" spans="6:43">
      <c r="F795" s="62"/>
      <c r="G795" s="62"/>
      <c r="H795" s="62"/>
      <c r="I795" s="62"/>
      <c r="J795" s="62"/>
      <c r="K795" s="62"/>
      <c r="L795" s="62"/>
      <c r="M795" s="62"/>
      <c r="N795" s="62"/>
      <c r="O795" s="62"/>
      <c r="P795" s="62"/>
      <c r="Q795" s="62"/>
      <c r="R795" s="62"/>
      <c r="S795" s="62"/>
      <c r="T795" s="62"/>
      <c r="U795" s="62"/>
      <c r="V795" s="62"/>
      <c r="W795" s="62"/>
      <c r="X795" s="62"/>
      <c r="Y795" s="62"/>
      <c r="Z795" s="62"/>
      <c r="AA795" s="62"/>
      <c r="AB795" s="62"/>
      <c r="AC795" s="62"/>
      <c r="AD795" s="62"/>
      <c r="AE795" s="62"/>
      <c r="AF795" s="62"/>
      <c r="AG795" s="62"/>
      <c r="AH795" s="62"/>
      <c r="AI795" s="62"/>
      <c r="AJ795" s="62"/>
      <c r="AK795" s="62"/>
      <c r="AL795" s="62"/>
      <c r="AM795" s="62"/>
      <c r="AN795" s="62"/>
      <c r="AO795" s="62"/>
      <c r="AP795" s="62"/>
      <c r="AQ795" s="62"/>
    </row>
    <row r="796" spans="6:43">
      <c r="F796" s="62"/>
      <c r="G796" s="62"/>
      <c r="H796" s="62"/>
      <c r="I796" s="62"/>
      <c r="J796" s="62"/>
      <c r="K796" s="62"/>
      <c r="L796" s="62"/>
      <c r="M796" s="62"/>
      <c r="N796" s="62"/>
      <c r="O796" s="62"/>
      <c r="P796" s="62"/>
      <c r="Q796" s="62"/>
      <c r="R796" s="62"/>
      <c r="S796" s="62"/>
      <c r="T796" s="62"/>
      <c r="U796" s="62"/>
      <c r="V796" s="62"/>
      <c r="W796" s="62"/>
      <c r="X796" s="62"/>
      <c r="Y796" s="62"/>
      <c r="Z796" s="62"/>
      <c r="AA796" s="62"/>
      <c r="AB796" s="62"/>
      <c r="AC796" s="62"/>
      <c r="AD796" s="62"/>
      <c r="AE796" s="62"/>
      <c r="AF796" s="62"/>
      <c r="AG796" s="62"/>
      <c r="AH796" s="62"/>
      <c r="AI796" s="62"/>
      <c r="AJ796" s="62"/>
      <c r="AK796" s="62"/>
      <c r="AL796" s="62"/>
      <c r="AM796" s="62"/>
      <c r="AN796" s="62"/>
      <c r="AO796" s="62"/>
      <c r="AP796" s="62"/>
      <c r="AQ796" s="62"/>
    </row>
    <row r="797" spans="6:43">
      <c r="F797" s="62"/>
      <c r="G797" s="62"/>
      <c r="H797" s="62"/>
      <c r="I797" s="62"/>
      <c r="J797" s="62"/>
      <c r="K797" s="62"/>
      <c r="L797" s="62"/>
      <c r="M797" s="62"/>
      <c r="N797" s="62"/>
      <c r="O797" s="62"/>
      <c r="P797" s="62"/>
      <c r="Q797" s="62"/>
      <c r="R797" s="62"/>
      <c r="S797" s="62"/>
      <c r="T797" s="62"/>
      <c r="U797" s="62"/>
      <c r="V797" s="62"/>
      <c r="W797" s="62"/>
      <c r="X797" s="62"/>
      <c r="Y797" s="62"/>
      <c r="Z797" s="62"/>
      <c r="AA797" s="62"/>
      <c r="AB797" s="62"/>
      <c r="AC797" s="62"/>
      <c r="AD797" s="62"/>
      <c r="AE797" s="62"/>
      <c r="AF797" s="62"/>
      <c r="AG797" s="62"/>
      <c r="AH797" s="62"/>
      <c r="AI797" s="62"/>
      <c r="AJ797" s="62"/>
      <c r="AK797" s="62"/>
      <c r="AL797" s="62"/>
      <c r="AM797" s="62"/>
      <c r="AN797" s="62"/>
      <c r="AO797" s="62"/>
      <c r="AP797" s="62"/>
      <c r="AQ797" s="62"/>
    </row>
    <row r="798" spans="6:43">
      <c r="F798" s="62"/>
      <c r="G798" s="62"/>
      <c r="H798" s="62"/>
      <c r="I798" s="62"/>
      <c r="J798" s="62"/>
      <c r="K798" s="62"/>
      <c r="L798" s="62"/>
      <c r="M798" s="62"/>
      <c r="N798" s="62"/>
      <c r="O798" s="62"/>
      <c r="P798" s="62"/>
      <c r="Q798" s="62"/>
      <c r="R798" s="62"/>
      <c r="S798" s="62"/>
      <c r="T798" s="62"/>
      <c r="U798" s="62"/>
      <c r="V798" s="62"/>
      <c r="W798" s="62"/>
      <c r="X798" s="62"/>
      <c r="Y798" s="62"/>
      <c r="Z798" s="62"/>
      <c r="AA798" s="62"/>
      <c r="AB798" s="62"/>
      <c r="AC798" s="62"/>
      <c r="AD798" s="62"/>
      <c r="AE798" s="62"/>
      <c r="AF798" s="62"/>
      <c r="AG798" s="62"/>
      <c r="AH798" s="62"/>
      <c r="AI798" s="62"/>
      <c r="AJ798" s="62"/>
      <c r="AK798" s="62"/>
      <c r="AL798" s="62"/>
      <c r="AM798" s="62"/>
      <c r="AN798" s="62"/>
      <c r="AO798" s="62"/>
      <c r="AP798" s="62"/>
      <c r="AQ798" s="62"/>
    </row>
    <row r="799" spans="6:43">
      <c r="F799" s="62"/>
      <c r="G799" s="62"/>
      <c r="H799" s="62"/>
      <c r="I799" s="62"/>
      <c r="J799" s="62"/>
      <c r="K799" s="62"/>
      <c r="L799" s="62"/>
      <c r="M799" s="62"/>
      <c r="N799" s="62"/>
      <c r="O799" s="62"/>
      <c r="P799" s="62"/>
      <c r="Q799" s="62"/>
      <c r="R799" s="62"/>
      <c r="S799" s="62"/>
      <c r="T799" s="62"/>
      <c r="U799" s="62"/>
      <c r="V799" s="62"/>
      <c r="W799" s="62"/>
      <c r="X799" s="62"/>
      <c r="Y799" s="62"/>
      <c r="Z799" s="62"/>
      <c r="AA799" s="62"/>
      <c r="AB799" s="62"/>
      <c r="AC799" s="62"/>
      <c r="AD799" s="62"/>
      <c r="AE799" s="62"/>
      <c r="AF799" s="62"/>
      <c r="AG799" s="62"/>
      <c r="AH799" s="62"/>
      <c r="AI799" s="62"/>
      <c r="AJ799" s="62"/>
      <c r="AK799" s="62"/>
      <c r="AL799" s="62"/>
      <c r="AM799" s="62"/>
      <c r="AN799" s="62"/>
      <c r="AO799" s="62"/>
      <c r="AP799" s="62"/>
      <c r="AQ799" s="62"/>
    </row>
    <row r="800" spans="6:43">
      <c r="F800" s="62"/>
      <c r="G800" s="62"/>
      <c r="H800" s="62"/>
      <c r="I800" s="62"/>
      <c r="J800" s="62"/>
      <c r="K800" s="62"/>
      <c r="L800" s="62"/>
      <c r="M800" s="62"/>
      <c r="N800" s="62"/>
      <c r="O800" s="62"/>
      <c r="P800" s="62"/>
      <c r="Q800" s="62"/>
      <c r="R800" s="62"/>
      <c r="S800" s="62"/>
      <c r="T800" s="62"/>
      <c r="U800" s="62"/>
      <c r="V800" s="62"/>
      <c r="W800" s="62"/>
      <c r="X800" s="62"/>
      <c r="Y800" s="62"/>
      <c r="Z800" s="62"/>
      <c r="AA800" s="62"/>
      <c r="AB800" s="62"/>
      <c r="AC800" s="62"/>
      <c r="AD800" s="62"/>
      <c r="AE800" s="62"/>
      <c r="AF800" s="62"/>
      <c r="AG800" s="62"/>
      <c r="AH800" s="62"/>
      <c r="AI800" s="62"/>
      <c r="AJ800" s="62"/>
      <c r="AK800" s="62"/>
      <c r="AL800" s="62"/>
      <c r="AM800" s="62"/>
      <c r="AN800" s="62"/>
      <c r="AO800" s="62"/>
      <c r="AP800" s="62"/>
      <c r="AQ800" s="62"/>
    </row>
    <row r="801" spans="6:43">
      <c r="F801" s="62"/>
      <c r="G801" s="62"/>
      <c r="H801" s="62"/>
      <c r="I801" s="62"/>
      <c r="J801" s="62"/>
      <c r="K801" s="62"/>
      <c r="L801" s="62"/>
      <c r="M801" s="62"/>
      <c r="N801" s="62"/>
      <c r="O801" s="62"/>
      <c r="P801" s="62"/>
      <c r="Q801" s="62"/>
      <c r="R801" s="62"/>
      <c r="S801" s="62"/>
      <c r="T801" s="62"/>
      <c r="U801" s="62"/>
      <c r="V801" s="62"/>
      <c r="W801" s="62"/>
      <c r="X801" s="62"/>
      <c r="Y801" s="62"/>
      <c r="Z801" s="62"/>
      <c r="AA801" s="62"/>
      <c r="AB801" s="62"/>
      <c r="AC801" s="62"/>
      <c r="AD801" s="62"/>
      <c r="AE801" s="62"/>
      <c r="AF801" s="62"/>
      <c r="AG801" s="62"/>
      <c r="AH801" s="62"/>
      <c r="AI801" s="62"/>
      <c r="AJ801" s="62"/>
      <c r="AK801" s="62"/>
      <c r="AL801" s="62"/>
      <c r="AM801" s="62"/>
      <c r="AN801" s="62"/>
      <c r="AO801" s="62"/>
      <c r="AP801" s="62"/>
      <c r="AQ801" s="62"/>
    </row>
    <row r="802" spans="6:43">
      <c r="F802" s="62"/>
      <c r="G802" s="62"/>
      <c r="H802" s="62"/>
      <c r="I802" s="62"/>
      <c r="J802" s="62"/>
      <c r="K802" s="62"/>
      <c r="L802" s="62"/>
      <c r="M802" s="62"/>
      <c r="N802" s="62"/>
      <c r="O802" s="62"/>
      <c r="P802" s="62"/>
      <c r="Q802" s="62"/>
      <c r="R802" s="62"/>
      <c r="S802" s="62"/>
      <c r="T802" s="62"/>
      <c r="U802" s="62"/>
      <c r="V802" s="62"/>
      <c r="W802" s="62"/>
      <c r="X802" s="62"/>
      <c r="Y802" s="62"/>
      <c r="Z802" s="62"/>
      <c r="AA802" s="62"/>
      <c r="AB802" s="62"/>
      <c r="AC802" s="62"/>
      <c r="AD802" s="62"/>
      <c r="AE802" s="62"/>
      <c r="AF802" s="62"/>
      <c r="AG802" s="62"/>
      <c r="AH802" s="62"/>
      <c r="AI802" s="62"/>
      <c r="AJ802" s="62"/>
      <c r="AK802" s="62"/>
      <c r="AL802" s="62"/>
      <c r="AM802" s="62"/>
      <c r="AN802" s="62"/>
      <c r="AO802" s="62"/>
      <c r="AP802" s="62"/>
      <c r="AQ802" s="62"/>
    </row>
    <row r="803" spans="6:43">
      <c r="F803" s="130"/>
      <c r="G803" s="130"/>
      <c r="H803" s="130"/>
      <c r="I803" s="130"/>
      <c r="J803" s="130"/>
      <c r="K803" s="130"/>
      <c r="L803" s="130"/>
      <c r="M803" s="130"/>
      <c r="N803" s="130"/>
      <c r="O803" s="131"/>
      <c r="P803" s="130"/>
      <c r="Q803" s="130"/>
      <c r="R803" s="130"/>
      <c r="S803" s="130"/>
      <c r="T803" s="130"/>
      <c r="U803" s="130"/>
      <c r="V803" s="130"/>
      <c r="W803" s="130"/>
      <c r="X803" s="130"/>
      <c r="Y803" s="130"/>
      <c r="Z803" s="130"/>
      <c r="AA803" s="130"/>
      <c r="AB803" s="130"/>
      <c r="AC803" s="130"/>
      <c r="AD803" s="130"/>
      <c r="AE803" s="130"/>
      <c r="AF803" s="130"/>
      <c r="AG803" s="130"/>
      <c r="AH803" s="130"/>
      <c r="AI803" s="130"/>
      <c r="AJ803" s="130"/>
      <c r="AK803" s="130"/>
      <c r="AL803" s="130"/>
      <c r="AM803" s="130"/>
      <c r="AN803" s="130"/>
      <c r="AO803" s="134"/>
      <c r="AP803" s="114"/>
      <c r="AQ803" s="114"/>
    </row>
    <row r="804" spans="6:43">
      <c r="F804" s="62"/>
      <c r="G804" s="62"/>
      <c r="H804" s="62"/>
      <c r="I804" s="62"/>
      <c r="J804" s="62"/>
      <c r="K804" s="62"/>
      <c r="L804" s="62"/>
      <c r="M804" s="62"/>
      <c r="N804" s="62"/>
      <c r="O804" s="62"/>
      <c r="P804" s="62"/>
      <c r="Q804" s="62"/>
      <c r="R804" s="62"/>
      <c r="S804" s="62"/>
      <c r="T804" s="62"/>
      <c r="U804" s="62"/>
      <c r="V804" s="62"/>
      <c r="W804" s="62"/>
      <c r="X804" s="62"/>
      <c r="Y804" s="62"/>
      <c r="Z804" s="62"/>
      <c r="AA804" s="62"/>
      <c r="AB804" s="62"/>
      <c r="AC804" s="62"/>
      <c r="AD804" s="62"/>
      <c r="AE804" s="62"/>
      <c r="AF804" s="62"/>
      <c r="AG804" s="62"/>
      <c r="AH804" s="62"/>
      <c r="AI804" s="62"/>
      <c r="AJ804" s="62"/>
      <c r="AK804" s="62"/>
      <c r="AL804" s="62"/>
      <c r="AM804" s="62"/>
      <c r="AN804" s="62"/>
      <c r="AO804" s="62"/>
      <c r="AP804" s="62"/>
      <c r="AQ804" s="62"/>
    </row>
    <row r="805" spans="6:43">
      <c r="F805" s="130"/>
      <c r="G805" s="130"/>
      <c r="H805" s="130"/>
      <c r="I805" s="130"/>
      <c r="J805" s="130"/>
      <c r="K805" s="130"/>
      <c r="L805" s="130"/>
      <c r="M805" s="130"/>
      <c r="N805" s="130"/>
      <c r="O805" s="131"/>
      <c r="P805" s="130"/>
      <c r="Q805" s="130"/>
      <c r="R805" s="130"/>
      <c r="S805" s="130"/>
      <c r="T805" s="130"/>
      <c r="U805" s="130"/>
      <c r="V805" s="130"/>
      <c r="W805" s="130"/>
      <c r="X805" s="130"/>
      <c r="Y805" s="130"/>
      <c r="Z805" s="130"/>
      <c r="AA805" s="130"/>
      <c r="AB805" s="130"/>
      <c r="AC805" s="130"/>
      <c r="AD805" s="130"/>
      <c r="AE805" s="130"/>
      <c r="AF805" s="130"/>
      <c r="AG805" s="130"/>
      <c r="AH805" s="130"/>
      <c r="AI805" s="130"/>
      <c r="AJ805" s="130"/>
      <c r="AK805" s="130"/>
      <c r="AL805" s="130"/>
      <c r="AM805" s="130"/>
      <c r="AN805" s="130"/>
      <c r="AO805" s="134"/>
      <c r="AP805" s="114"/>
      <c r="AQ805" s="114"/>
    </row>
    <row r="806" spans="6:43">
      <c r="F806" s="62"/>
      <c r="G806" s="62"/>
      <c r="H806" s="62"/>
      <c r="I806" s="62"/>
      <c r="J806" s="62"/>
      <c r="K806" s="62"/>
      <c r="L806" s="62"/>
      <c r="M806" s="62"/>
      <c r="N806" s="62"/>
      <c r="O806" s="62"/>
      <c r="P806" s="62"/>
      <c r="Q806" s="62"/>
      <c r="R806" s="62"/>
      <c r="S806" s="62"/>
      <c r="T806" s="62"/>
      <c r="U806" s="62"/>
      <c r="V806" s="62"/>
      <c r="W806" s="62"/>
      <c r="X806" s="62"/>
      <c r="Y806" s="62"/>
      <c r="Z806" s="62"/>
      <c r="AA806" s="62"/>
      <c r="AB806" s="62"/>
      <c r="AC806" s="62"/>
      <c r="AD806" s="62"/>
      <c r="AE806" s="62"/>
      <c r="AF806" s="62"/>
      <c r="AG806" s="62"/>
      <c r="AH806" s="62"/>
      <c r="AI806" s="62"/>
      <c r="AJ806" s="62"/>
      <c r="AK806" s="62"/>
      <c r="AL806" s="62"/>
      <c r="AM806" s="62"/>
      <c r="AN806" s="62"/>
      <c r="AO806" s="62"/>
      <c r="AP806" s="62"/>
      <c r="AQ806" s="62"/>
    </row>
    <row r="807" spans="6:43">
      <c r="F807" s="62"/>
      <c r="G807" s="62"/>
      <c r="H807" s="62"/>
      <c r="I807" s="62"/>
      <c r="J807" s="62"/>
      <c r="K807" s="62"/>
      <c r="L807" s="62"/>
      <c r="M807" s="62"/>
      <c r="N807" s="62"/>
      <c r="O807" s="62"/>
      <c r="P807" s="62"/>
      <c r="Q807" s="62"/>
      <c r="R807" s="62"/>
      <c r="S807" s="62"/>
      <c r="T807" s="62"/>
      <c r="U807" s="62"/>
      <c r="V807" s="62"/>
      <c r="W807" s="62"/>
      <c r="X807" s="62"/>
      <c r="Y807" s="62"/>
      <c r="Z807" s="62"/>
      <c r="AA807" s="62"/>
      <c r="AB807" s="62"/>
      <c r="AC807" s="62"/>
      <c r="AD807" s="62"/>
      <c r="AE807" s="62"/>
      <c r="AF807" s="62"/>
      <c r="AG807" s="62"/>
      <c r="AH807" s="62"/>
      <c r="AI807" s="62"/>
      <c r="AJ807" s="62"/>
      <c r="AK807" s="62"/>
      <c r="AL807" s="62"/>
      <c r="AM807" s="62"/>
      <c r="AN807" s="62"/>
      <c r="AO807" s="62"/>
      <c r="AP807" s="62"/>
      <c r="AQ807" s="62"/>
    </row>
    <row r="808" spans="6:43">
      <c r="F808" s="130"/>
      <c r="G808" s="130"/>
      <c r="H808" s="130"/>
      <c r="I808" s="130"/>
      <c r="J808" s="130"/>
      <c r="K808" s="130"/>
      <c r="L808" s="130"/>
      <c r="M808" s="130"/>
      <c r="N808" s="130"/>
      <c r="O808" s="131"/>
      <c r="P808" s="130"/>
      <c r="Q808" s="130"/>
      <c r="R808" s="130"/>
      <c r="S808" s="130"/>
      <c r="T808" s="130"/>
      <c r="U808" s="130"/>
      <c r="V808" s="130"/>
      <c r="W808" s="130"/>
      <c r="X808" s="130"/>
      <c r="Y808" s="130"/>
      <c r="Z808" s="130"/>
      <c r="AA808" s="130"/>
      <c r="AB808" s="130"/>
      <c r="AC808" s="130"/>
      <c r="AD808" s="130"/>
      <c r="AE808" s="130"/>
      <c r="AF808" s="130"/>
      <c r="AG808" s="130"/>
      <c r="AH808" s="130"/>
      <c r="AI808" s="130"/>
      <c r="AJ808" s="130"/>
      <c r="AK808" s="130"/>
      <c r="AL808" s="130"/>
      <c r="AM808" s="130"/>
      <c r="AN808" s="130"/>
      <c r="AO808" s="134"/>
      <c r="AP808" s="114"/>
      <c r="AQ808" s="114"/>
    </row>
    <row r="809" spans="6:43">
      <c r="F809" s="62"/>
      <c r="G809" s="62"/>
      <c r="H809" s="62"/>
      <c r="I809" s="62"/>
      <c r="J809" s="62"/>
      <c r="K809" s="62"/>
      <c r="L809" s="62"/>
      <c r="M809" s="62"/>
      <c r="N809" s="62"/>
      <c r="O809" s="62"/>
      <c r="P809" s="62"/>
      <c r="Q809" s="62"/>
      <c r="R809" s="62"/>
      <c r="S809" s="62"/>
      <c r="T809" s="62"/>
      <c r="U809" s="62"/>
      <c r="V809" s="62"/>
      <c r="W809" s="62"/>
      <c r="X809" s="62"/>
      <c r="Y809" s="62"/>
      <c r="Z809" s="62"/>
      <c r="AA809" s="62"/>
      <c r="AB809" s="62"/>
      <c r="AC809" s="62"/>
      <c r="AD809" s="62"/>
      <c r="AE809" s="62"/>
      <c r="AF809" s="62"/>
      <c r="AG809" s="62"/>
      <c r="AH809" s="62"/>
      <c r="AI809" s="62"/>
      <c r="AJ809" s="62"/>
      <c r="AK809" s="62"/>
      <c r="AL809" s="62"/>
      <c r="AM809" s="62"/>
      <c r="AN809" s="62"/>
      <c r="AO809" s="62"/>
      <c r="AP809" s="62"/>
      <c r="AQ809" s="62"/>
    </row>
    <row r="810" spans="6:43">
      <c r="F810" s="62"/>
      <c r="G810" s="62"/>
      <c r="H810" s="62"/>
      <c r="I810" s="62"/>
      <c r="J810" s="62"/>
      <c r="K810" s="62"/>
      <c r="L810" s="62"/>
      <c r="M810" s="62"/>
      <c r="N810" s="62"/>
      <c r="O810" s="62"/>
      <c r="P810" s="62"/>
      <c r="Q810" s="62"/>
      <c r="R810" s="62"/>
      <c r="S810" s="62"/>
      <c r="T810" s="62"/>
      <c r="U810" s="62"/>
      <c r="V810" s="62"/>
      <c r="W810" s="62"/>
      <c r="X810" s="62"/>
      <c r="Y810" s="62"/>
      <c r="Z810" s="62"/>
      <c r="AA810" s="62"/>
      <c r="AB810" s="62"/>
      <c r="AC810" s="62"/>
      <c r="AD810" s="62"/>
      <c r="AE810" s="62"/>
      <c r="AF810" s="62"/>
      <c r="AG810" s="62"/>
      <c r="AH810" s="62"/>
      <c r="AI810" s="62"/>
      <c r="AJ810" s="62"/>
      <c r="AK810" s="62"/>
      <c r="AL810" s="62"/>
      <c r="AM810" s="62"/>
      <c r="AN810" s="62"/>
      <c r="AO810" s="62"/>
      <c r="AP810" s="62"/>
      <c r="AQ810" s="62"/>
    </row>
    <row r="811" spans="6:43">
      <c r="F811" s="130"/>
      <c r="G811" s="130"/>
      <c r="H811" s="130"/>
      <c r="I811" s="130"/>
      <c r="J811" s="130"/>
      <c r="K811" s="130"/>
      <c r="L811" s="130"/>
      <c r="M811" s="130"/>
      <c r="N811" s="130"/>
      <c r="O811" s="131"/>
      <c r="P811" s="130"/>
      <c r="Q811" s="130"/>
      <c r="R811" s="130"/>
      <c r="S811" s="130"/>
      <c r="T811" s="130"/>
      <c r="U811" s="130"/>
      <c r="V811" s="130"/>
      <c r="W811" s="130"/>
      <c r="X811" s="130"/>
      <c r="Y811" s="130"/>
      <c r="Z811" s="130"/>
      <c r="AA811" s="130"/>
      <c r="AB811" s="130"/>
      <c r="AC811" s="130"/>
      <c r="AD811" s="130"/>
      <c r="AE811" s="130"/>
      <c r="AF811" s="130"/>
      <c r="AG811" s="130"/>
      <c r="AH811" s="130"/>
      <c r="AI811" s="130"/>
      <c r="AJ811" s="130"/>
      <c r="AK811" s="130"/>
      <c r="AL811" s="130"/>
      <c r="AM811" s="130"/>
      <c r="AN811" s="130"/>
      <c r="AO811" s="134"/>
      <c r="AP811" s="114"/>
      <c r="AQ811" s="114"/>
    </row>
    <row r="812" spans="6:43">
      <c r="F812" s="62"/>
      <c r="G812" s="62"/>
      <c r="H812" s="62"/>
      <c r="I812" s="62"/>
      <c r="J812" s="62"/>
      <c r="K812" s="62"/>
      <c r="L812" s="62"/>
      <c r="M812" s="62"/>
      <c r="N812" s="62"/>
      <c r="O812" s="62"/>
      <c r="P812" s="62"/>
      <c r="Q812" s="62"/>
      <c r="R812" s="62"/>
      <c r="S812" s="62"/>
      <c r="T812" s="62"/>
      <c r="U812" s="62"/>
      <c r="V812" s="62"/>
      <c r="W812" s="62"/>
      <c r="X812" s="62"/>
      <c r="Y812" s="62"/>
      <c r="Z812" s="62"/>
      <c r="AA812" s="62"/>
      <c r="AB812" s="62"/>
      <c r="AC812" s="62"/>
      <c r="AD812" s="62"/>
      <c r="AE812" s="62"/>
      <c r="AF812" s="62"/>
      <c r="AG812" s="62"/>
      <c r="AH812" s="62"/>
      <c r="AI812" s="62"/>
      <c r="AJ812" s="62"/>
      <c r="AK812" s="62"/>
      <c r="AL812" s="62"/>
      <c r="AM812" s="62"/>
      <c r="AN812" s="62"/>
      <c r="AO812" s="62"/>
      <c r="AP812" s="62"/>
      <c r="AQ812" s="62"/>
    </row>
    <row r="813" spans="6:43">
      <c r="F813" s="130"/>
      <c r="G813" s="130"/>
      <c r="H813" s="130"/>
      <c r="I813" s="130"/>
      <c r="J813" s="130"/>
      <c r="K813" s="130"/>
      <c r="L813" s="130"/>
      <c r="M813" s="130"/>
      <c r="N813" s="130"/>
      <c r="O813" s="131"/>
      <c r="P813" s="130"/>
      <c r="Q813" s="130"/>
      <c r="R813" s="130"/>
      <c r="S813" s="130"/>
      <c r="T813" s="130"/>
      <c r="U813" s="130"/>
      <c r="V813" s="130"/>
      <c r="W813" s="130"/>
      <c r="X813" s="130"/>
      <c r="Y813" s="130"/>
      <c r="Z813" s="130"/>
      <c r="AA813" s="130"/>
      <c r="AB813" s="130"/>
      <c r="AC813" s="130"/>
      <c r="AD813" s="130"/>
      <c r="AE813" s="130"/>
      <c r="AF813" s="130"/>
      <c r="AG813" s="130"/>
      <c r="AH813" s="130"/>
      <c r="AI813" s="130"/>
      <c r="AJ813" s="130"/>
      <c r="AK813" s="130"/>
      <c r="AL813" s="130"/>
      <c r="AM813" s="130"/>
      <c r="AN813" s="130"/>
      <c r="AO813" s="134"/>
      <c r="AP813" s="114"/>
      <c r="AQ813" s="114"/>
    </row>
    <row r="814" spans="6:43">
      <c r="F814" s="62"/>
      <c r="G814" s="62"/>
      <c r="H814" s="62"/>
      <c r="I814" s="62"/>
      <c r="J814" s="62"/>
      <c r="K814" s="62"/>
      <c r="L814" s="62"/>
      <c r="M814" s="62"/>
      <c r="N814" s="62"/>
      <c r="O814" s="62"/>
      <c r="P814" s="62"/>
      <c r="Q814" s="62"/>
      <c r="R814" s="62"/>
      <c r="S814" s="62"/>
      <c r="T814" s="62"/>
      <c r="U814" s="62"/>
      <c r="V814" s="62"/>
      <c r="W814" s="62"/>
      <c r="X814" s="62"/>
      <c r="Y814" s="62"/>
      <c r="Z814" s="62"/>
      <c r="AA814" s="62"/>
      <c r="AB814" s="62"/>
      <c r="AC814" s="62"/>
      <c r="AD814" s="62"/>
      <c r="AE814" s="62"/>
      <c r="AF814" s="62"/>
      <c r="AG814" s="62"/>
      <c r="AH814" s="62"/>
      <c r="AI814" s="62"/>
      <c r="AJ814" s="62"/>
      <c r="AK814" s="62"/>
      <c r="AL814" s="62"/>
      <c r="AM814" s="62"/>
      <c r="AN814" s="62"/>
      <c r="AO814" s="62"/>
      <c r="AP814" s="62"/>
      <c r="AQ814" s="62"/>
    </row>
    <row r="815" spans="6:43">
      <c r="F815" s="62"/>
      <c r="G815" s="62"/>
      <c r="H815" s="62"/>
      <c r="I815" s="62"/>
      <c r="J815" s="62"/>
      <c r="K815" s="62"/>
      <c r="L815" s="62"/>
      <c r="M815" s="62"/>
      <c r="N815" s="62"/>
      <c r="O815" s="62"/>
      <c r="P815" s="62"/>
      <c r="Q815" s="62"/>
      <c r="R815" s="62"/>
      <c r="S815" s="62"/>
      <c r="T815" s="62"/>
      <c r="U815" s="62"/>
      <c r="V815" s="62"/>
      <c r="W815" s="62"/>
      <c r="X815" s="62"/>
      <c r="Y815" s="62"/>
      <c r="Z815" s="62"/>
      <c r="AA815" s="62"/>
      <c r="AB815" s="62"/>
      <c r="AC815" s="62"/>
      <c r="AD815" s="62"/>
      <c r="AE815" s="62"/>
      <c r="AF815" s="62"/>
      <c r="AG815" s="62"/>
      <c r="AH815" s="62"/>
      <c r="AI815" s="62"/>
      <c r="AJ815" s="62"/>
      <c r="AK815" s="62"/>
      <c r="AL815" s="62"/>
      <c r="AM815" s="62"/>
      <c r="AN815" s="62"/>
      <c r="AO815" s="62"/>
      <c r="AP815" s="62"/>
      <c r="AQ815" s="62"/>
    </row>
    <row r="816" spans="6:43">
      <c r="F816" s="130"/>
      <c r="G816" s="130"/>
      <c r="H816" s="130"/>
      <c r="I816" s="130"/>
      <c r="J816" s="130"/>
      <c r="K816" s="130"/>
      <c r="L816" s="130"/>
      <c r="M816" s="130"/>
      <c r="N816" s="130"/>
      <c r="O816" s="131"/>
      <c r="P816" s="130"/>
      <c r="Q816" s="130"/>
      <c r="R816" s="130"/>
      <c r="S816" s="130"/>
      <c r="T816" s="130"/>
      <c r="U816" s="130"/>
      <c r="V816" s="130"/>
      <c r="W816" s="130"/>
      <c r="X816" s="130"/>
      <c r="Y816" s="130"/>
      <c r="Z816" s="130"/>
      <c r="AA816" s="130"/>
      <c r="AB816" s="130"/>
      <c r="AC816" s="130"/>
      <c r="AD816" s="130"/>
      <c r="AE816" s="130"/>
      <c r="AF816" s="130"/>
      <c r="AG816" s="130"/>
      <c r="AH816" s="130"/>
      <c r="AI816" s="130"/>
      <c r="AJ816" s="130"/>
      <c r="AK816" s="130"/>
      <c r="AL816" s="130"/>
      <c r="AM816" s="130"/>
      <c r="AN816" s="130"/>
      <c r="AO816" s="134"/>
      <c r="AP816" s="114"/>
      <c r="AQ816" s="114"/>
    </row>
    <row r="817" spans="6:43">
      <c r="F817" s="130"/>
      <c r="G817" s="130"/>
      <c r="H817" s="130"/>
      <c r="I817" s="130"/>
      <c r="J817" s="130"/>
      <c r="K817" s="130"/>
      <c r="L817" s="130"/>
      <c r="M817" s="130"/>
      <c r="N817" s="130"/>
      <c r="O817" s="131"/>
      <c r="P817" s="130"/>
      <c r="Q817" s="130"/>
      <c r="R817" s="130"/>
      <c r="S817" s="130"/>
      <c r="T817" s="130"/>
      <c r="U817" s="130"/>
      <c r="V817" s="130"/>
      <c r="W817" s="130"/>
      <c r="X817" s="130"/>
      <c r="Y817" s="130"/>
      <c r="Z817" s="130"/>
      <c r="AA817" s="130"/>
      <c r="AB817" s="130"/>
      <c r="AC817" s="130"/>
      <c r="AD817" s="130"/>
      <c r="AE817" s="130"/>
      <c r="AF817" s="130"/>
      <c r="AG817" s="130"/>
      <c r="AH817" s="130"/>
      <c r="AI817" s="130"/>
      <c r="AJ817" s="130"/>
      <c r="AK817" s="130"/>
      <c r="AL817" s="130"/>
      <c r="AM817" s="130"/>
      <c r="AN817" s="130"/>
      <c r="AO817" s="134"/>
      <c r="AP817" s="114"/>
      <c r="AQ817" s="114"/>
    </row>
    <row r="818" spans="6:43">
      <c r="F818" s="130"/>
      <c r="G818" s="130"/>
      <c r="H818" s="130"/>
      <c r="I818" s="130"/>
      <c r="J818" s="130"/>
      <c r="K818" s="130"/>
      <c r="L818" s="130"/>
      <c r="M818" s="130"/>
      <c r="N818" s="130"/>
      <c r="O818" s="131"/>
      <c r="P818" s="130"/>
      <c r="Q818" s="130"/>
      <c r="R818" s="130"/>
      <c r="S818" s="130"/>
      <c r="T818" s="130"/>
      <c r="U818" s="130"/>
      <c r="V818" s="130"/>
      <c r="W818" s="130"/>
      <c r="X818" s="130"/>
      <c r="Y818" s="130"/>
      <c r="Z818" s="130"/>
      <c r="AA818" s="130"/>
      <c r="AB818" s="130"/>
      <c r="AC818" s="130"/>
      <c r="AD818" s="130"/>
      <c r="AE818" s="130"/>
      <c r="AF818" s="130"/>
      <c r="AG818" s="130"/>
      <c r="AH818" s="130"/>
      <c r="AI818" s="130"/>
      <c r="AJ818" s="130"/>
      <c r="AK818" s="130"/>
      <c r="AL818" s="130"/>
      <c r="AM818" s="130"/>
      <c r="AN818" s="130"/>
      <c r="AO818" s="134"/>
      <c r="AP818" s="114"/>
      <c r="AQ818" s="114"/>
    </row>
    <row r="819" spans="6:43">
      <c r="F819" s="130"/>
      <c r="G819" s="130"/>
      <c r="H819" s="130"/>
      <c r="I819" s="130"/>
      <c r="J819" s="130"/>
      <c r="K819" s="130"/>
      <c r="L819" s="130"/>
      <c r="M819" s="130"/>
      <c r="N819" s="130"/>
      <c r="O819" s="131"/>
      <c r="P819" s="130"/>
      <c r="Q819" s="130"/>
      <c r="R819" s="130"/>
      <c r="S819" s="130"/>
      <c r="T819" s="130"/>
      <c r="U819" s="130"/>
      <c r="V819" s="130"/>
      <c r="W819" s="130"/>
      <c r="X819" s="130"/>
      <c r="Y819" s="130"/>
      <c r="Z819" s="130"/>
      <c r="AA819" s="130"/>
      <c r="AB819" s="130"/>
      <c r="AC819" s="130"/>
      <c r="AD819" s="130"/>
      <c r="AE819" s="130"/>
      <c r="AF819" s="130"/>
      <c r="AG819" s="130"/>
      <c r="AH819" s="130"/>
      <c r="AI819" s="130"/>
      <c r="AJ819" s="130"/>
      <c r="AK819" s="130"/>
      <c r="AL819" s="130"/>
      <c r="AM819" s="130"/>
      <c r="AN819" s="130"/>
      <c r="AO819" s="134"/>
      <c r="AP819" s="114"/>
      <c r="AQ819" s="114"/>
    </row>
    <row r="820" spans="6:43">
      <c r="F820" s="130"/>
      <c r="G820" s="130"/>
      <c r="H820" s="130"/>
      <c r="I820" s="130"/>
      <c r="J820" s="130"/>
      <c r="K820" s="130"/>
      <c r="L820" s="130"/>
      <c r="M820" s="130"/>
      <c r="N820" s="130"/>
      <c r="O820" s="131"/>
      <c r="P820" s="130"/>
      <c r="Q820" s="130"/>
      <c r="R820" s="130"/>
      <c r="S820" s="130"/>
      <c r="T820" s="130"/>
      <c r="U820" s="130"/>
      <c r="V820" s="130"/>
      <c r="W820" s="130"/>
      <c r="X820" s="130"/>
      <c r="Y820" s="130"/>
      <c r="Z820" s="130"/>
      <c r="AA820" s="130"/>
      <c r="AB820" s="130"/>
      <c r="AC820" s="130"/>
      <c r="AD820" s="130"/>
      <c r="AE820" s="130"/>
      <c r="AF820" s="130"/>
      <c r="AG820" s="130"/>
      <c r="AH820" s="130"/>
      <c r="AI820" s="130"/>
      <c r="AJ820" s="130"/>
      <c r="AK820" s="130"/>
      <c r="AL820" s="130"/>
      <c r="AM820" s="130"/>
      <c r="AN820" s="130"/>
      <c r="AO820" s="134"/>
      <c r="AP820" s="114"/>
      <c r="AQ820" s="114"/>
    </row>
    <row r="821" spans="6:43">
      <c r="F821" s="237"/>
      <c r="G821" s="237"/>
      <c r="H821" s="237"/>
      <c r="I821" s="237"/>
      <c r="J821" s="237"/>
      <c r="K821" s="237"/>
      <c r="L821" s="237"/>
      <c r="M821" s="237"/>
      <c r="N821" s="237"/>
      <c r="O821" s="131"/>
      <c r="P821" s="237"/>
      <c r="Q821" s="237"/>
      <c r="R821" s="237"/>
      <c r="S821" s="237"/>
      <c r="T821" s="237"/>
      <c r="U821" s="237"/>
      <c r="V821" s="237"/>
      <c r="W821" s="237"/>
      <c r="X821" s="237"/>
      <c r="Y821" s="237"/>
      <c r="Z821" s="237"/>
      <c r="AA821" s="237"/>
      <c r="AB821" s="237"/>
      <c r="AC821" s="237"/>
      <c r="AD821" s="237"/>
      <c r="AE821" s="237"/>
      <c r="AF821" s="237"/>
      <c r="AG821" s="237"/>
      <c r="AH821" s="237"/>
      <c r="AI821" s="237"/>
      <c r="AJ821" s="237"/>
      <c r="AK821" s="237"/>
      <c r="AL821" s="237"/>
      <c r="AM821" s="237"/>
      <c r="AN821" s="237"/>
      <c r="AO821" s="238"/>
      <c r="AP821" s="114"/>
      <c r="AQ821" s="114"/>
    </row>
    <row r="822" spans="6:43">
      <c r="F822" s="141"/>
      <c r="G822" s="141"/>
      <c r="H822" s="141"/>
      <c r="I822" s="141"/>
      <c r="J822" s="141"/>
      <c r="K822" s="141"/>
      <c r="L822" s="141"/>
      <c r="M822" s="141"/>
      <c r="N822" s="141"/>
      <c r="O822" s="131"/>
      <c r="P822" s="141"/>
      <c r="Q822" s="141"/>
      <c r="R822" s="141"/>
      <c r="S822" s="141"/>
      <c r="T822" s="141"/>
      <c r="U822" s="141"/>
      <c r="V822" s="141"/>
      <c r="W822" s="141"/>
      <c r="X822" s="141"/>
      <c r="Y822" s="141"/>
      <c r="Z822" s="141"/>
      <c r="AA822" s="141"/>
      <c r="AB822" s="141"/>
      <c r="AC822" s="141"/>
      <c r="AD822" s="141"/>
      <c r="AE822" s="141"/>
      <c r="AF822" s="141"/>
      <c r="AG822" s="141"/>
      <c r="AH822" s="141"/>
      <c r="AI822" s="141"/>
      <c r="AJ822" s="141"/>
      <c r="AK822" s="141"/>
      <c r="AL822" s="141"/>
      <c r="AM822" s="141"/>
      <c r="AN822" s="141"/>
      <c r="AO822" s="144"/>
      <c r="AP822" s="137"/>
      <c r="AQ822" s="137"/>
    </row>
    <row r="823" spans="6:43">
      <c r="F823" s="141"/>
      <c r="G823" s="141"/>
      <c r="H823" s="141"/>
      <c r="I823" s="141"/>
      <c r="J823" s="141"/>
      <c r="K823" s="141"/>
      <c r="L823" s="141"/>
      <c r="M823" s="141"/>
      <c r="N823" s="141"/>
      <c r="O823" s="131"/>
      <c r="P823" s="141"/>
      <c r="Q823" s="141"/>
      <c r="R823" s="141"/>
      <c r="S823" s="141"/>
      <c r="T823" s="141"/>
      <c r="U823" s="141"/>
      <c r="V823" s="141"/>
      <c r="W823" s="141"/>
      <c r="X823" s="141"/>
      <c r="Y823" s="141"/>
      <c r="Z823" s="141"/>
      <c r="AA823" s="141"/>
      <c r="AB823" s="141"/>
      <c r="AC823" s="141"/>
      <c r="AD823" s="141"/>
      <c r="AE823" s="141"/>
      <c r="AF823" s="141"/>
      <c r="AG823" s="141"/>
      <c r="AH823" s="141"/>
      <c r="AI823" s="141"/>
      <c r="AJ823" s="141"/>
      <c r="AK823" s="141"/>
      <c r="AL823" s="141"/>
      <c r="AM823" s="141"/>
      <c r="AN823" s="141"/>
      <c r="AO823" s="144"/>
      <c r="AP823" s="137"/>
      <c r="AQ823" s="137"/>
    </row>
    <row r="824" spans="6:43">
      <c r="F824" s="130"/>
      <c r="G824" s="130"/>
      <c r="H824" s="130"/>
      <c r="I824" s="130"/>
      <c r="J824" s="130"/>
      <c r="K824" s="130"/>
      <c r="L824" s="130"/>
      <c r="M824" s="130"/>
      <c r="N824" s="130"/>
      <c r="O824" s="131"/>
      <c r="P824" s="130"/>
      <c r="Q824" s="130"/>
      <c r="R824" s="130"/>
      <c r="S824" s="130"/>
      <c r="T824" s="130"/>
      <c r="U824" s="130"/>
      <c r="V824" s="130"/>
      <c r="W824" s="130"/>
      <c r="X824" s="130"/>
      <c r="Y824" s="130"/>
      <c r="Z824" s="130"/>
      <c r="AA824" s="130"/>
      <c r="AB824" s="130"/>
      <c r="AC824" s="130"/>
      <c r="AD824" s="130"/>
      <c r="AE824" s="130"/>
      <c r="AF824" s="130"/>
      <c r="AG824" s="130"/>
      <c r="AH824" s="130"/>
      <c r="AI824" s="130"/>
      <c r="AJ824" s="130"/>
      <c r="AK824" s="130"/>
      <c r="AL824" s="130"/>
      <c r="AM824" s="130"/>
      <c r="AN824" s="130"/>
      <c r="AO824" s="134"/>
      <c r="AP824" s="114"/>
      <c r="AQ824" s="114"/>
    </row>
    <row r="825" spans="6:43">
      <c r="F825" s="130"/>
      <c r="G825" s="130"/>
      <c r="H825" s="130"/>
      <c r="I825" s="130"/>
      <c r="J825" s="130"/>
      <c r="K825" s="130"/>
      <c r="L825" s="130"/>
      <c r="M825" s="130"/>
      <c r="N825" s="130"/>
      <c r="O825" s="131"/>
      <c r="P825" s="130"/>
      <c r="Q825" s="130"/>
      <c r="R825" s="130"/>
      <c r="S825" s="130"/>
      <c r="T825" s="130"/>
      <c r="U825" s="130"/>
      <c r="V825" s="130"/>
      <c r="W825" s="130"/>
      <c r="X825" s="130"/>
      <c r="Y825" s="130"/>
      <c r="Z825" s="130"/>
      <c r="AA825" s="130"/>
      <c r="AB825" s="130"/>
      <c r="AC825" s="130"/>
      <c r="AD825" s="130"/>
      <c r="AE825" s="130"/>
      <c r="AF825" s="130"/>
      <c r="AG825" s="130"/>
      <c r="AH825" s="130"/>
      <c r="AI825" s="130"/>
      <c r="AJ825" s="130"/>
      <c r="AK825" s="130"/>
      <c r="AL825" s="130"/>
      <c r="AM825" s="130"/>
      <c r="AN825" s="130"/>
      <c r="AO825" s="134"/>
      <c r="AP825" s="114"/>
      <c r="AQ825" s="114"/>
    </row>
    <row r="826" spans="6:43">
      <c r="F826" s="130"/>
      <c r="G826" s="130"/>
      <c r="H826" s="130"/>
      <c r="I826" s="130"/>
      <c r="J826" s="130"/>
      <c r="K826" s="130"/>
      <c r="L826" s="130"/>
      <c r="M826" s="130"/>
      <c r="N826" s="130"/>
      <c r="O826" s="131"/>
      <c r="P826" s="130"/>
      <c r="Q826" s="130"/>
      <c r="R826" s="130"/>
      <c r="S826" s="130"/>
      <c r="T826" s="130"/>
      <c r="U826" s="130"/>
      <c r="V826" s="130"/>
      <c r="W826" s="130"/>
      <c r="X826" s="130"/>
      <c r="Y826" s="130"/>
      <c r="Z826" s="130"/>
      <c r="AA826" s="130"/>
      <c r="AB826" s="130"/>
      <c r="AC826" s="130"/>
      <c r="AD826" s="130"/>
      <c r="AE826" s="130"/>
      <c r="AF826" s="130"/>
      <c r="AG826" s="130"/>
      <c r="AH826" s="130"/>
      <c r="AI826" s="130"/>
      <c r="AJ826" s="130"/>
      <c r="AK826" s="130"/>
      <c r="AL826" s="130"/>
      <c r="AM826" s="130"/>
      <c r="AN826" s="130"/>
      <c r="AO826" s="134"/>
      <c r="AP826" s="114"/>
      <c r="AQ826" s="114"/>
    </row>
    <row r="827" spans="6:43">
      <c r="F827" s="141"/>
      <c r="G827" s="141"/>
      <c r="H827" s="141"/>
      <c r="I827" s="141"/>
      <c r="J827" s="141"/>
      <c r="K827" s="141"/>
      <c r="L827" s="141"/>
      <c r="M827" s="141"/>
      <c r="N827" s="141"/>
      <c r="O827" s="131"/>
      <c r="P827" s="141"/>
      <c r="Q827" s="141"/>
      <c r="R827" s="141"/>
      <c r="S827" s="141"/>
      <c r="T827" s="141"/>
      <c r="U827" s="141"/>
      <c r="V827" s="141"/>
      <c r="W827" s="141"/>
      <c r="X827" s="141"/>
      <c r="Y827" s="141"/>
      <c r="Z827" s="141"/>
      <c r="AA827" s="141"/>
      <c r="AB827" s="141"/>
      <c r="AC827" s="141"/>
      <c r="AD827" s="141"/>
      <c r="AE827" s="141"/>
      <c r="AF827" s="141"/>
      <c r="AG827" s="141"/>
      <c r="AH827" s="141"/>
      <c r="AI827" s="141"/>
      <c r="AJ827" s="141"/>
      <c r="AK827" s="141"/>
      <c r="AL827" s="141"/>
      <c r="AM827" s="141"/>
      <c r="AN827" s="141"/>
      <c r="AO827" s="144"/>
      <c r="AP827" s="137"/>
      <c r="AQ827" s="137"/>
    </row>
    <row r="828" spans="6:43">
      <c r="F828" s="130"/>
      <c r="G828" s="130"/>
      <c r="H828" s="130"/>
      <c r="I828" s="130"/>
      <c r="J828" s="130"/>
      <c r="K828" s="130"/>
      <c r="L828" s="130"/>
      <c r="M828" s="130"/>
      <c r="N828" s="130"/>
      <c r="O828" s="131"/>
      <c r="P828" s="130"/>
      <c r="Q828" s="130"/>
      <c r="R828" s="130"/>
      <c r="S828" s="130"/>
      <c r="T828" s="130"/>
      <c r="U828" s="130"/>
      <c r="V828" s="130"/>
      <c r="W828" s="130"/>
      <c r="X828" s="130"/>
      <c r="Y828" s="130"/>
      <c r="Z828" s="130"/>
      <c r="AA828" s="130"/>
      <c r="AB828" s="130"/>
      <c r="AC828" s="130"/>
      <c r="AD828" s="130"/>
      <c r="AE828" s="130"/>
      <c r="AF828" s="130"/>
      <c r="AG828" s="130"/>
      <c r="AH828" s="130"/>
      <c r="AI828" s="130"/>
      <c r="AJ828" s="130"/>
      <c r="AK828" s="130"/>
      <c r="AL828" s="130"/>
      <c r="AM828" s="130"/>
      <c r="AN828" s="130"/>
      <c r="AO828" s="134"/>
      <c r="AP828" s="114"/>
      <c r="AQ828" s="114"/>
    </row>
    <row r="829" spans="6:43">
      <c r="F829" s="130"/>
      <c r="G829" s="130"/>
      <c r="H829" s="130"/>
      <c r="I829" s="130"/>
      <c r="J829" s="130"/>
      <c r="K829" s="130"/>
      <c r="L829" s="130"/>
      <c r="M829" s="130"/>
      <c r="N829" s="130"/>
      <c r="O829" s="131"/>
      <c r="P829" s="130"/>
      <c r="Q829" s="130"/>
      <c r="R829" s="130"/>
      <c r="S829" s="130"/>
      <c r="T829" s="130"/>
      <c r="U829" s="130"/>
      <c r="V829" s="130"/>
      <c r="W829" s="130"/>
      <c r="X829" s="130"/>
      <c r="Y829" s="130"/>
      <c r="Z829" s="130"/>
      <c r="AA829" s="130"/>
      <c r="AB829" s="130"/>
      <c r="AC829" s="130"/>
      <c r="AD829" s="130"/>
      <c r="AE829" s="130"/>
      <c r="AF829" s="130"/>
      <c r="AG829" s="130"/>
      <c r="AH829" s="130"/>
      <c r="AI829" s="130"/>
      <c r="AJ829" s="130"/>
      <c r="AK829" s="130"/>
      <c r="AL829" s="130"/>
      <c r="AM829" s="130"/>
      <c r="AN829" s="130"/>
      <c r="AO829" s="134"/>
      <c r="AP829" s="114"/>
      <c r="AQ829" s="114"/>
    </row>
    <row r="830" spans="6:43">
      <c r="F830" s="130"/>
      <c r="G830" s="130"/>
      <c r="H830" s="130"/>
      <c r="I830" s="130"/>
      <c r="J830" s="130"/>
      <c r="K830" s="130"/>
      <c r="L830" s="130"/>
      <c r="M830" s="130"/>
      <c r="N830" s="130"/>
      <c r="O830" s="131"/>
      <c r="P830" s="130"/>
      <c r="Q830" s="130"/>
      <c r="R830" s="130"/>
      <c r="S830" s="130"/>
      <c r="T830" s="130"/>
      <c r="U830" s="130"/>
      <c r="V830" s="130"/>
      <c r="W830" s="130"/>
      <c r="X830" s="130"/>
      <c r="Y830" s="130"/>
      <c r="Z830" s="130"/>
      <c r="AA830" s="130"/>
      <c r="AB830" s="130"/>
      <c r="AC830" s="130"/>
      <c r="AD830" s="130"/>
      <c r="AE830" s="130"/>
      <c r="AF830" s="130"/>
      <c r="AG830" s="130"/>
      <c r="AH830" s="130"/>
      <c r="AI830" s="130"/>
      <c r="AJ830" s="130"/>
      <c r="AK830" s="130"/>
      <c r="AL830" s="130"/>
      <c r="AM830" s="130"/>
      <c r="AN830" s="130"/>
      <c r="AO830" s="134"/>
      <c r="AP830" s="114"/>
      <c r="AQ830" s="114"/>
    </row>
    <row r="831" spans="6:43">
      <c r="F831" s="62"/>
      <c r="G831" s="62"/>
      <c r="H831" s="62"/>
      <c r="I831" s="62"/>
      <c r="J831" s="62"/>
      <c r="K831" s="62"/>
      <c r="L831" s="62"/>
      <c r="M831" s="62"/>
      <c r="N831" s="62"/>
      <c r="O831" s="62"/>
      <c r="P831" s="62"/>
      <c r="Q831" s="62"/>
      <c r="R831" s="62"/>
      <c r="S831" s="62"/>
      <c r="T831" s="62"/>
      <c r="U831" s="62"/>
      <c r="V831" s="62"/>
      <c r="W831" s="62"/>
      <c r="X831" s="62"/>
      <c r="Y831" s="62"/>
      <c r="Z831" s="62"/>
      <c r="AA831" s="62"/>
      <c r="AB831" s="62"/>
      <c r="AC831" s="62"/>
      <c r="AD831" s="62"/>
      <c r="AE831" s="62"/>
      <c r="AF831" s="62"/>
      <c r="AG831" s="62"/>
      <c r="AH831" s="62"/>
      <c r="AI831" s="62"/>
      <c r="AJ831" s="62"/>
      <c r="AK831" s="62"/>
      <c r="AL831" s="62"/>
      <c r="AM831" s="62"/>
      <c r="AN831" s="62"/>
      <c r="AO831" s="62"/>
      <c r="AP831" s="62"/>
      <c r="AQ831" s="62"/>
    </row>
    <row r="832" spans="6:43">
      <c r="F832" s="130"/>
      <c r="G832" s="130"/>
      <c r="H832" s="130"/>
      <c r="I832" s="130"/>
      <c r="J832" s="130"/>
      <c r="K832" s="130"/>
      <c r="L832" s="130"/>
      <c r="M832" s="130"/>
      <c r="N832" s="130"/>
      <c r="O832" s="131"/>
      <c r="P832" s="130"/>
      <c r="Q832" s="130"/>
      <c r="R832" s="130"/>
      <c r="S832" s="130"/>
      <c r="T832" s="130"/>
      <c r="U832" s="130"/>
      <c r="V832" s="130"/>
      <c r="W832" s="130"/>
      <c r="X832" s="130"/>
      <c r="Y832" s="130"/>
      <c r="Z832" s="130"/>
      <c r="AA832" s="130"/>
      <c r="AB832" s="130"/>
      <c r="AC832" s="130"/>
      <c r="AD832" s="130"/>
      <c r="AE832" s="130"/>
      <c r="AF832" s="130"/>
      <c r="AG832" s="130"/>
      <c r="AH832" s="130"/>
      <c r="AI832" s="130"/>
      <c r="AJ832" s="130"/>
      <c r="AK832" s="130"/>
      <c r="AL832" s="130"/>
      <c r="AM832" s="130"/>
      <c r="AN832" s="130"/>
      <c r="AO832" s="134"/>
      <c r="AP832" s="114"/>
      <c r="AQ832" s="114"/>
    </row>
    <row r="833" spans="6:43">
      <c r="F833" s="130"/>
      <c r="G833" s="130"/>
      <c r="H833" s="130"/>
      <c r="I833" s="130"/>
      <c r="J833" s="130"/>
      <c r="K833" s="130"/>
      <c r="L833" s="130"/>
      <c r="M833" s="130"/>
      <c r="N833" s="130"/>
      <c r="O833" s="131"/>
      <c r="P833" s="130"/>
      <c r="Q833" s="130"/>
      <c r="R833" s="130"/>
      <c r="S833" s="130"/>
      <c r="T833" s="130"/>
      <c r="U833" s="130"/>
      <c r="V833" s="130"/>
      <c r="W833" s="130"/>
      <c r="X833" s="130"/>
      <c r="Y833" s="130"/>
      <c r="Z833" s="130"/>
      <c r="AA833" s="130"/>
      <c r="AB833" s="130"/>
      <c r="AC833" s="130"/>
      <c r="AD833" s="130"/>
      <c r="AE833" s="130"/>
      <c r="AF833" s="130"/>
      <c r="AG833" s="130"/>
      <c r="AH833" s="130"/>
      <c r="AI833" s="130"/>
      <c r="AJ833" s="130"/>
      <c r="AK833" s="130"/>
      <c r="AL833" s="130"/>
      <c r="AM833" s="130"/>
      <c r="AN833" s="130"/>
      <c r="AO833" s="134"/>
      <c r="AP833" s="114"/>
      <c r="AQ833" s="114"/>
    </row>
    <row r="834" spans="6:43">
      <c r="F834" s="130"/>
      <c r="G834" s="130"/>
      <c r="H834" s="130"/>
      <c r="I834" s="130"/>
      <c r="J834" s="130"/>
      <c r="K834" s="130"/>
      <c r="L834" s="130"/>
      <c r="M834" s="130"/>
      <c r="N834" s="130"/>
      <c r="O834" s="131"/>
      <c r="P834" s="130"/>
      <c r="Q834" s="130"/>
      <c r="R834" s="130"/>
      <c r="S834" s="130"/>
      <c r="T834" s="130"/>
      <c r="U834" s="130"/>
      <c r="V834" s="130"/>
      <c r="W834" s="130"/>
      <c r="X834" s="130"/>
      <c r="Y834" s="130"/>
      <c r="Z834" s="130"/>
      <c r="AA834" s="130"/>
      <c r="AB834" s="130"/>
      <c r="AC834" s="130"/>
      <c r="AD834" s="130"/>
      <c r="AE834" s="130"/>
      <c r="AF834" s="130"/>
      <c r="AG834" s="130"/>
      <c r="AH834" s="130"/>
      <c r="AI834" s="130"/>
      <c r="AJ834" s="130"/>
      <c r="AK834" s="130"/>
      <c r="AL834" s="130"/>
      <c r="AM834" s="130"/>
      <c r="AN834" s="130"/>
      <c r="AO834" s="134"/>
      <c r="AP834" s="114"/>
      <c r="AQ834" s="114"/>
    </row>
    <row r="835" spans="6:43">
      <c r="F835" s="130"/>
      <c r="G835" s="130"/>
      <c r="H835" s="130"/>
      <c r="I835" s="130"/>
      <c r="J835" s="130"/>
      <c r="K835" s="130"/>
      <c r="L835" s="130"/>
      <c r="M835" s="130"/>
      <c r="N835" s="130"/>
      <c r="O835" s="131"/>
      <c r="P835" s="130"/>
      <c r="Q835" s="130"/>
      <c r="R835" s="130"/>
      <c r="S835" s="130"/>
      <c r="T835" s="130"/>
      <c r="U835" s="130"/>
      <c r="V835" s="130"/>
      <c r="W835" s="130"/>
      <c r="X835" s="130"/>
      <c r="Y835" s="130"/>
      <c r="Z835" s="130"/>
      <c r="AA835" s="130"/>
      <c r="AB835" s="130"/>
      <c r="AC835" s="130"/>
      <c r="AD835" s="130"/>
      <c r="AE835" s="130"/>
      <c r="AF835" s="130"/>
      <c r="AG835" s="130"/>
      <c r="AH835" s="130"/>
      <c r="AI835" s="130"/>
      <c r="AJ835" s="130"/>
      <c r="AK835" s="130"/>
      <c r="AL835" s="130"/>
      <c r="AM835" s="130"/>
      <c r="AN835" s="130"/>
      <c r="AO835" s="134"/>
      <c r="AP835" s="114"/>
      <c r="AQ835" s="114"/>
    </row>
    <row r="836" spans="6:43">
      <c r="F836" s="130"/>
      <c r="G836" s="130"/>
      <c r="H836" s="130"/>
      <c r="I836" s="130"/>
      <c r="J836" s="130"/>
      <c r="K836" s="130"/>
      <c r="L836" s="130"/>
      <c r="M836" s="130"/>
      <c r="N836" s="130"/>
      <c r="O836" s="131"/>
      <c r="P836" s="130"/>
      <c r="Q836" s="130"/>
      <c r="R836" s="130"/>
      <c r="S836" s="130"/>
      <c r="T836" s="130"/>
      <c r="U836" s="130"/>
      <c r="V836" s="130"/>
      <c r="W836" s="130"/>
      <c r="X836" s="130"/>
      <c r="Y836" s="130"/>
      <c r="Z836" s="130"/>
      <c r="AA836" s="130"/>
      <c r="AB836" s="130"/>
      <c r="AC836" s="130"/>
      <c r="AD836" s="130"/>
      <c r="AE836" s="130"/>
      <c r="AF836" s="130"/>
      <c r="AG836" s="130"/>
      <c r="AH836" s="130"/>
      <c r="AI836" s="130"/>
      <c r="AJ836" s="130"/>
      <c r="AK836" s="130"/>
      <c r="AL836" s="130"/>
      <c r="AM836" s="130"/>
      <c r="AN836" s="130"/>
      <c r="AO836" s="134"/>
      <c r="AP836" s="114"/>
      <c r="AQ836" s="114"/>
    </row>
    <row r="837" spans="6:43">
      <c r="F837" s="130"/>
      <c r="G837" s="130"/>
      <c r="H837" s="130"/>
      <c r="I837" s="130"/>
      <c r="J837" s="130"/>
      <c r="K837" s="130"/>
      <c r="L837" s="130"/>
      <c r="M837" s="130"/>
      <c r="N837" s="130"/>
      <c r="O837" s="131"/>
      <c r="P837" s="130"/>
      <c r="Q837" s="130"/>
      <c r="R837" s="130"/>
      <c r="S837" s="130"/>
      <c r="T837" s="130"/>
      <c r="U837" s="130"/>
      <c r="V837" s="130"/>
      <c r="W837" s="130"/>
      <c r="X837" s="130"/>
      <c r="Y837" s="130"/>
      <c r="Z837" s="130"/>
      <c r="AA837" s="130"/>
      <c r="AB837" s="130"/>
      <c r="AC837" s="130"/>
      <c r="AD837" s="130"/>
      <c r="AE837" s="130"/>
      <c r="AF837" s="130"/>
      <c r="AG837" s="130"/>
      <c r="AH837" s="130"/>
      <c r="AI837" s="130"/>
      <c r="AJ837" s="130"/>
      <c r="AK837" s="130"/>
      <c r="AL837" s="130"/>
      <c r="AM837" s="130"/>
      <c r="AN837" s="130"/>
      <c r="AO837" s="134"/>
      <c r="AP837" s="114"/>
      <c r="AQ837" s="114"/>
    </row>
    <row r="838" spans="6:43">
      <c r="F838" s="130"/>
      <c r="G838" s="130"/>
      <c r="H838" s="130"/>
      <c r="I838" s="130"/>
      <c r="J838" s="130"/>
      <c r="K838" s="130"/>
      <c r="L838" s="130"/>
      <c r="M838" s="130"/>
      <c r="N838" s="130"/>
      <c r="O838" s="131"/>
      <c r="P838" s="130"/>
      <c r="Q838" s="130"/>
      <c r="R838" s="130"/>
      <c r="S838" s="130"/>
      <c r="T838" s="130"/>
      <c r="U838" s="130"/>
      <c r="V838" s="130"/>
      <c r="W838" s="130"/>
      <c r="X838" s="130"/>
      <c r="Y838" s="130"/>
      <c r="Z838" s="130"/>
      <c r="AA838" s="130"/>
      <c r="AB838" s="130"/>
      <c r="AC838" s="130"/>
      <c r="AD838" s="130"/>
      <c r="AE838" s="130"/>
      <c r="AF838" s="130"/>
      <c r="AG838" s="130"/>
      <c r="AH838" s="130"/>
      <c r="AI838" s="130"/>
      <c r="AJ838" s="130"/>
      <c r="AK838" s="130"/>
      <c r="AL838" s="130"/>
      <c r="AM838" s="130"/>
      <c r="AN838" s="130"/>
      <c r="AO838" s="134"/>
      <c r="AP838" s="114"/>
      <c r="AQ838" s="114"/>
    </row>
    <row r="839" spans="6:43">
      <c r="F839" s="130"/>
      <c r="G839" s="130"/>
      <c r="H839" s="130"/>
      <c r="I839" s="130"/>
      <c r="J839" s="130"/>
      <c r="K839" s="130"/>
      <c r="L839" s="130"/>
      <c r="M839" s="130"/>
      <c r="N839" s="130"/>
      <c r="O839" s="131"/>
      <c r="P839" s="130"/>
      <c r="Q839" s="130"/>
      <c r="R839" s="130"/>
      <c r="S839" s="130"/>
      <c r="T839" s="130"/>
      <c r="U839" s="130"/>
      <c r="V839" s="130"/>
      <c r="W839" s="130"/>
      <c r="X839" s="130"/>
      <c r="Y839" s="130"/>
      <c r="Z839" s="130"/>
      <c r="AA839" s="130"/>
      <c r="AB839" s="130"/>
      <c r="AC839" s="130"/>
      <c r="AD839" s="130"/>
      <c r="AE839" s="130"/>
      <c r="AF839" s="130"/>
      <c r="AG839" s="130"/>
      <c r="AH839" s="130"/>
      <c r="AI839" s="130"/>
      <c r="AJ839" s="130"/>
      <c r="AK839" s="130"/>
      <c r="AL839" s="130"/>
      <c r="AM839" s="130"/>
      <c r="AN839" s="130"/>
      <c r="AO839" s="134"/>
      <c r="AP839" s="114"/>
      <c r="AQ839" s="114"/>
    </row>
    <row r="840" spans="6:43">
      <c r="F840" s="62"/>
      <c r="G840" s="62"/>
      <c r="H840" s="62"/>
      <c r="I840" s="62"/>
      <c r="J840" s="62"/>
      <c r="K840" s="62"/>
      <c r="L840" s="62"/>
      <c r="M840" s="62"/>
      <c r="N840" s="62"/>
      <c r="O840" s="62"/>
      <c r="P840" s="62"/>
      <c r="Q840" s="62"/>
      <c r="R840" s="62"/>
      <c r="S840" s="62"/>
      <c r="T840" s="62"/>
      <c r="U840" s="62"/>
      <c r="V840" s="62"/>
      <c r="W840" s="62"/>
      <c r="X840" s="62"/>
      <c r="Y840" s="62"/>
      <c r="Z840" s="62"/>
      <c r="AA840" s="62"/>
      <c r="AB840" s="62"/>
      <c r="AC840" s="62"/>
      <c r="AD840" s="62"/>
      <c r="AE840" s="62"/>
      <c r="AF840" s="62"/>
      <c r="AG840" s="62"/>
      <c r="AH840" s="62"/>
      <c r="AI840" s="62"/>
      <c r="AJ840" s="62"/>
      <c r="AK840" s="62"/>
      <c r="AL840" s="62"/>
      <c r="AM840" s="62"/>
      <c r="AN840" s="62"/>
      <c r="AO840" s="62"/>
      <c r="AP840" s="62"/>
      <c r="AQ840" s="62"/>
    </row>
    <row r="841" spans="6:43">
      <c r="F841" s="62"/>
      <c r="G841" s="62"/>
      <c r="H841" s="62"/>
      <c r="I841" s="62"/>
      <c r="J841" s="62"/>
      <c r="K841" s="62"/>
      <c r="L841" s="62"/>
      <c r="M841" s="62"/>
      <c r="N841" s="62"/>
      <c r="O841" s="62"/>
      <c r="P841" s="62"/>
      <c r="Q841" s="62"/>
      <c r="R841" s="62"/>
      <c r="S841" s="62"/>
      <c r="T841" s="62"/>
      <c r="U841" s="62"/>
      <c r="V841" s="62"/>
      <c r="W841" s="62"/>
      <c r="X841" s="62"/>
      <c r="Y841" s="62"/>
      <c r="Z841" s="62"/>
      <c r="AA841" s="62"/>
      <c r="AB841" s="62"/>
      <c r="AC841" s="62"/>
      <c r="AD841" s="62"/>
      <c r="AE841" s="62"/>
      <c r="AF841" s="62"/>
      <c r="AG841" s="62"/>
      <c r="AH841" s="62"/>
      <c r="AI841" s="62"/>
      <c r="AJ841" s="62"/>
      <c r="AK841" s="62"/>
      <c r="AL841" s="62"/>
      <c r="AM841" s="62"/>
      <c r="AN841" s="62"/>
      <c r="AO841" s="62"/>
      <c r="AP841" s="62"/>
      <c r="AQ841" s="62"/>
    </row>
    <row r="842" spans="6:43">
      <c r="F842" s="62"/>
      <c r="G842" s="62"/>
      <c r="H842" s="62"/>
      <c r="I842" s="62"/>
      <c r="J842" s="62"/>
      <c r="K842" s="62"/>
      <c r="L842" s="62"/>
      <c r="M842" s="62"/>
      <c r="N842" s="62"/>
      <c r="O842" s="62"/>
      <c r="P842" s="62"/>
      <c r="Q842" s="62"/>
      <c r="R842" s="62"/>
      <c r="S842" s="62"/>
      <c r="T842" s="62"/>
      <c r="U842" s="62"/>
      <c r="V842" s="62"/>
      <c r="W842" s="62"/>
      <c r="X842" s="62"/>
      <c r="Y842" s="62"/>
      <c r="Z842" s="62"/>
      <c r="AA842" s="62"/>
      <c r="AB842" s="62"/>
      <c r="AC842" s="62"/>
      <c r="AD842" s="62"/>
      <c r="AE842" s="62"/>
      <c r="AF842" s="62"/>
      <c r="AG842" s="62"/>
      <c r="AH842" s="62"/>
      <c r="AI842" s="62"/>
      <c r="AJ842" s="62"/>
      <c r="AK842" s="62"/>
      <c r="AL842" s="62"/>
      <c r="AM842" s="62"/>
      <c r="AN842" s="62"/>
      <c r="AO842" s="62"/>
      <c r="AP842" s="62"/>
      <c r="AQ842" s="62"/>
    </row>
    <row r="843" spans="6:43">
      <c r="F843" s="62"/>
      <c r="G843" s="62"/>
      <c r="H843" s="62"/>
      <c r="I843" s="62"/>
      <c r="J843" s="62"/>
      <c r="K843" s="62"/>
      <c r="L843" s="62"/>
      <c r="M843" s="62"/>
      <c r="N843" s="62"/>
      <c r="O843" s="62"/>
      <c r="P843" s="62"/>
      <c r="Q843" s="62"/>
      <c r="R843" s="62"/>
      <c r="S843" s="62"/>
      <c r="T843" s="62"/>
      <c r="U843" s="62"/>
      <c r="V843" s="62"/>
      <c r="W843" s="62"/>
      <c r="X843" s="62"/>
      <c r="Y843" s="62"/>
      <c r="Z843" s="62"/>
      <c r="AA843" s="62"/>
      <c r="AB843" s="62"/>
      <c r="AC843" s="62"/>
      <c r="AD843" s="62"/>
      <c r="AE843" s="62"/>
      <c r="AF843" s="62"/>
      <c r="AG843" s="62"/>
      <c r="AH843" s="62"/>
      <c r="AI843" s="62"/>
      <c r="AJ843" s="62"/>
      <c r="AK843" s="62"/>
      <c r="AL843" s="62"/>
      <c r="AM843" s="62"/>
      <c r="AN843" s="62"/>
      <c r="AO843" s="62"/>
      <c r="AP843" s="62"/>
      <c r="AQ843" s="62"/>
    </row>
    <row r="844" spans="6:43">
      <c r="F844" s="62"/>
      <c r="G844" s="62"/>
      <c r="H844" s="62"/>
      <c r="I844" s="62"/>
      <c r="J844" s="62"/>
      <c r="K844" s="62"/>
      <c r="L844" s="62"/>
      <c r="M844" s="62"/>
      <c r="N844" s="62"/>
      <c r="O844" s="62"/>
      <c r="P844" s="62"/>
      <c r="Q844" s="62"/>
      <c r="R844" s="62"/>
      <c r="S844" s="62"/>
      <c r="T844" s="62"/>
      <c r="U844" s="62"/>
      <c r="V844" s="62"/>
      <c r="W844" s="62"/>
      <c r="X844" s="62"/>
      <c r="Y844" s="62"/>
      <c r="Z844" s="62"/>
      <c r="AA844" s="62"/>
      <c r="AB844" s="62"/>
      <c r="AC844" s="62"/>
      <c r="AD844" s="62"/>
      <c r="AE844" s="62"/>
      <c r="AF844" s="62"/>
      <c r="AG844" s="62"/>
      <c r="AH844" s="62"/>
      <c r="AI844" s="62"/>
      <c r="AJ844" s="62"/>
      <c r="AK844" s="62"/>
      <c r="AL844" s="62"/>
      <c r="AM844" s="62"/>
      <c r="AN844" s="62"/>
      <c r="AO844" s="62"/>
      <c r="AP844" s="62"/>
      <c r="AQ844" s="62"/>
    </row>
    <row r="845" spans="6:43">
      <c r="F845" s="62"/>
      <c r="G845" s="62"/>
      <c r="H845" s="62"/>
      <c r="I845" s="62"/>
      <c r="J845" s="62"/>
      <c r="K845" s="62"/>
      <c r="L845" s="62"/>
      <c r="M845" s="62"/>
      <c r="N845" s="62"/>
      <c r="O845" s="62"/>
      <c r="P845" s="62"/>
      <c r="Q845" s="62"/>
      <c r="R845" s="62"/>
      <c r="S845" s="62"/>
      <c r="T845" s="62"/>
      <c r="U845" s="62"/>
      <c r="V845" s="62"/>
      <c r="W845" s="62"/>
      <c r="X845" s="62"/>
      <c r="Y845" s="62"/>
      <c r="Z845" s="62"/>
      <c r="AA845" s="62"/>
      <c r="AB845" s="62"/>
      <c r="AC845" s="62"/>
      <c r="AD845" s="62"/>
      <c r="AE845" s="62"/>
      <c r="AF845" s="62"/>
      <c r="AG845" s="62"/>
      <c r="AH845" s="62"/>
      <c r="AI845" s="62"/>
      <c r="AJ845" s="62"/>
      <c r="AK845" s="62"/>
      <c r="AL845" s="62"/>
      <c r="AM845" s="62"/>
      <c r="AN845" s="62"/>
      <c r="AO845" s="62"/>
      <c r="AP845" s="62"/>
      <c r="AQ845" s="62"/>
    </row>
    <row r="846" spans="6:43">
      <c r="F846" s="130"/>
      <c r="G846" s="130"/>
      <c r="H846" s="130"/>
      <c r="I846" s="130"/>
      <c r="J846" s="130"/>
      <c r="K846" s="130"/>
      <c r="L846" s="130"/>
      <c r="M846" s="130"/>
      <c r="N846" s="130"/>
      <c r="O846" s="131"/>
      <c r="P846" s="130"/>
      <c r="Q846" s="130"/>
      <c r="R846" s="130"/>
      <c r="S846" s="130"/>
      <c r="T846" s="130"/>
      <c r="U846" s="130"/>
      <c r="V846" s="130"/>
      <c r="W846" s="130"/>
      <c r="X846" s="130"/>
      <c r="Y846" s="130"/>
      <c r="Z846" s="130"/>
      <c r="AA846" s="130"/>
      <c r="AB846" s="130"/>
      <c r="AC846" s="130"/>
      <c r="AD846" s="130"/>
      <c r="AE846" s="130"/>
      <c r="AF846" s="130"/>
      <c r="AG846" s="130"/>
      <c r="AH846" s="130"/>
      <c r="AI846" s="130"/>
      <c r="AJ846" s="130"/>
      <c r="AK846" s="130"/>
      <c r="AL846" s="130"/>
      <c r="AM846" s="130"/>
      <c r="AN846" s="130"/>
      <c r="AO846" s="134"/>
      <c r="AP846" s="114"/>
      <c r="AQ846" s="114"/>
    </row>
    <row r="847" spans="6:43">
      <c r="F847" s="130"/>
      <c r="G847" s="130"/>
      <c r="H847" s="130"/>
      <c r="I847" s="130"/>
      <c r="J847" s="130"/>
      <c r="K847" s="130"/>
      <c r="L847" s="130"/>
      <c r="M847" s="130"/>
      <c r="N847" s="130"/>
      <c r="O847" s="131"/>
      <c r="P847" s="130"/>
      <c r="Q847" s="130"/>
      <c r="R847" s="130"/>
      <c r="S847" s="130"/>
      <c r="T847" s="130"/>
      <c r="U847" s="130"/>
      <c r="V847" s="130"/>
      <c r="W847" s="130"/>
      <c r="X847" s="130"/>
      <c r="Y847" s="130"/>
      <c r="Z847" s="130"/>
      <c r="AA847" s="130"/>
      <c r="AB847" s="130"/>
      <c r="AC847" s="130"/>
      <c r="AD847" s="130"/>
      <c r="AE847" s="130"/>
      <c r="AF847" s="130"/>
      <c r="AG847" s="130"/>
      <c r="AH847" s="130"/>
      <c r="AI847" s="130"/>
      <c r="AJ847" s="130"/>
      <c r="AK847" s="130"/>
      <c r="AL847" s="130"/>
      <c r="AM847" s="130"/>
      <c r="AN847" s="130"/>
      <c r="AO847" s="134"/>
      <c r="AP847" s="114"/>
      <c r="AQ847" s="114"/>
    </row>
    <row r="848" spans="6:43">
      <c r="F848" s="130"/>
      <c r="G848" s="130"/>
      <c r="H848" s="130"/>
      <c r="I848" s="130"/>
      <c r="J848" s="130"/>
      <c r="K848" s="130"/>
      <c r="L848" s="130"/>
      <c r="M848" s="130"/>
      <c r="N848" s="130"/>
      <c r="O848" s="131"/>
      <c r="P848" s="130"/>
      <c r="Q848" s="130"/>
      <c r="R848" s="130"/>
      <c r="S848" s="130"/>
      <c r="T848" s="130"/>
      <c r="U848" s="130"/>
      <c r="V848" s="130"/>
      <c r="W848" s="130"/>
      <c r="X848" s="130"/>
      <c r="Y848" s="130"/>
      <c r="Z848" s="130"/>
      <c r="AA848" s="130"/>
      <c r="AB848" s="130"/>
      <c r="AC848" s="130"/>
      <c r="AD848" s="130"/>
      <c r="AE848" s="130"/>
      <c r="AF848" s="130"/>
      <c r="AG848" s="130"/>
      <c r="AH848" s="130"/>
      <c r="AI848" s="130"/>
      <c r="AJ848" s="130"/>
      <c r="AK848" s="130"/>
      <c r="AL848" s="130"/>
      <c r="AM848" s="130"/>
      <c r="AN848" s="130"/>
      <c r="AO848" s="134"/>
      <c r="AP848" s="114"/>
      <c r="AQ848" s="114"/>
    </row>
    <row r="849" spans="6:43">
      <c r="F849" s="130"/>
      <c r="G849" s="130"/>
      <c r="H849" s="130"/>
      <c r="I849" s="130"/>
      <c r="J849" s="130"/>
      <c r="K849" s="130"/>
      <c r="L849" s="130"/>
      <c r="M849" s="130"/>
      <c r="N849" s="130"/>
      <c r="O849" s="131"/>
      <c r="P849" s="130"/>
      <c r="Q849" s="130"/>
      <c r="R849" s="130"/>
      <c r="S849" s="130"/>
      <c r="T849" s="130"/>
      <c r="U849" s="130"/>
      <c r="V849" s="130"/>
      <c r="W849" s="130"/>
      <c r="X849" s="130"/>
      <c r="Y849" s="130"/>
      <c r="Z849" s="130"/>
      <c r="AA849" s="130"/>
      <c r="AB849" s="130"/>
      <c r="AC849" s="130"/>
      <c r="AD849" s="130"/>
      <c r="AE849" s="130"/>
      <c r="AF849" s="130"/>
      <c r="AG849" s="130"/>
      <c r="AH849" s="130"/>
      <c r="AI849" s="130"/>
      <c r="AJ849" s="130"/>
      <c r="AK849" s="130"/>
      <c r="AL849" s="130"/>
      <c r="AM849" s="130"/>
      <c r="AN849" s="130"/>
      <c r="AO849" s="134"/>
      <c r="AP849" s="114"/>
      <c r="AQ849" s="114"/>
    </row>
    <row r="850" spans="6:43">
      <c r="F850" s="130"/>
      <c r="G850" s="130"/>
      <c r="H850" s="130"/>
      <c r="I850" s="130"/>
      <c r="J850" s="130"/>
      <c r="K850" s="130"/>
      <c r="L850" s="130"/>
      <c r="M850" s="130"/>
      <c r="N850" s="130"/>
      <c r="O850" s="131"/>
      <c r="P850" s="130"/>
      <c r="Q850" s="130"/>
      <c r="R850" s="130"/>
      <c r="S850" s="130"/>
      <c r="T850" s="130"/>
      <c r="U850" s="130"/>
      <c r="V850" s="130"/>
      <c r="W850" s="130"/>
      <c r="X850" s="130"/>
      <c r="Y850" s="130"/>
      <c r="Z850" s="130"/>
      <c r="AA850" s="130"/>
      <c r="AB850" s="130"/>
      <c r="AC850" s="130"/>
      <c r="AD850" s="130"/>
      <c r="AE850" s="130"/>
      <c r="AF850" s="130"/>
      <c r="AG850" s="130"/>
      <c r="AH850" s="130"/>
      <c r="AI850" s="130"/>
      <c r="AJ850" s="130"/>
      <c r="AK850" s="130"/>
      <c r="AL850" s="130"/>
      <c r="AM850" s="130"/>
      <c r="AN850" s="130"/>
      <c r="AO850" s="134"/>
      <c r="AP850" s="114"/>
      <c r="AQ850" s="114"/>
    </row>
    <row r="851" spans="6:43">
      <c r="F851" s="62"/>
      <c r="G851" s="62"/>
      <c r="H851" s="62"/>
      <c r="I851" s="62"/>
      <c r="J851" s="62"/>
      <c r="K851" s="62"/>
      <c r="L851" s="62"/>
      <c r="M851" s="62"/>
      <c r="N851" s="62"/>
      <c r="O851" s="62"/>
      <c r="P851" s="62"/>
      <c r="Q851" s="62"/>
      <c r="R851" s="62"/>
      <c r="S851" s="62"/>
      <c r="T851" s="62"/>
      <c r="U851" s="62"/>
      <c r="V851" s="62"/>
      <c r="W851" s="62"/>
      <c r="X851" s="62"/>
      <c r="Y851" s="62"/>
      <c r="Z851" s="62"/>
      <c r="AA851" s="62"/>
      <c r="AB851" s="62"/>
      <c r="AC851" s="62"/>
      <c r="AD851" s="62"/>
      <c r="AE851" s="62"/>
      <c r="AF851" s="62"/>
      <c r="AG851" s="62"/>
      <c r="AH851" s="62"/>
      <c r="AI851" s="62"/>
      <c r="AJ851" s="62"/>
      <c r="AK851" s="62"/>
      <c r="AL851" s="62"/>
      <c r="AM851" s="62"/>
      <c r="AN851" s="62"/>
      <c r="AO851" s="62"/>
      <c r="AP851" s="62"/>
      <c r="AQ851" s="62"/>
    </row>
    <row r="852" spans="6:43">
      <c r="F852" s="130"/>
      <c r="G852" s="130"/>
      <c r="H852" s="130"/>
      <c r="I852" s="130"/>
      <c r="J852" s="130"/>
      <c r="K852" s="130"/>
      <c r="L852" s="130"/>
      <c r="M852" s="130"/>
      <c r="N852" s="130"/>
      <c r="O852" s="131"/>
      <c r="P852" s="130"/>
      <c r="Q852" s="130"/>
      <c r="R852" s="130"/>
      <c r="S852" s="130"/>
      <c r="T852" s="130"/>
      <c r="U852" s="130"/>
      <c r="V852" s="130"/>
      <c r="W852" s="130"/>
      <c r="X852" s="130"/>
      <c r="Y852" s="130"/>
      <c r="Z852" s="130"/>
      <c r="AA852" s="130"/>
      <c r="AB852" s="130"/>
      <c r="AC852" s="130"/>
      <c r="AD852" s="130"/>
      <c r="AE852" s="130"/>
      <c r="AF852" s="130"/>
      <c r="AG852" s="130"/>
      <c r="AH852" s="130"/>
      <c r="AI852" s="130"/>
      <c r="AJ852" s="130"/>
      <c r="AK852" s="130"/>
      <c r="AL852" s="130"/>
      <c r="AM852" s="130"/>
      <c r="AN852" s="130"/>
      <c r="AO852" s="134"/>
      <c r="AP852" s="114"/>
      <c r="AQ852" s="114"/>
    </row>
    <row r="853" spans="6:43">
      <c r="F853" s="130"/>
      <c r="G853" s="130"/>
      <c r="H853" s="130"/>
      <c r="I853" s="130"/>
      <c r="J853" s="130"/>
      <c r="K853" s="130"/>
      <c r="L853" s="130"/>
      <c r="M853" s="130"/>
      <c r="N853" s="130"/>
      <c r="O853" s="131"/>
      <c r="P853" s="130"/>
      <c r="Q853" s="130"/>
      <c r="R853" s="130"/>
      <c r="S853" s="130"/>
      <c r="T853" s="130"/>
      <c r="U853" s="130"/>
      <c r="V853" s="130"/>
      <c r="W853" s="130"/>
      <c r="X853" s="130"/>
      <c r="Y853" s="130"/>
      <c r="Z853" s="130"/>
      <c r="AA853" s="130"/>
      <c r="AB853" s="130"/>
      <c r="AC853" s="130"/>
      <c r="AD853" s="130"/>
      <c r="AE853" s="130"/>
      <c r="AF853" s="130"/>
      <c r="AG853" s="130"/>
      <c r="AH853" s="130"/>
      <c r="AI853" s="130"/>
      <c r="AJ853" s="130"/>
      <c r="AK853" s="130"/>
      <c r="AL853" s="130"/>
      <c r="AM853" s="130"/>
      <c r="AN853" s="130"/>
      <c r="AO853" s="134"/>
      <c r="AP853" s="114"/>
      <c r="AQ853" s="114"/>
    </row>
    <row r="854" spans="6:43">
      <c r="F854" s="130"/>
      <c r="G854" s="130"/>
      <c r="H854" s="130"/>
      <c r="I854" s="130"/>
      <c r="J854" s="130"/>
      <c r="K854" s="130"/>
      <c r="L854" s="130"/>
      <c r="M854" s="130"/>
      <c r="N854" s="130"/>
      <c r="O854" s="131"/>
      <c r="P854" s="130"/>
      <c r="Q854" s="130"/>
      <c r="R854" s="130"/>
      <c r="S854" s="130"/>
      <c r="T854" s="130"/>
      <c r="U854" s="130"/>
      <c r="V854" s="130"/>
      <c r="W854" s="130"/>
      <c r="X854" s="130"/>
      <c r="Y854" s="130"/>
      <c r="Z854" s="130"/>
      <c r="AA854" s="130"/>
      <c r="AB854" s="130"/>
      <c r="AC854" s="130"/>
      <c r="AD854" s="130"/>
      <c r="AE854" s="130"/>
      <c r="AF854" s="130"/>
      <c r="AG854" s="130"/>
      <c r="AH854" s="130"/>
      <c r="AI854" s="130"/>
      <c r="AJ854" s="130"/>
      <c r="AK854" s="130"/>
      <c r="AL854" s="130"/>
      <c r="AM854" s="130"/>
      <c r="AN854" s="130"/>
      <c r="AO854" s="134"/>
      <c r="AP854" s="114"/>
      <c r="AQ854" s="114"/>
    </row>
    <row r="855" spans="6:43">
      <c r="F855" s="62"/>
      <c r="G855" s="62"/>
      <c r="H855" s="62"/>
      <c r="I855" s="62"/>
      <c r="J855" s="62"/>
      <c r="K855" s="62"/>
      <c r="L855" s="62"/>
      <c r="M855" s="62"/>
      <c r="N855" s="62"/>
      <c r="O855" s="62"/>
      <c r="P855" s="62"/>
      <c r="Q855" s="62"/>
      <c r="R855" s="62"/>
      <c r="S855" s="62"/>
      <c r="T855" s="62"/>
      <c r="U855" s="62"/>
      <c r="V855" s="62"/>
      <c r="W855" s="62"/>
      <c r="X855" s="62"/>
      <c r="Y855" s="62"/>
      <c r="Z855" s="62"/>
      <c r="AA855" s="62"/>
      <c r="AB855" s="62"/>
      <c r="AC855" s="62"/>
      <c r="AD855" s="62"/>
      <c r="AE855" s="62"/>
      <c r="AF855" s="62"/>
      <c r="AG855" s="62"/>
      <c r="AH855" s="62"/>
      <c r="AI855" s="62"/>
      <c r="AJ855" s="62"/>
      <c r="AK855" s="62"/>
      <c r="AL855" s="62"/>
      <c r="AM855" s="62"/>
      <c r="AN855" s="62"/>
      <c r="AO855" s="62"/>
      <c r="AP855" s="62"/>
      <c r="AQ855" s="62"/>
    </row>
    <row r="856" spans="6:43">
      <c r="F856" s="62"/>
      <c r="G856" s="62"/>
      <c r="H856" s="62"/>
      <c r="I856" s="62"/>
      <c r="J856" s="62"/>
      <c r="K856" s="62"/>
      <c r="L856" s="62"/>
      <c r="M856" s="62"/>
      <c r="N856" s="62"/>
      <c r="O856" s="62"/>
      <c r="P856" s="62"/>
      <c r="Q856" s="62"/>
      <c r="R856" s="62"/>
      <c r="S856" s="62"/>
      <c r="T856" s="62"/>
      <c r="U856" s="62"/>
      <c r="V856" s="62"/>
      <c r="W856" s="62"/>
      <c r="X856" s="62"/>
      <c r="Y856" s="62"/>
      <c r="Z856" s="62"/>
      <c r="AA856" s="62"/>
      <c r="AB856" s="62"/>
      <c r="AC856" s="62"/>
      <c r="AD856" s="62"/>
      <c r="AE856" s="62"/>
      <c r="AF856" s="62"/>
      <c r="AG856" s="62"/>
      <c r="AH856" s="62"/>
      <c r="AI856" s="62"/>
      <c r="AJ856" s="62"/>
      <c r="AK856" s="62"/>
      <c r="AL856" s="62"/>
      <c r="AM856" s="62"/>
      <c r="AN856" s="62"/>
      <c r="AO856" s="62"/>
      <c r="AP856" s="62"/>
      <c r="AQ856" s="62"/>
    </row>
    <row r="857" spans="6:43">
      <c r="F857" s="62"/>
      <c r="G857" s="62"/>
      <c r="H857" s="62"/>
      <c r="I857" s="62"/>
      <c r="J857" s="62"/>
      <c r="K857" s="62"/>
      <c r="L857" s="62"/>
      <c r="M857" s="62"/>
      <c r="N857" s="62"/>
      <c r="O857" s="62"/>
      <c r="P857" s="62"/>
      <c r="Q857" s="62"/>
      <c r="R857" s="62"/>
      <c r="S857" s="62"/>
      <c r="T857" s="62"/>
      <c r="U857" s="62"/>
      <c r="V857" s="62"/>
      <c r="W857" s="62"/>
      <c r="X857" s="62"/>
      <c r="Y857" s="62"/>
      <c r="Z857" s="62"/>
      <c r="AA857" s="62"/>
      <c r="AB857" s="62"/>
      <c r="AC857" s="62"/>
      <c r="AD857" s="62"/>
      <c r="AE857" s="62"/>
      <c r="AF857" s="62"/>
      <c r="AG857" s="62"/>
      <c r="AH857" s="62"/>
      <c r="AI857" s="62"/>
      <c r="AJ857" s="62"/>
      <c r="AK857" s="62"/>
      <c r="AL857" s="62"/>
      <c r="AM857" s="62"/>
      <c r="AN857" s="62"/>
      <c r="AO857" s="62"/>
      <c r="AP857" s="62"/>
      <c r="AQ857" s="62"/>
    </row>
    <row r="858" spans="6:43">
      <c r="F858" s="62"/>
      <c r="G858" s="62"/>
      <c r="H858" s="62"/>
      <c r="I858" s="62"/>
      <c r="J858" s="62"/>
      <c r="K858" s="62"/>
      <c r="L858" s="62"/>
      <c r="M858" s="62"/>
      <c r="N858" s="62"/>
      <c r="O858" s="62"/>
      <c r="P858" s="62"/>
      <c r="Q858" s="62"/>
      <c r="R858" s="62"/>
      <c r="S858" s="62"/>
      <c r="T858" s="62"/>
      <c r="U858" s="62"/>
      <c r="V858" s="62"/>
      <c r="W858" s="62"/>
      <c r="X858" s="62"/>
      <c r="Y858" s="62"/>
      <c r="Z858" s="62"/>
      <c r="AA858" s="62"/>
      <c r="AB858" s="62"/>
      <c r="AC858" s="62"/>
      <c r="AD858" s="62"/>
      <c r="AE858" s="62"/>
      <c r="AF858" s="62"/>
      <c r="AG858" s="62"/>
      <c r="AH858" s="62"/>
      <c r="AI858" s="62"/>
      <c r="AJ858" s="62"/>
      <c r="AK858" s="62"/>
      <c r="AL858" s="62"/>
      <c r="AM858" s="62"/>
      <c r="AN858" s="62"/>
      <c r="AO858" s="62"/>
      <c r="AP858" s="62"/>
      <c r="AQ858" s="62"/>
    </row>
    <row r="859" spans="6:43">
      <c r="F859" s="62"/>
      <c r="G859" s="62"/>
      <c r="H859" s="62"/>
      <c r="I859" s="62"/>
      <c r="J859" s="62"/>
      <c r="K859" s="62"/>
      <c r="L859" s="62"/>
      <c r="M859" s="62"/>
      <c r="N859" s="62"/>
      <c r="O859" s="62"/>
      <c r="P859" s="62"/>
      <c r="Q859" s="62"/>
      <c r="R859" s="62"/>
      <c r="S859" s="62"/>
      <c r="T859" s="62"/>
      <c r="U859" s="62"/>
      <c r="V859" s="62"/>
      <c r="W859" s="62"/>
      <c r="X859" s="62"/>
      <c r="Y859" s="62"/>
      <c r="Z859" s="62"/>
      <c r="AA859" s="62"/>
      <c r="AB859" s="62"/>
      <c r="AC859" s="62"/>
      <c r="AD859" s="62"/>
      <c r="AE859" s="62"/>
      <c r="AF859" s="62"/>
      <c r="AG859" s="62"/>
      <c r="AH859" s="62"/>
      <c r="AI859" s="62"/>
      <c r="AJ859" s="62"/>
      <c r="AK859" s="62"/>
      <c r="AL859" s="62"/>
      <c r="AM859" s="62"/>
      <c r="AN859" s="62"/>
      <c r="AO859" s="62"/>
      <c r="AP859" s="62"/>
      <c r="AQ859" s="62"/>
    </row>
    <row r="860" spans="6:43">
      <c r="F860" s="62"/>
      <c r="G860" s="62"/>
      <c r="H860" s="62"/>
      <c r="I860" s="62"/>
      <c r="J860" s="62"/>
      <c r="K860" s="62"/>
      <c r="L860" s="62"/>
      <c r="M860" s="62"/>
      <c r="N860" s="62"/>
      <c r="O860" s="62"/>
      <c r="P860" s="62"/>
      <c r="Q860" s="62"/>
      <c r="R860" s="62"/>
      <c r="S860" s="62"/>
      <c r="T860" s="62"/>
      <c r="U860" s="62"/>
      <c r="V860" s="62"/>
      <c r="W860" s="62"/>
      <c r="X860" s="62"/>
      <c r="Y860" s="62"/>
      <c r="Z860" s="62"/>
      <c r="AA860" s="62"/>
      <c r="AB860" s="62"/>
      <c r="AC860" s="62"/>
      <c r="AD860" s="62"/>
      <c r="AE860" s="62"/>
      <c r="AF860" s="62"/>
      <c r="AG860" s="62"/>
      <c r="AH860" s="62"/>
      <c r="AI860" s="62"/>
      <c r="AJ860" s="62"/>
      <c r="AK860" s="62"/>
      <c r="AL860" s="62"/>
      <c r="AM860" s="62"/>
      <c r="AN860" s="62"/>
      <c r="AO860" s="62"/>
      <c r="AP860" s="62"/>
      <c r="AQ860" s="62"/>
    </row>
    <row r="861" spans="6:43">
      <c r="F861" s="130"/>
      <c r="G861" s="130"/>
      <c r="H861" s="130"/>
      <c r="I861" s="130"/>
      <c r="J861" s="130"/>
      <c r="K861" s="130"/>
      <c r="L861" s="130"/>
      <c r="M861" s="130"/>
      <c r="N861" s="130"/>
      <c r="O861" s="131"/>
      <c r="P861" s="130"/>
      <c r="Q861" s="130"/>
      <c r="R861" s="130"/>
      <c r="S861" s="130"/>
      <c r="T861" s="130"/>
      <c r="U861" s="130"/>
      <c r="V861" s="130"/>
      <c r="W861" s="130"/>
      <c r="X861" s="130"/>
      <c r="Y861" s="130"/>
      <c r="Z861" s="130"/>
      <c r="AA861" s="130"/>
      <c r="AB861" s="130"/>
      <c r="AC861" s="130"/>
      <c r="AD861" s="130"/>
      <c r="AE861" s="130"/>
      <c r="AF861" s="130"/>
      <c r="AG861" s="130"/>
      <c r="AH861" s="130"/>
      <c r="AI861" s="130"/>
      <c r="AJ861" s="130"/>
      <c r="AK861" s="130"/>
      <c r="AL861" s="130"/>
      <c r="AM861" s="130"/>
      <c r="AN861" s="130"/>
      <c r="AO861" s="134"/>
      <c r="AP861" s="114"/>
      <c r="AQ861" s="114"/>
    </row>
    <row r="862" spans="6:43">
      <c r="F862" s="130"/>
      <c r="G862" s="130"/>
      <c r="H862" s="130"/>
      <c r="I862" s="130"/>
      <c r="J862" s="130"/>
      <c r="K862" s="130"/>
      <c r="L862" s="130"/>
      <c r="M862" s="130"/>
      <c r="N862" s="130"/>
      <c r="O862" s="131"/>
      <c r="P862" s="130"/>
      <c r="Q862" s="130"/>
      <c r="R862" s="130"/>
      <c r="S862" s="130"/>
      <c r="T862" s="130"/>
      <c r="U862" s="130"/>
      <c r="V862" s="130"/>
      <c r="W862" s="130"/>
      <c r="X862" s="130"/>
      <c r="Y862" s="130"/>
      <c r="Z862" s="130"/>
      <c r="AA862" s="130"/>
      <c r="AB862" s="130"/>
      <c r="AC862" s="130"/>
      <c r="AD862" s="130"/>
      <c r="AE862" s="130"/>
      <c r="AF862" s="130"/>
      <c r="AG862" s="130"/>
      <c r="AH862" s="130"/>
      <c r="AI862" s="130"/>
      <c r="AJ862" s="130"/>
      <c r="AK862" s="130"/>
      <c r="AL862" s="130"/>
      <c r="AM862" s="130"/>
      <c r="AN862" s="130"/>
      <c r="AO862" s="134"/>
      <c r="AP862" s="114"/>
      <c r="AQ862" s="114"/>
    </row>
    <row r="863" spans="6:43">
      <c r="F863" s="141"/>
      <c r="G863" s="141"/>
      <c r="H863" s="141"/>
      <c r="I863" s="141"/>
      <c r="J863" s="141"/>
      <c r="K863" s="141"/>
      <c r="L863" s="141"/>
      <c r="M863" s="141"/>
      <c r="N863" s="141"/>
      <c r="O863" s="131"/>
      <c r="P863" s="141"/>
      <c r="Q863" s="141"/>
      <c r="R863" s="141"/>
      <c r="S863" s="141"/>
      <c r="T863" s="141"/>
      <c r="U863" s="141"/>
      <c r="V863" s="141"/>
      <c r="W863" s="141"/>
      <c r="X863" s="141"/>
      <c r="Y863" s="141"/>
      <c r="Z863" s="141"/>
      <c r="AA863" s="141"/>
      <c r="AB863" s="141"/>
      <c r="AC863" s="141"/>
      <c r="AD863" s="141"/>
      <c r="AE863" s="141"/>
      <c r="AF863" s="141"/>
      <c r="AG863" s="141"/>
      <c r="AH863" s="141"/>
      <c r="AI863" s="141"/>
      <c r="AJ863" s="141"/>
      <c r="AK863" s="141"/>
      <c r="AL863" s="141"/>
      <c r="AM863" s="141"/>
      <c r="AN863" s="141"/>
      <c r="AO863" s="144"/>
      <c r="AP863" s="137"/>
      <c r="AQ863" s="137"/>
    </row>
    <row r="864" spans="6:43">
      <c r="F864" s="141"/>
      <c r="G864" s="141"/>
      <c r="H864" s="141"/>
      <c r="I864" s="141"/>
      <c r="J864" s="141"/>
      <c r="K864" s="141"/>
      <c r="L864" s="141"/>
      <c r="M864" s="141"/>
      <c r="N864" s="141"/>
      <c r="O864" s="131"/>
      <c r="P864" s="141"/>
      <c r="Q864" s="141"/>
      <c r="R864" s="141"/>
      <c r="S864" s="141"/>
      <c r="T864" s="141"/>
      <c r="U864" s="141"/>
      <c r="V864" s="141"/>
      <c r="W864" s="141"/>
      <c r="X864" s="141"/>
      <c r="Y864" s="141"/>
      <c r="Z864" s="141"/>
      <c r="AA864" s="141"/>
      <c r="AB864" s="141"/>
      <c r="AC864" s="141"/>
      <c r="AD864" s="141"/>
      <c r="AE864" s="141"/>
      <c r="AF864" s="141"/>
      <c r="AG864" s="141"/>
      <c r="AH864" s="141"/>
      <c r="AI864" s="141"/>
      <c r="AJ864" s="141"/>
      <c r="AK864" s="141"/>
      <c r="AL864" s="141"/>
      <c r="AM864" s="141"/>
      <c r="AN864" s="141"/>
      <c r="AO864" s="144"/>
      <c r="AP864" s="137"/>
      <c r="AQ864" s="137"/>
    </row>
    <row r="865" spans="6:43">
      <c r="F865" s="62"/>
      <c r="G865" s="62"/>
      <c r="H865" s="62"/>
      <c r="I865" s="62"/>
      <c r="J865" s="62"/>
      <c r="K865" s="62"/>
      <c r="L865" s="62"/>
      <c r="M865" s="62"/>
      <c r="N865" s="62"/>
      <c r="O865" s="62"/>
      <c r="P865" s="62"/>
      <c r="Q865" s="62"/>
      <c r="R865" s="62"/>
      <c r="S865" s="62"/>
      <c r="T865" s="62"/>
      <c r="U865" s="62"/>
      <c r="V865" s="62"/>
      <c r="W865" s="62"/>
      <c r="X865" s="62"/>
      <c r="Y865" s="62"/>
      <c r="Z865" s="62"/>
      <c r="AA865" s="62"/>
      <c r="AB865" s="62"/>
      <c r="AC865" s="62"/>
      <c r="AD865" s="62"/>
      <c r="AE865" s="62"/>
      <c r="AF865" s="62"/>
      <c r="AG865" s="62"/>
      <c r="AH865" s="62"/>
      <c r="AI865" s="62"/>
      <c r="AJ865" s="62"/>
      <c r="AK865" s="62"/>
      <c r="AL865" s="62"/>
      <c r="AM865" s="62"/>
      <c r="AN865" s="62"/>
      <c r="AO865" s="62"/>
      <c r="AP865" s="62"/>
      <c r="AQ865" s="62"/>
    </row>
    <row r="866" spans="6:43">
      <c r="F866" s="141"/>
      <c r="G866" s="141"/>
      <c r="H866" s="141"/>
      <c r="I866" s="141"/>
      <c r="J866" s="141"/>
      <c r="K866" s="141"/>
      <c r="L866" s="141"/>
      <c r="M866" s="141"/>
      <c r="N866" s="141"/>
      <c r="O866" s="131"/>
      <c r="P866" s="141"/>
      <c r="Q866" s="141"/>
      <c r="R866" s="141"/>
      <c r="S866" s="141"/>
      <c r="T866" s="141"/>
      <c r="U866" s="141"/>
      <c r="V866" s="141"/>
      <c r="W866" s="141"/>
      <c r="X866" s="141"/>
      <c r="Y866" s="141"/>
      <c r="Z866" s="141"/>
      <c r="AA866" s="141"/>
      <c r="AB866" s="141"/>
      <c r="AC866" s="141"/>
      <c r="AD866" s="141"/>
      <c r="AE866" s="141"/>
      <c r="AF866" s="141"/>
      <c r="AG866" s="141"/>
      <c r="AH866" s="141"/>
      <c r="AI866" s="141"/>
      <c r="AJ866" s="141"/>
      <c r="AK866" s="141"/>
      <c r="AL866" s="141"/>
      <c r="AM866" s="141"/>
      <c r="AN866" s="141"/>
      <c r="AO866" s="144"/>
      <c r="AP866" s="137"/>
      <c r="AQ866" s="137"/>
    </row>
    <row r="867" spans="6:43">
      <c r="F867" s="141"/>
      <c r="G867" s="141"/>
      <c r="H867" s="141"/>
      <c r="I867" s="141"/>
      <c r="J867" s="141"/>
      <c r="K867" s="141"/>
      <c r="L867" s="141"/>
      <c r="M867" s="141"/>
      <c r="N867" s="141"/>
      <c r="O867" s="131"/>
      <c r="P867" s="141"/>
      <c r="Q867" s="141"/>
      <c r="R867" s="141"/>
      <c r="S867" s="141"/>
      <c r="T867" s="141"/>
      <c r="U867" s="141"/>
      <c r="V867" s="141"/>
      <c r="W867" s="141"/>
      <c r="X867" s="141"/>
      <c r="Y867" s="141"/>
      <c r="Z867" s="141"/>
      <c r="AA867" s="141"/>
      <c r="AB867" s="141"/>
      <c r="AC867" s="141"/>
      <c r="AD867" s="141"/>
      <c r="AE867" s="141"/>
      <c r="AF867" s="141"/>
      <c r="AG867" s="141"/>
      <c r="AH867" s="141"/>
      <c r="AI867" s="141"/>
      <c r="AJ867" s="141"/>
      <c r="AK867" s="141"/>
      <c r="AL867" s="141"/>
      <c r="AM867" s="141"/>
      <c r="AN867" s="141"/>
      <c r="AO867" s="144"/>
      <c r="AP867" s="137"/>
      <c r="AQ867" s="137"/>
    </row>
    <row r="868" spans="6:43">
      <c r="F868" s="130"/>
      <c r="G868" s="130"/>
      <c r="H868" s="141"/>
      <c r="I868" s="141"/>
      <c r="J868" s="141"/>
      <c r="K868" s="141"/>
      <c r="L868" s="141"/>
      <c r="M868" s="141"/>
      <c r="N868" s="141"/>
      <c r="O868" s="131"/>
      <c r="P868" s="130"/>
      <c r="Q868" s="130"/>
      <c r="R868" s="141"/>
      <c r="S868" s="141"/>
      <c r="T868" s="141"/>
      <c r="U868" s="141"/>
      <c r="V868" s="130"/>
      <c r="W868" s="141"/>
      <c r="X868" s="141"/>
      <c r="Y868" s="141"/>
      <c r="Z868" s="141"/>
      <c r="AA868" s="130"/>
      <c r="AB868" s="141"/>
      <c r="AC868" s="141"/>
      <c r="AD868" s="141"/>
      <c r="AE868" s="141"/>
      <c r="AF868" s="141"/>
      <c r="AG868" s="130"/>
      <c r="AH868" s="141"/>
      <c r="AI868" s="141"/>
      <c r="AJ868" s="141"/>
      <c r="AK868" s="141"/>
      <c r="AL868" s="130"/>
      <c r="AM868" s="141"/>
      <c r="AN868" s="141"/>
      <c r="AO868" s="144"/>
      <c r="AP868" s="137"/>
      <c r="AQ868" s="137"/>
    </row>
    <row r="869" spans="6:43">
      <c r="F869" s="130"/>
      <c r="G869" s="130"/>
      <c r="H869" s="141"/>
      <c r="I869" s="141"/>
      <c r="J869" s="141"/>
      <c r="K869" s="141"/>
      <c r="L869" s="141"/>
      <c r="M869" s="141"/>
      <c r="N869" s="141"/>
      <c r="O869" s="131"/>
      <c r="P869" s="130"/>
      <c r="Q869" s="130"/>
      <c r="R869" s="141"/>
      <c r="S869" s="141"/>
      <c r="T869" s="141"/>
      <c r="U869" s="141"/>
      <c r="V869" s="130"/>
      <c r="W869" s="141"/>
      <c r="X869" s="141"/>
      <c r="Y869" s="141"/>
      <c r="Z869" s="141"/>
      <c r="AA869" s="130"/>
      <c r="AB869" s="141"/>
      <c r="AC869" s="141"/>
      <c r="AD869" s="141"/>
      <c r="AE869" s="141"/>
      <c r="AF869" s="141"/>
      <c r="AG869" s="130"/>
      <c r="AH869" s="141"/>
      <c r="AI869" s="141"/>
      <c r="AJ869" s="141"/>
      <c r="AK869" s="141"/>
      <c r="AL869" s="130"/>
      <c r="AM869" s="141"/>
      <c r="AN869" s="141"/>
      <c r="AO869" s="144"/>
      <c r="AP869" s="137"/>
      <c r="AQ869" s="137"/>
    </row>
    <row r="870" spans="6:43">
      <c r="F870" s="141"/>
      <c r="G870" s="141"/>
      <c r="H870" s="141"/>
      <c r="I870" s="141"/>
      <c r="J870" s="141"/>
      <c r="K870" s="141"/>
      <c r="L870" s="141"/>
      <c r="M870" s="141"/>
      <c r="N870" s="141"/>
      <c r="O870" s="131"/>
      <c r="P870" s="141"/>
      <c r="Q870" s="141"/>
      <c r="R870" s="141"/>
      <c r="S870" s="141"/>
      <c r="T870" s="141"/>
      <c r="U870" s="141"/>
      <c r="V870" s="141"/>
      <c r="W870" s="141"/>
      <c r="X870" s="141"/>
      <c r="Y870" s="141"/>
      <c r="Z870" s="141"/>
      <c r="AA870" s="141"/>
      <c r="AB870" s="141"/>
      <c r="AC870" s="141"/>
      <c r="AD870" s="141"/>
      <c r="AE870" s="141"/>
      <c r="AF870" s="141"/>
      <c r="AG870" s="141"/>
      <c r="AH870" s="141"/>
      <c r="AI870" s="141"/>
      <c r="AJ870" s="141"/>
      <c r="AK870" s="141"/>
      <c r="AL870" s="141"/>
      <c r="AM870" s="141"/>
      <c r="AN870" s="141"/>
      <c r="AO870" s="144"/>
      <c r="AP870" s="137"/>
      <c r="AQ870" s="137"/>
    </row>
    <row r="871" spans="6:43">
      <c r="F871" s="141"/>
      <c r="G871" s="141"/>
      <c r="H871" s="141"/>
      <c r="I871" s="141"/>
      <c r="J871" s="141"/>
      <c r="K871" s="141"/>
      <c r="L871" s="141"/>
      <c r="M871" s="141"/>
      <c r="N871" s="141"/>
      <c r="O871" s="131"/>
      <c r="P871" s="141"/>
      <c r="Q871" s="141"/>
      <c r="R871" s="141"/>
      <c r="S871" s="141"/>
      <c r="T871" s="141"/>
      <c r="U871" s="141"/>
      <c r="V871" s="141"/>
      <c r="W871" s="141"/>
      <c r="X871" s="141"/>
      <c r="Y871" s="141"/>
      <c r="Z871" s="141"/>
      <c r="AA871" s="141"/>
      <c r="AB871" s="141"/>
      <c r="AC871" s="141"/>
      <c r="AD871" s="141"/>
      <c r="AE871" s="141"/>
      <c r="AF871" s="141"/>
      <c r="AG871" s="141"/>
      <c r="AH871" s="141"/>
      <c r="AI871" s="141"/>
      <c r="AJ871" s="141"/>
      <c r="AK871" s="141"/>
      <c r="AL871" s="141"/>
      <c r="AM871" s="141"/>
      <c r="AN871" s="141"/>
      <c r="AO871" s="144"/>
      <c r="AP871" s="137"/>
      <c r="AQ871" s="137"/>
    </row>
    <row r="872" spans="6:43">
      <c r="F872" s="141"/>
      <c r="G872" s="141"/>
      <c r="H872" s="141"/>
      <c r="I872" s="141"/>
      <c r="J872" s="141"/>
      <c r="K872" s="141"/>
      <c r="L872" s="141"/>
      <c r="M872" s="141"/>
      <c r="N872" s="141"/>
      <c r="O872" s="131"/>
      <c r="P872" s="141"/>
      <c r="Q872" s="141"/>
      <c r="R872" s="141"/>
      <c r="S872" s="141"/>
      <c r="T872" s="141"/>
      <c r="U872" s="141"/>
      <c r="V872" s="141"/>
      <c r="W872" s="141"/>
      <c r="X872" s="141"/>
      <c r="Y872" s="141"/>
      <c r="Z872" s="141"/>
      <c r="AA872" s="141"/>
      <c r="AB872" s="141"/>
      <c r="AC872" s="141"/>
      <c r="AD872" s="141"/>
      <c r="AE872" s="141"/>
      <c r="AF872" s="141"/>
      <c r="AG872" s="141"/>
      <c r="AH872" s="141"/>
      <c r="AI872" s="141"/>
      <c r="AJ872" s="141"/>
      <c r="AK872" s="141"/>
      <c r="AL872" s="141"/>
      <c r="AM872" s="141"/>
      <c r="AN872" s="141"/>
      <c r="AO872" s="144"/>
      <c r="AP872" s="137"/>
      <c r="AQ872" s="137"/>
    </row>
    <row r="873" spans="6:43">
      <c r="F873" s="62"/>
      <c r="G873" s="62"/>
      <c r="H873" s="62"/>
      <c r="I873" s="62"/>
      <c r="J873" s="62"/>
      <c r="K873" s="62"/>
      <c r="L873" s="62"/>
      <c r="M873" s="62"/>
      <c r="N873" s="62"/>
      <c r="O873" s="62"/>
      <c r="P873" s="62"/>
      <c r="Q873" s="62"/>
      <c r="R873" s="62"/>
      <c r="S873" s="62"/>
      <c r="T873" s="62"/>
      <c r="U873" s="62"/>
      <c r="V873" s="62"/>
      <c r="W873" s="62"/>
      <c r="X873" s="62"/>
      <c r="Y873" s="62"/>
      <c r="Z873" s="62"/>
      <c r="AA873" s="62"/>
      <c r="AB873" s="62"/>
      <c r="AC873" s="62"/>
      <c r="AD873" s="62"/>
      <c r="AE873" s="62"/>
      <c r="AF873" s="62"/>
      <c r="AG873" s="62"/>
      <c r="AH873" s="62"/>
      <c r="AI873" s="62"/>
      <c r="AJ873" s="62"/>
      <c r="AK873" s="62"/>
      <c r="AL873" s="62"/>
      <c r="AM873" s="62"/>
      <c r="AN873" s="62"/>
      <c r="AO873" s="62"/>
      <c r="AP873" s="62"/>
      <c r="AQ873" s="62"/>
    </row>
    <row r="874" spans="6:43">
      <c r="F874" s="141"/>
      <c r="G874" s="141"/>
      <c r="H874" s="141"/>
      <c r="I874" s="141"/>
      <c r="J874" s="141"/>
      <c r="K874" s="141"/>
      <c r="L874" s="141"/>
      <c r="M874" s="141"/>
      <c r="N874" s="141"/>
      <c r="O874" s="131"/>
      <c r="P874" s="141"/>
      <c r="Q874" s="141"/>
      <c r="R874" s="141"/>
      <c r="S874" s="141"/>
      <c r="T874" s="141"/>
      <c r="U874" s="141"/>
      <c r="V874" s="141"/>
      <c r="W874" s="141"/>
      <c r="X874" s="141"/>
      <c r="Y874" s="141"/>
      <c r="Z874" s="141"/>
      <c r="AA874" s="141"/>
      <c r="AB874" s="141"/>
      <c r="AC874" s="141"/>
      <c r="AD874" s="141"/>
      <c r="AE874" s="141"/>
      <c r="AF874" s="141"/>
      <c r="AG874" s="141"/>
      <c r="AH874" s="141"/>
      <c r="AI874" s="141"/>
      <c r="AJ874" s="141"/>
      <c r="AK874" s="141"/>
      <c r="AL874" s="141"/>
      <c r="AM874" s="141"/>
      <c r="AN874" s="141"/>
      <c r="AO874" s="144"/>
      <c r="AP874" s="137"/>
      <c r="AQ874" s="137"/>
    </row>
    <row r="875" spans="6:43">
      <c r="F875" s="141"/>
      <c r="G875" s="141"/>
      <c r="H875" s="141"/>
      <c r="I875" s="141"/>
      <c r="J875" s="141"/>
      <c r="K875" s="141"/>
      <c r="L875" s="141"/>
      <c r="M875" s="141"/>
      <c r="N875" s="141"/>
      <c r="O875" s="131"/>
      <c r="P875" s="141"/>
      <c r="Q875" s="141"/>
      <c r="R875" s="141"/>
      <c r="S875" s="141"/>
      <c r="T875" s="141"/>
      <c r="U875" s="141"/>
      <c r="V875" s="141"/>
      <c r="W875" s="141"/>
      <c r="X875" s="141"/>
      <c r="Y875" s="141"/>
      <c r="Z875" s="141"/>
      <c r="AA875" s="141"/>
      <c r="AB875" s="141"/>
      <c r="AC875" s="141"/>
      <c r="AD875" s="141"/>
      <c r="AE875" s="141"/>
      <c r="AF875" s="141"/>
      <c r="AG875" s="141"/>
      <c r="AH875" s="141"/>
      <c r="AI875" s="141"/>
      <c r="AJ875" s="141"/>
      <c r="AK875" s="141"/>
      <c r="AL875" s="141"/>
      <c r="AM875" s="141"/>
      <c r="AN875" s="141"/>
      <c r="AO875" s="144"/>
      <c r="AP875" s="137"/>
      <c r="AQ875" s="137"/>
    </row>
    <row r="876" spans="6:43">
      <c r="F876" s="62"/>
      <c r="G876" s="62"/>
      <c r="H876" s="62"/>
      <c r="I876" s="62"/>
      <c r="J876" s="62"/>
      <c r="K876" s="62"/>
      <c r="L876" s="62"/>
      <c r="M876" s="62"/>
      <c r="N876" s="62"/>
      <c r="O876" s="62"/>
      <c r="P876" s="62"/>
      <c r="Q876" s="62"/>
      <c r="R876" s="62"/>
      <c r="S876" s="62"/>
      <c r="T876" s="62"/>
      <c r="U876" s="62"/>
      <c r="V876" s="62"/>
      <c r="W876" s="62"/>
      <c r="X876" s="62"/>
      <c r="Y876" s="62"/>
      <c r="Z876" s="62"/>
      <c r="AA876" s="62"/>
      <c r="AB876" s="62"/>
      <c r="AC876" s="62"/>
      <c r="AD876" s="62"/>
      <c r="AE876" s="62"/>
      <c r="AF876" s="62"/>
      <c r="AG876" s="62"/>
      <c r="AH876" s="62"/>
      <c r="AI876" s="62"/>
      <c r="AJ876" s="62"/>
      <c r="AK876" s="62"/>
      <c r="AL876" s="62"/>
      <c r="AM876" s="62"/>
      <c r="AN876" s="62"/>
      <c r="AO876" s="62"/>
      <c r="AP876" s="62"/>
      <c r="AQ876" s="62"/>
    </row>
    <row r="877" spans="6:43">
      <c r="F877" s="141"/>
      <c r="G877" s="141"/>
      <c r="H877" s="141"/>
      <c r="I877" s="141"/>
      <c r="J877" s="141"/>
      <c r="K877" s="141"/>
      <c r="L877" s="141"/>
      <c r="M877" s="141"/>
      <c r="N877" s="141"/>
      <c r="O877" s="131"/>
      <c r="P877" s="141"/>
      <c r="Q877" s="141"/>
      <c r="R877" s="141"/>
      <c r="S877" s="141"/>
      <c r="T877" s="141"/>
      <c r="U877" s="141"/>
      <c r="V877" s="141"/>
      <c r="W877" s="141"/>
      <c r="X877" s="141"/>
      <c r="Y877" s="141"/>
      <c r="Z877" s="141"/>
      <c r="AA877" s="141"/>
      <c r="AB877" s="141"/>
      <c r="AC877" s="141"/>
      <c r="AD877" s="141"/>
      <c r="AE877" s="141"/>
      <c r="AF877" s="141"/>
      <c r="AG877" s="141"/>
      <c r="AH877" s="141"/>
      <c r="AI877" s="141"/>
      <c r="AJ877" s="141"/>
      <c r="AK877" s="141"/>
      <c r="AL877" s="141"/>
      <c r="AM877" s="141"/>
      <c r="AN877" s="141"/>
      <c r="AO877" s="144"/>
      <c r="AP877" s="137"/>
      <c r="AQ877" s="137"/>
    </row>
    <row r="878" spans="6:43">
      <c r="F878" s="130"/>
      <c r="G878" s="130"/>
      <c r="H878" s="130"/>
      <c r="I878" s="130"/>
      <c r="J878" s="130"/>
      <c r="K878" s="130"/>
      <c r="L878" s="130"/>
      <c r="M878" s="130"/>
      <c r="N878" s="130"/>
      <c r="O878" s="131"/>
      <c r="P878" s="130"/>
      <c r="Q878" s="130"/>
      <c r="R878" s="130"/>
      <c r="S878" s="130"/>
      <c r="T878" s="130"/>
      <c r="U878" s="130"/>
      <c r="V878" s="130"/>
      <c r="W878" s="130"/>
      <c r="X878" s="130"/>
      <c r="Y878" s="130"/>
      <c r="Z878" s="130"/>
      <c r="AA878" s="130"/>
      <c r="AB878" s="130"/>
      <c r="AC878" s="130"/>
      <c r="AD878" s="130"/>
      <c r="AE878" s="130"/>
      <c r="AF878" s="130"/>
      <c r="AG878" s="130"/>
      <c r="AH878" s="130"/>
      <c r="AI878" s="130"/>
      <c r="AJ878" s="130"/>
      <c r="AK878" s="130"/>
      <c r="AL878" s="130"/>
      <c r="AM878" s="130"/>
      <c r="AN878" s="130"/>
      <c r="AO878" s="134"/>
      <c r="AP878" s="114"/>
      <c r="AQ878" s="114"/>
    </row>
    <row r="879" spans="6:43">
      <c r="F879" s="130"/>
      <c r="G879" s="130"/>
      <c r="H879" s="130"/>
      <c r="I879" s="130"/>
      <c r="J879" s="130"/>
      <c r="K879" s="130"/>
      <c r="L879" s="130"/>
      <c r="M879" s="130"/>
      <c r="N879" s="130"/>
      <c r="O879" s="131"/>
      <c r="P879" s="130"/>
      <c r="Q879" s="130"/>
      <c r="R879" s="130"/>
      <c r="S879" s="130"/>
      <c r="T879" s="130"/>
      <c r="U879" s="130"/>
      <c r="V879" s="130"/>
      <c r="W879" s="130"/>
      <c r="X879" s="130"/>
      <c r="Y879" s="130"/>
      <c r="Z879" s="130"/>
      <c r="AA879" s="130"/>
      <c r="AB879" s="130"/>
      <c r="AC879" s="130"/>
      <c r="AD879" s="130"/>
      <c r="AE879" s="130"/>
      <c r="AF879" s="130"/>
      <c r="AG879" s="130"/>
      <c r="AH879" s="130"/>
      <c r="AI879" s="130"/>
      <c r="AJ879" s="130"/>
      <c r="AK879" s="130"/>
      <c r="AL879" s="130"/>
      <c r="AM879" s="130"/>
      <c r="AN879" s="130"/>
      <c r="AO879" s="134"/>
      <c r="AP879" s="114"/>
      <c r="AQ879" s="114"/>
    </row>
    <row r="880" spans="6:43">
      <c r="F880" s="62"/>
      <c r="G880" s="62"/>
      <c r="H880" s="62"/>
      <c r="I880" s="62"/>
      <c r="J880" s="62"/>
      <c r="K880" s="62"/>
      <c r="L880" s="62"/>
      <c r="M880" s="62"/>
      <c r="N880" s="62"/>
      <c r="O880" s="62"/>
      <c r="P880" s="62"/>
      <c r="Q880" s="62"/>
      <c r="R880" s="62"/>
      <c r="S880" s="62"/>
      <c r="T880" s="62"/>
      <c r="U880" s="62"/>
      <c r="V880" s="62"/>
      <c r="W880" s="62"/>
      <c r="X880" s="62"/>
      <c r="Y880" s="62"/>
      <c r="Z880" s="62"/>
      <c r="AA880" s="62"/>
      <c r="AB880" s="62"/>
      <c r="AC880" s="62"/>
      <c r="AD880" s="62"/>
      <c r="AE880" s="62"/>
      <c r="AF880" s="62"/>
      <c r="AG880" s="62"/>
      <c r="AH880" s="62"/>
      <c r="AI880" s="62"/>
      <c r="AJ880" s="62"/>
      <c r="AK880" s="62"/>
      <c r="AL880" s="62"/>
      <c r="AM880" s="62"/>
      <c r="AN880" s="62"/>
      <c r="AO880" s="62"/>
      <c r="AP880" s="62"/>
      <c r="AQ880" s="62"/>
    </row>
    <row r="881" spans="6:43">
      <c r="F881" s="62"/>
      <c r="G881" s="62"/>
      <c r="H881" s="62"/>
      <c r="I881" s="62"/>
      <c r="J881" s="62"/>
      <c r="K881" s="62"/>
      <c r="L881" s="62"/>
      <c r="M881" s="62"/>
      <c r="N881" s="62"/>
      <c r="O881" s="62"/>
      <c r="P881" s="62"/>
      <c r="Q881" s="62"/>
      <c r="R881" s="62"/>
      <c r="S881" s="62"/>
      <c r="T881" s="62"/>
      <c r="U881" s="62"/>
      <c r="V881" s="62"/>
      <c r="W881" s="62"/>
      <c r="X881" s="62"/>
      <c r="Y881" s="62"/>
      <c r="Z881" s="62"/>
      <c r="AA881" s="62"/>
      <c r="AB881" s="62"/>
      <c r="AC881" s="62"/>
      <c r="AD881" s="62"/>
      <c r="AE881" s="62"/>
      <c r="AF881" s="62"/>
      <c r="AG881" s="62"/>
      <c r="AH881" s="62"/>
      <c r="AI881" s="62"/>
      <c r="AJ881" s="62"/>
      <c r="AK881" s="62"/>
      <c r="AL881" s="62"/>
      <c r="AM881" s="62"/>
      <c r="AN881" s="62"/>
      <c r="AO881" s="62"/>
      <c r="AP881" s="62"/>
      <c r="AQ881" s="62"/>
    </row>
    <row r="882" spans="6:43">
      <c r="F882" s="130"/>
      <c r="G882" s="130"/>
      <c r="H882" s="130"/>
      <c r="I882" s="130"/>
      <c r="J882" s="130"/>
      <c r="K882" s="130"/>
      <c r="L882" s="130"/>
      <c r="M882" s="130"/>
      <c r="N882" s="130"/>
      <c r="O882" s="131"/>
      <c r="P882" s="130"/>
      <c r="Q882" s="130"/>
      <c r="R882" s="130"/>
      <c r="S882" s="130"/>
      <c r="T882" s="130"/>
      <c r="U882" s="130"/>
      <c r="V882" s="130"/>
      <c r="W882" s="130"/>
      <c r="X882" s="130"/>
      <c r="Y882" s="130"/>
      <c r="Z882" s="130"/>
      <c r="AA882" s="130"/>
      <c r="AB882" s="130"/>
      <c r="AC882" s="130"/>
      <c r="AD882" s="130"/>
      <c r="AE882" s="130"/>
      <c r="AF882" s="130"/>
      <c r="AG882" s="130"/>
      <c r="AH882" s="130"/>
      <c r="AI882" s="130"/>
      <c r="AJ882" s="130"/>
      <c r="AK882" s="130"/>
      <c r="AL882" s="130"/>
      <c r="AM882" s="130"/>
      <c r="AN882" s="130"/>
      <c r="AO882" s="134"/>
      <c r="AP882" s="114"/>
      <c r="AQ882" s="114"/>
    </row>
    <row r="883" spans="6:43">
      <c r="F883" s="141"/>
      <c r="G883" s="141"/>
      <c r="H883" s="141"/>
      <c r="I883" s="141"/>
      <c r="J883" s="141"/>
      <c r="K883" s="141"/>
      <c r="L883" s="141"/>
      <c r="M883" s="141"/>
      <c r="N883" s="141"/>
      <c r="O883" s="131"/>
      <c r="P883" s="141"/>
      <c r="Q883" s="141"/>
      <c r="R883" s="141"/>
      <c r="S883" s="141"/>
      <c r="T883" s="141"/>
      <c r="U883" s="141"/>
      <c r="V883" s="141"/>
      <c r="W883" s="141"/>
      <c r="X883" s="141"/>
      <c r="Y883" s="141"/>
      <c r="Z883" s="141"/>
      <c r="AA883" s="141"/>
      <c r="AB883" s="141"/>
      <c r="AC883" s="141"/>
      <c r="AD883" s="141"/>
      <c r="AE883" s="141"/>
      <c r="AF883" s="141"/>
      <c r="AG883" s="141"/>
      <c r="AH883" s="141"/>
      <c r="AI883" s="141"/>
      <c r="AJ883" s="141"/>
      <c r="AK883" s="141"/>
      <c r="AL883" s="141"/>
      <c r="AM883" s="141"/>
      <c r="AN883" s="141"/>
      <c r="AO883" s="144"/>
      <c r="AP883" s="137"/>
      <c r="AQ883" s="137"/>
    </row>
    <row r="884" spans="6:43">
      <c r="F884" s="141"/>
      <c r="G884" s="141"/>
      <c r="H884" s="141"/>
      <c r="I884" s="141"/>
      <c r="J884" s="141"/>
      <c r="K884" s="141"/>
      <c r="L884" s="141"/>
      <c r="M884" s="141"/>
      <c r="N884" s="141"/>
      <c r="O884" s="131"/>
      <c r="P884" s="141"/>
      <c r="Q884" s="141"/>
      <c r="R884" s="141"/>
      <c r="S884" s="141"/>
      <c r="T884" s="141"/>
      <c r="U884" s="141"/>
      <c r="V884" s="141"/>
      <c r="W884" s="141"/>
      <c r="X884" s="141"/>
      <c r="Y884" s="141"/>
      <c r="Z884" s="141"/>
      <c r="AA884" s="141"/>
      <c r="AB884" s="141"/>
      <c r="AC884" s="141"/>
      <c r="AD884" s="141"/>
      <c r="AE884" s="141"/>
      <c r="AF884" s="141"/>
      <c r="AG884" s="141"/>
      <c r="AH884" s="141"/>
      <c r="AI884" s="141"/>
      <c r="AJ884" s="141"/>
      <c r="AK884" s="141"/>
      <c r="AL884" s="141"/>
      <c r="AM884" s="141"/>
      <c r="AN884" s="141"/>
      <c r="AO884" s="144"/>
      <c r="AP884" s="137"/>
      <c r="AQ884" s="137"/>
    </row>
    <row r="885" spans="6:43">
      <c r="F885" s="62"/>
      <c r="G885" s="62"/>
      <c r="H885" s="62"/>
      <c r="I885" s="62"/>
      <c r="J885" s="62"/>
      <c r="K885" s="62"/>
      <c r="L885" s="62"/>
      <c r="M885" s="62"/>
      <c r="N885" s="62"/>
      <c r="O885" s="62"/>
      <c r="P885" s="62"/>
      <c r="Q885" s="62"/>
      <c r="R885" s="62"/>
      <c r="S885" s="62"/>
      <c r="T885" s="62"/>
      <c r="U885" s="62"/>
      <c r="V885" s="62"/>
      <c r="W885" s="62"/>
      <c r="X885" s="62"/>
      <c r="Y885" s="62"/>
      <c r="Z885" s="62"/>
      <c r="AA885" s="62"/>
      <c r="AB885" s="62"/>
      <c r="AC885" s="62"/>
      <c r="AD885" s="62"/>
      <c r="AE885" s="62"/>
      <c r="AF885" s="62"/>
      <c r="AG885" s="62"/>
      <c r="AH885" s="62"/>
      <c r="AI885" s="62"/>
      <c r="AJ885" s="62"/>
      <c r="AK885" s="62"/>
      <c r="AL885" s="62"/>
      <c r="AM885" s="62"/>
      <c r="AN885" s="62"/>
      <c r="AO885" s="62"/>
      <c r="AP885" s="62"/>
      <c r="AQ885" s="62"/>
    </row>
    <row r="886" spans="6:43">
      <c r="F886" s="62"/>
      <c r="G886" s="62"/>
      <c r="H886" s="62"/>
      <c r="I886" s="62"/>
      <c r="J886" s="62"/>
      <c r="K886" s="62"/>
      <c r="L886" s="62"/>
      <c r="M886" s="62"/>
      <c r="N886" s="62"/>
      <c r="O886" s="62"/>
      <c r="P886" s="62"/>
      <c r="Q886" s="62"/>
      <c r="R886" s="62"/>
      <c r="S886" s="62"/>
      <c r="T886" s="62"/>
      <c r="U886" s="62"/>
      <c r="V886" s="62"/>
      <c r="W886" s="62"/>
      <c r="X886" s="62"/>
      <c r="Y886" s="62"/>
      <c r="Z886" s="62"/>
      <c r="AA886" s="62"/>
      <c r="AB886" s="62"/>
      <c r="AC886" s="62"/>
      <c r="AD886" s="62"/>
      <c r="AE886" s="62"/>
      <c r="AF886" s="62"/>
      <c r="AG886" s="62"/>
      <c r="AH886" s="62"/>
      <c r="AI886" s="62"/>
      <c r="AJ886" s="62"/>
      <c r="AK886" s="62"/>
      <c r="AL886" s="62"/>
      <c r="AM886" s="62"/>
      <c r="AN886" s="62"/>
      <c r="AO886" s="62"/>
      <c r="AP886" s="62"/>
      <c r="AQ886" s="62"/>
    </row>
    <row r="887" spans="6:43">
      <c r="F887" s="62"/>
      <c r="G887" s="62"/>
      <c r="H887" s="62"/>
      <c r="I887" s="62"/>
      <c r="J887" s="62"/>
      <c r="K887" s="62"/>
      <c r="L887" s="62"/>
      <c r="M887" s="62"/>
      <c r="N887" s="62"/>
      <c r="O887" s="62"/>
      <c r="P887" s="62"/>
      <c r="Q887" s="62"/>
      <c r="R887" s="62"/>
      <c r="S887" s="62"/>
      <c r="T887" s="62"/>
      <c r="U887" s="62"/>
      <c r="V887" s="62"/>
      <c r="W887" s="62"/>
      <c r="X887" s="62"/>
      <c r="Y887" s="62"/>
      <c r="Z887" s="62"/>
      <c r="AA887" s="62"/>
      <c r="AB887" s="62"/>
      <c r="AC887" s="62"/>
      <c r="AD887" s="62"/>
      <c r="AE887" s="62"/>
      <c r="AF887" s="62"/>
      <c r="AG887" s="62"/>
      <c r="AH887" s="62"/>
      <c r="AI887" s="62"/>
      <c r="AJ887" s="62"/>
      <c r="AK887" s="62"/>
      <c r="AL887" s="62"/>
      <c r="AM887" s="62"/>
      <c r="AN887" s="62"/>
      <c r="AO887" s="62"/>
      <c r="AP887" s="62"/>
      <c r="AQ887" s="62"/>
    </row>
    <row r="888" spans="6:43">
      <c r="F888" s="62"/>
      <c r="G888" s="62"/>
      <c r="H888" s="62"/>
      <c r="I888" s="62"/>
      <c r="J888" s="62"/>
      <c r="K888" s="62"/>
      <c r="L888" s="62"/>
      <c r="M888" s="62"/>
      <c r="N888" s="62"/>
      <c r="O888" s="62"/>
      <c r="P888" s="62"/>
      <c r="Q888" s="62"/>
      <c r="R888" s="62"/>
      <c r="S888" s="62"/>
      <c r="T888" s="62"/>
      <c r="U888" s="62"/>
      <c r="V888" s="62"/>
      <c r="W888" s="62"/>
      <c r="X888" s="62"/>
      <c r="Y888" s="62"/>
      <c r="Z888" s="62"/>
      <c r="AA888" s="62"/>
      <c r="AB888" s="62"/>
      <c r="AC888" s="62"/>
      <c r="AD888" s="62"/>
      <c r="AE888" s="62"/>
      <c r="AF888" s="62"/>
      <c r="AG888" s="62"/>
      <c r="AH888" s="62"/>
      <c r="AI888" s="62"/>
      <c r="AJ888" s="62"/>
      <c r="AK888" s="62"/>
      <c r="AL888" s="62"/>
      <c r="AM888" s="62"/>
      <c r="AN888" s="62"/>
      <c r="AO888" s="62"/>
      <c r="AP888" s="62"/>
      <c r="AQ888" s="62"/>
    </row>
    <row r="889" spans="6:43">
      <c r="F889" s="62"/>
      <c r="G889" s="62"/>
      <c r="H889" s="62"/>
      <c r="I889" s="62"/>
      <c r="J889" s="62"/>
      <c r="K889" s="62"/>
      <c r="L889" s="62"/>
      <c r="M889" s="62"/>
      <c r="N889" s="62"/>
      <c r="O889" s="62"/>
      <c r="P889" s="62"/>
      <c r="Q889" s="62"/>
      <c r="R889" s="62"/>
      <c r="S889" s="62"/>
      <c r="T889" s="62"/>
      <c r="U889" s="62"/>
      <c r="V889" s="62"/>
      <c r="W889" s="62"/>
      <c r="X889" s="62"/>
      <c r="Y889" s="62"/>
      <c r="Z889" s="62"/>
      <c r="AA889" s="62"/>
      <c r="AB889" s="62"/>
      <c r="AC889" s="62"/>
      <c r="AD889" s="62"/>
      <c r="AE889" s="62"/>
      <c r="AF889" s="62"/>
      <c r="AG889" s="62"/>
      <c r="AH889" s="62"/>
      <c r="AI889" s="62"/>
      <c r="AJ889" s="62"/>
      <c r="AK889" s="62"/>
      <c r="AL889" s="62"/>
      <c r="AM889" s="62"/>
      <c r="AN889" s="62"/>
      <c r="AO889" s="62"/>
      <c r="AP889" s="62"/>
      <c r="AQ889" s="62"/>
    </row>
    <row r="890" spans="6:43">
      <c r="F890" s="62"/>
      <c r="G890" s="62"/>
      <c r="H890" s="62"/>
      <c r="I890" s="62"/>
      <c r="J890" s="62"/>
      <c r="K890" s="62"/>
      <c r="L890" s="62"/>
      <c r="M890" s="62"/>
      <c r="N890" s="62"/>
      <c r="O890" s="62"/>
      <c r="P890" s="62"/>
      <c r="Q890" s="62"/>
      <c r="R890" s="62"/>
      <c r="S890" s="62"/>
      <c r="T890" s="62"/>
      <c r="U890" s="62"/>
      <c r="V890" s="62"/>
      <c r="W890" s="62"/>
      <c r="X890" s="62"/>
      <c r="Y890" s="62"/>
      <c r="Z890" s="62"/>
      <c r="AA890" s="62"/>
      <c r="AB890" s="62"/>
      <c r="AC890" s="62"/>
      <c r="AD890" s="62"/>
      <c r="AE890" s="62"/>
      <c r="AF890" s="62"/>
      <c r="AG890" s="62"/>
      <c r="AH890" s="62"/>
      <c r="AI890" s="62"/>
      <c r="AJ890" s="62"/>
      <c r="AK890" s="62"/>
      <c r="AL890" s="62"/>
      <c r="AM890" s="62"/>
      <c r="AN890" s="62"/>
      <c r="AO890" s="62"/>
      <c r="AP890" s="62"/>
      <c r="AQ890" s="62"/>
    </row>
    <row r="891" spans="6:43">
      <c r="F891" s="62"/>
      <c r="G891" s="62"/>
      <c r="H891" s="62"/>
      <c r="I891" s="62"/>
      <c r="J891" s="62"/>
      <c r="K891" s="62"/>
      <c r="L891" s="62"/>
      <c r="M891" s="62"/>
      <c r="N891" s="62"/>
      <c r="O891" s="62"/>
      <c r="P891" s="62"/>
      <c r="Q891" s="62"/>
      <c r="R891" s="62"/>
      <c r="S891" s="62"/>
      <c r="T891" s="62"/>
      <c r="U891" s="62"/>
      <c r="V891" s="62"/>
      <c r="W891" s="62"/>
      <c r="X891" s="62"/>
      <c r="Y891" s="62"/>
      <c r="Z891" s="62"/>
      <c r="AA891" s="62"/>
      <c r="AB891" s="62"/>
      <c r="AC891" s="62"/>
      <c r="AD891" s="62"/>
      <c r="AE891" s="62"/>
      <c r="AF891" s="62"/>
      <c r="AG891" s="62"/>
      <c r="AH891" s="62"/>
      <c r="AI891" s="62"/>
      <c r="AJ891" s="62"/>
      <c r="AK891" s="62"/>
      <c r="AL891" s="62"/>
      <c r="AM891" s="62"/>
      <c r="AN891" s="62"/>
      <c r="AO891" s="62"/>
      <c r="AP891" s="62"/>
      <c r="AQ891" s="62"/>
    </row>
    <row r="892" spans="6:43">
      <c r="F892" s="62"/>
      <c r="G892" s="62"/>
      <c r="H892" s="62"/>
      <c r="I892" s="62"/>
      <c r="J892" s="62"/>
      <c r="K892" s="62"/>
      <c r="L892" s="62"/>
      <c r="M892" s="62"/>
      <c r="N892" s="62"/>
      <c r="O892" s="62"/>
      <c r="P892" s="62"/>
      <c r="Q892" s="62"/>
      <c r="R892" s="62"/>
      <c r="S892" s="62"/>
      <c r="T892" s="62"/>
      <c r="U892" s="62"/>
      <c r="V892" s="62"/>
      <c r="W892" s="62"/>
      <c r="X892" s="62"/>
      <c r="Y892" s="62"/>
      <c r="Z892" s="62"/>
      <c r="AA892" s="62"/>
      <c r="AB892" s="62"/>
      <c r="AC892" s="62"/>
      <c r="AD892" s="62"/>
      <c r="AE892" s="62"/>
      <c r="AF892" s="62"/>
      <c r="AG892" s="62"/>
      <c r="AH892" s="62"/>
      <c r="AI892" s="62"/>
      <c r="AJ892" s="62"/>
      <c r="AK892" s="62"/>
      <c r="AL892" s="62"/>
      <c r="AM892" s="62"/>
      <c r="AN892" s="62"/>
      <c r="AO892" s="62"/>
      <c r="AP892" s="62"/>
      <c r="AQ892" s="62"/>
    </row>
    <row r="893" spans="6:43">
      <c r="F893" s="62"/>
      <c r="G893" s="62"/>
      <c r="H893" s="62"/>
      <c r="I893" s="62"/>
      <c r="J893" s="62"/>
      <c r="K893" s="62"/>
      <c r="L893" s="62"/>
      <c r="M893" s="62"/>
      <c r="N893" s="62"/>
      <c r="O893" s="62"/>
      <c r="P893" s="62"/>
      <c r="Q893" s="62"/>
      <c r="R893" s="62"/>
      <c r="S893" s="62"/>
      <c r="T893" s="62"/>
      <c r="U893" s="62"/>
      <c r="V893" s="62"/>
      <c r="W893" s="62"/>
      <c r="X893" s="62"/>
      <c r="Y893" s="62"/>
      <c r="Z893" s="62"/>
      <c r="AA893" s="62"/>
      <c r="AB893" s="62"/>
      <c r="AC893" s="62"/>
      <c r="AD893" s="62"/>
      <c r="AE893" s="62"/>
      <c r="AF893" s="62"/>
      <c r="AG893" s="62"/>
      <c r="AH893" s="62"/>
      <c r="AI893" s="62"/>
      <c r="AJ893" s="62"/>
      <c r="AK893" s="62"/>
      <c r="AL893" s="62"/>
      <c r="AM893" s="62"/>
      <c r="AN893" s="62"/>
      <c r="AO893" s="62"/>
      <c r="AP893" s="62"/>
      <c r="AQ893" s="62"/>
    </row>
    <row r="894" spans="6:43">
      <c r="F894" s="62"/>
      <c r="G894" s="62"/>
      <c r="H894" s="62"/>
      <c r="I894" s="62"/>
      <c r="J894" s="62"/>
      <c r="K894" s="62"/>
      <c r="L894" s="62"/>
      <c r="M894" s="62"/>
      <c r="N894" s="62"/>
      <c r="O894" s="62"/>
      <c r="P894" s="62"/>
      <c r="Q894" s="62"/>
      <c r="R894" s="62"/>
      <c r="S894" s="62"/>
      <c r="T894" s="62"/>
      <c r="U894" s="62"/>
      <c r="V894" s="62"/>
      <c r="W894" s="62"/>
      <c r="X894" s="62"/>
      <c r="Y894" s="62"/>
      <c r="Z894" s="62"/>
      <c r="AA894" s="62"/>
      <c r="AB894" s="62"/>
      <c r="AC894" s="62"/>
      <c r="AD894" s="62"/>
      <c r="AE894" s="62"/>
      <c r="AF894" s="62"/>
      <c r="AG894" s="62"/>
      <c r="AH894" s="62"/>
      <c r="AI894" s="62"/>
      <c r="AJ894" s="62"/>
      <c r="AK894" s="62"/>
      <c r="AL894" s="62"/>
      <c r="AM894" s="62"/>
      <c r="AN894" s="62"/>
      <c r="AO894" s="62"/>
      <c r="AP894" s="62"/>
      <c r="AQ894" s="62"/>
    </row>
    <row r="895" spans="6:43">
      <c r="F895" s="62"/>
      <c r="G895" s="62"/>
      <c r="H895" s="62"/>
      <c r="I895" s="62"/>
      <c r="J895" s="62"/>
      <c r="K895" s="62"/>
      <c r="L895" s="62"/>
      <c r="M895" s="62"/>
      <c r="N895" s="62"/>
      <c r="O895" s="62"/>
      <c r="P895" s="62"/>
      <c r="Q895" s="62"/>
      <c r="R895" s="62"/>
      <c r="S895" s="62"/>
      <c r="T895" s="62"/>
      <c r="U895" s="62"/>
      <c r="V895" s="62"/>
      <c r="W895" s="62"/>
      <c r="X895" s="62"/>
      <c r="Y895" s="62"/>
      <c r="Z895" s="62"/>
      <c r="AA895" s="62"/>
      <c r="AB895" s="62"/>
      <c r="AC895" s="62"/>
      <c r="AD895" s="62"/>
      <c r="AE895" s="62"/>
      <c r="AF895" s="62"/>
      <c r="AG895" s="62"/>
      <c r="AH895" s="62"/>
      <c r="AI895" s="62"/>
      <c r="AJ895" s="62"/>
      <c r="AK895" s="62"/>
      <c r="AL895" s="62"/>
      <c r="AM895" s="62"/>
      <c r="AN895" s="62"/>
      <c r="AO895" s="62"/>
      <c r="AP895" s="62"/>
      <c r="AQ895" s="62"/>
    </row>
    <row r="896" spans="6:43">
      <c r="F896" s="62"/>
      <c r="G896" s="62"/>
      <c r="H896" s="62"/>
      <c r="I896" s="62"/>
      <c r="J896" s="62"/>
      <c r="K896" s="62"/>
      <c r="L896" s="62"/>
      <c r="M896" s="62"/>
      <c r="N896" s="62"/>
      <c r="O896" s="62"/>
      <c r="P896" s="62"/>
      <c r="Q896" s="62"/>
      <c r="R896" s="62"/>
      <c r="S896" s="62"/>
      <c r="T896" s="62"/>
      <c r="U896" s="62"/>
      <c r="V896" s="62"/>
      <c r="W896" s="62"/>
      <c r="X896" s="62"/>
      <c r="Y896" s="62"/>
      <c r="Z896" s="62"/>
      <c r="AA896" s="62"/>
      <c r="AB896" s="62"/>
      <c r="AC896" s="62"/>
      <c r="AD896" s="62"/>
      <c r="AE896" s="62"/>
      <c r="AF896" s="62"/>
      <c r="AG896" s="62"/>
      <c r="AH896" s="62"/>
      <c r="AI896" s="62"/>
      <c r="AJ896" s="62"/>
      <c r="AK896" s="62"/>
      <c r="AL896" s="62"/>
      <c r="AM896" s="62"/>
      <c r="AN896" s="62"/>
      <c r="AO896" s="62"/>
      <c r="AP896" s="62"/>
      <c r="AQ896" s="62"/>
    </row>
    <row r="897" spans="6:43">
      <c r="F897" s="62"/>
      <c r="G897" s="62"/>
      <c r="H897" s="62"/>
      <c r="I897" s="62"/>
      <c r="J897" s="62"/>
      <c r="K897" s="62"/>
      <c r="L897" s="62"/>
      <c r="M897" s="62"/>
      <c r="N897" s="62"/>
      <c r="O897" s="62"/>
      <c r="P897" s="62"/>
      <c r="Q897" s="62"/>
      <c r="R897" s="62"/>
      <c r="S897" s="62"/>
      <c r="T897" s="62"/>
      <c r="U897" s="62"/>
      <c r="V897" s="62"/>
      <c r="W897" s="62"/>
      <c r="X897" s="62"/>
      <c r="Y897" s="62"/>
      <c r="Z897" s="62"/>
      <c r="AA897" s="62"/>
      <c r="AB897" s="62"/>
      <c r="AC897" s="62"/>
      <c r="AD897" s="62"/>
      <c r="AE897" s="62"/>
      <c r="AF897" s="62"/>
      <c r="AG897" s="62"/>
      <c r="AH897" s="62"/>
      <c r="AI897" s="62"/>
      <c r="AJ897" s="62"/>
      <c r="AK897" s="62"/>
      <c r="AL897" s="62"/>
      <c r="AM897" s="62"/>
      <c r="AN897" s="62"/>
      <c r="AO897" s="62"/>
      <c r="AP897" s="62"/>
      <c r="AQ897" s="62"/>
    </row>
    <row r="898" spans="6:43">
      <c r="F898" s="62"/>
      <c r="G898" s="62"/>
      <c r="H898" s="62"/>
      <c r="I898" s="62"/>
      <c r="J898" s="62"/>
      <c r="K898" s="62"/>
      <c r="L898" s="62"/>
      <c r="M898" s="62"/>
      <c r="N898" s="62"/>
      <c r="O898" s="62"/>
      <c r="P898" s="62"/>
      <c r="Q898" s="62"/>
      <c r="R898" s="62"/>
      <c r="S898" s="62"/>
      <c r="T898" s="62"/>
      <c r="U898" s="62"/>
      <c r="V898" s="62"/>
      <c r="W898" s="62"/>
      <c r="X898" s="62"/>
      <c r="Y898" s="62"/>
      <c r="Z898" s="62"/>
      <c r="AA898" s="62"/>
      <c r="AB898" s="62"/>
      <c r="AC898" s="62"/>
      <c r="AD898" s="62"/>
      <c r="AE898" s="62"/>
      <c r="AF898" s="62"/>
      <c r="AG898" s="62"/>
      <c r="AH898" s="62"/>
      <c r="AI898" s="62"/>
      <c r="AJ898" s="62"/>
      <c r="AK898" s="62"/>
      <c r="AL898" s="62"/>
      <c r="AM898" s="62"/>
      <c r="AN898" s="62"/>
      <c r="AO898" s="62"/>
      <c r="AP898" s="62"/>
      <c r="AQ898" s="62"/>
    </row>
    <row r="899" spans="6:43">
      <c r="F899" s="62"/>
      <c r="G899" s="62"/>
      <c r="H899" s="62"/>
      <c r="I899" s="62"/>
      <c r="J899" s="62"/>
      <c r="K899" s="62"/>
      <c r="L899" s="62"/>
      <c r="M899" s="62"/>
      <c r="N899" s="62"/>
      <c r="O899" s="62"/>
      <c r="P899" s="62"/>
      <c r="Q899" s="62"/>
      <c r="R899" s="62"/>
      <c r="S899" s="62"/>
      <c r="T899" s="62"/>
      <c r="U899" s="62"/>
      <c r="V899" s="62"/>
      <c r="W899" s="62"/>
      <c r="X899" s="62"/>
      <c r="Y899" s="62"/>
      <c r="Z899" s="62"/>
      <c r="AA899" s="62"/>
      <c r="AB899" s="62"/>
      <c r="AC899" s="62"/>
      <c r="AD899" s="62"/>
      <c r="AE899" s="62"/>
      <c r="AF899" s="62"/>
      <c r="AG899" s="62"/>
      <c r="AH899" s="62"/>
      <c r="AI899" s="62"/>
      <c r="AJ899" s="62"/>
      <c r="AK899" s="62"/>
      <c r="AL899" s="62"/>
      <c r="AM899" s="62"/>
      <c r="AN899" s="62"/>
      <c r="AO899" s="62"/>
      <c r="AP899" s="62"/>
      <c r="AQ899" s="62"/>
    </row>
    <row r="900" spans="6:43">
      <c r="F900" s="62"/>
      <c r="G900" s="62"/>
      <c r="H900" s="62"/>
      <c r="I900" s="62"/>
      <c r="J900" s="62"/>
      <c r="K900" s="62"/>
      <c r="L900" s="62"/>
      <c r="M900" s="62"/>
      <c r="N900" s="62"/>
      <c r="O900" s="62"/>
      <c r="P900" s="62"/>
      <c r="Q900" s="62"/>
      <c r="R900" s="62"/>
      <c r="S900" s="62"/>
      <c r="T900" s="62"/>
      <c r="U900" s="62"/>
      <c r="V900" s="62"/>
      <c r="W900" s="62"/>
      <c r="X900" s="62"/>
      <c r="Y900" s="62"/>
      <c r="Z900" s="62"/>
      <c r="AA900" s="62"/>
      <c r="AB900" s="62"/>
      <c r="AC900" s="62"/>
      <c r="AD900" s="62"/>
      <c r="AE900" s="62"/>
      <c r="AF900" s="62"/>
      <c r="AG900" s="62"/>
      <c r="AH900" s="62"/>
      <c r="AI900" s="62"/>
      <c r="AJ900" s="62"/>
      <c r="AK900" s="62"/>
      <c r="AL900" s="62"/>
      <c r="AM900" s="62"/>
      <c r="AN900" s="62"/>
      <c r="AO900" s="62"/>
      <c r="AP900" s="62"/>
      <c r="AQ900" s="62"/>
    </row>
    <row r="901" spans="6:43">
      <c r="F901" s="62"/>
      <c r="G901" s="62"/>
      <c r="H901" s="62"/>
      <c r="I901" s="62"/>
      <c r="J901" s="62"/>
      <c r="K901" s="62"/>
      <c r="L901" s="62"/>
      <c r="M901" s="62"/>
      <c r="N901" s="62"/>
      <c r="O901" s="62"/>
      <c r="P901" s="62"/>
      <c r="Q901" s="62"/>
      <c r="R901" s="62"/>
      <c r="S901" s="62"/>
      <c r="T901" s="62"/>
      <c r="U901" s="62"/>
      <c r="V901" s="62"/>
      <c r="W901" s="62"/>
      <c r="X901" s="62"/>
      <c r="Y901" s="62"/>
      <c r="Z901" s="62"/>
      <c r="AA901" s="62"/>
      <c r="AB901" s="62"/>
      <c r="AC901" s="62"/>
      <c r="AD901" s="62"/>
      <c r="AE901" s="62"/>
      <c r="AF901" s="62"/>
      <c r="AG901" s="62"/>
      <c r="AH901" s="62"/>
      <c r="AI901" s="62"/>
      <c r="AJ901" s="62"/>
      <c r="AK901" s="62"/>
      <c r="AL901" s="62"/>
      <c r="AM901" s="62"/>
      <c r="AN901" s="62"/>
      <c r="AO901" s="62"/>
      <c r="AP901" s="62"/>
      <c r="AQ901" s="62"/>
    </row>
    <row r="902" spans="6:43">
      <c r="F902" s="62"/>
      <c r="G902" s="62"/>
      <c r="H902" s="62"/>
      <c r="I902" s="62"/>
      <c r="J902" s="62"/>
      <c r="K902" s="62"/>
      <c r="L902" s="62"/>
      <c r="M902" s="62"/>
      <c r="N902" s="62"/>
      <c r="O902" s="62"/>
      <c r="P902" s="62"/>
      <c r="Q902" s="62"/>
      <c r="R902" s="62"/>
      <c r="S902" s="62"/>
      <c r="T902" s="62"/>
      <c r="U902" s="62"/>
      <c r="V902" s="62"/>
      <c r="W902" s="62"/>
      <c r="X902" s="62"/>
      <c r="Y902" s="62"/>
      <c r="Z902" s="62"/>
      <c r="AA902" s="62"/>
      <c r="AB902" s="62"/>
      <c r="AC902" s="62"/>
      <c r="AD902" s="62"/>
      <c r="AE902" s="62"/>
      <c r="AF902" s="62"/>
      <c r="AG902" s="62"/>
      <c r="AH902" s="62"/>
      <c r="AI902" s="62"/>
      <c r="AJ902" s="62"/>
      <c r="AK902" s="62"/>
      <c r="AL902" s="62"/>
      <c r="AM902" s="62"/>
      <c r="AN902" s="62"/>
      <c r="AO902" s="62"/>
      <c r="AP902" s="62"/>
      <c r="AQ902" s="62"/>
    </row>
    <row r="903" spans="6:43">
      <c r="F903" s="62"/>
      <c r="G903" s="62"/>
      <c r="H903" s="62"/>
      <c r="I903" s="62"/>
      <c r="J903" s="62"/>
      <c r="K903" s="62"/>
      <c r="L903" s="62"/>
      <c r="M903" s="62"/>
      <c r="N903" s="62"/>
      <c r="O903" s="62"/>
      <c r="P903" s="62"/>
      <c r="Q903" s="62"/>
      <c r="R903" s="62"/>
      <c r="S903" s="62"/>
      <c r="T903" s="62"/>
      <c r="U903" s="62"/>
      <c r="V903" s="62"/>
      <c r="W903" s="62"/>
      <c r="X903" s="62"/>
      <c r="Y903" s="62"/>
      <c r="Z903" s="62"/>
      <c r="AA903" s="62"/>
      <c r="AB903" s="62"/>
      <c r="AC903" s="62"/>
      <c r="AD903" s="62"/>
      <c r="AE903" s="62"/>
      <c r="AF903" s="62"/>
      <c r="AG903" s="62"/>
      <c r="AH903" s="62"/>
      <c r="AI903" s="62"/>
      <c r="AJ903" s="62"/>
      <c r="AK903" s="62"/>
      <c r="AL903" s="62"/>
      <c r="AM903" s="62"/>
      <c r="AN903" s="62"/>
      <c r="AO903" s="62"/>
      <c r="AP903" s="62"/>
      <c r="AQ903" s="62"/>
    </row>
    <row r="904" spans="6:43">
      <c r="F904" s="62"/>
      <c r="G904" s="62"/>
      <c r="H904" s="62"/>
      <c r="I904" s="62"/>
      <c r="J904" s="62"/>
      <c r="K904" s="62"/>
      <c r="L904" s="62"/>
      <c r="M904" s="62"/>
      <c r="N904" s="62"/>
      <c r="O904" s="62"/>
      <c r="P904" s="62"/>
      <c r="Q904" s="62"/>
      <c r="R904" s="62"/>
      <c r="S904" s="62"/>
      <c r="T904" s="62"/>
      <c r="U904" s="62"/>
      <c r="V904" s="62"/>
      <c r="W904" s="62"/>
      <c r="X904" s="62"/>
      <c r="Y904" s="62"/>
      <c r="Z904" s="62"/>
      <c r="AA904" s="62"/>
      <c r="AB904" s="62"/>
      <c r="AC904" s="62"/>
      <c r="AD904" s="62"/>
      <c r="AE904" s="62"/>
      <c r="AF904" s="62"/>
      <c r="AG904" s="62"/>
      <c r="AH904" s="62"/>
      <c r="AI904" s="62"/>
      <c r="AJ904" s="62"/>
      <c r="AK904" s="62"/>
      <c r="AL904" s="62"/>
      <c r="AM904" s="62"/>
      <c r="AN904" s="62"/>
      <c r="AO904" s="62"/>
      <c r="AP904" s="62"/>
      <c r="AQ904" s="62"/>
    </row>
    <row r="905" spans="6:43">
      <c r="F905" s="62"/>
      <c r="G905" s="62"/>
      <c r="H905" s="62"/>
      <c r="I905" s="62"/>
      <c r="J905" s="62"/>
      <c r="K905" s="62"/>
      <c r="L905" s="62"/>
      <c r="M905" s="62"/>
      <c r="N905" s="62"/>
      <c r="O905" s="62"/>
      <c r="P905" s="62"/>
      <c r="Q905" s="62"/>
      <c r="R905" s="62"/>
      <c r="S905" s="62"/>
      <c r="T905" s="62"/>
      <c r="U905" s="62"/>
      <c r="V905" s="62"/>
      <c r="W905" s="62"/>
      <c r="X905" s="62"/>
      <c r="Y905" s="62"/>
      <c r="Z905" s="62"/>
      <c r="AA905" s="62"/>
      <c r="AB905" s="62"/>
      <c r="AC905" s="62"/>
      <c r="AD905" s="62"/>
      <c r="AE905" s="62"/>
      <c r="AF905" s="62"/>
      <c r="AG905" s="62"/>
      <c r="AH905" s="62"/>
      <c r="AI905" s="62"/>
      <c r="AJ905" s="62"/>
      <c r="AK905" s="62"/>
      <c r="AL905" s="62"/>
      <c r="AM905" s="62"/>
      <c r="AN905" s="62"/>
      <c r="AO905" s="62"/>
      <c r="AP905" s="62"/>
      <c r="AQ905" s="62"/>
    </row>
    <row r="906" spans="6:43">
      <c r="F906" s="62"/>
      <c r="G906" s="62"/>
      <c r="H906" s="62"/>
      <c r="I906" s="62"/>
      <c r="J906" s="62"/>
      <c r="K906" s="62"/>
      <c r="L906" s="62"/>
      <c r="M906" s="62"/>
      <c r="N906" s="62"/>
      <c r="O906" s="62"/>
      <c r="P906" s="62"/>
      <c r="Q906" s="62"/>
      <c r="R906" s="62"/>
      <c r="S906" s="62"/>
      <c r="T906" s="62"/>
      <c r="U906" s="62"/>
      <c r="V906" s="62"/>
      <c r="W906" s="62"/>
      <c r="X906" s="62"/>
      <c r="Y906" s="62"/>
      <c r="Z906" s="62"/>
      <c r="AA906" s="62"/>
      <c r="AB906" s="62"/>
      <c r="AC906" s="62"/>
      <c r="AD906" s="62"/>
      <c r="AE906" s="62"/>
      <c r="AF906" s="62"/>
      <c r="AG906" s="62"/>
      <c r="AH906" s="62"/>
      <c r="AI906" s="62"/>
      <c r="AJ906" s="62"/>
      <c r="AK906" s="62"/>
      <c r="AL906" s="62"/>
      <c r="AM906" s="62"/>
      <c r="AN906" s="62"/>
      <c r="AO906" s="62"/>
      <c r="AP906" s="62"/>
      <c r="AQ906" s="62"/>
    </row>
    <row r="907" spans="6:43">
      <c r="F907" s="62"/>
      <c r="G907" s="62"/>
      <c r="H907" s="62"/>
      <c r="I907" s="62"/>
      <c r="J907" s="62"/>
      <c r="K907" s="62"/>
      <c r="L907" s="62"/>
      <c r="M907" s="62"/>
      <c r="N907" s="62"/>
      <c r="O907" s="62"/>
      <c r="P907" s="62"/>
      <c r="Q907" s="62"/>
      <c r="R907" s="62"/>
      <c r="S907" s="62"/>
      <c r="T907" s="62"/>
      <c r="U907" s="62"/>
      <c r="V907" s="62"/>
      <c r="W907" s="62"/>
      <c r="X907" s="62"/>
      <c r="Y907" s="62"/>
      <c r="Z907" s="62"/>
      <c r="AA907" s="62"/>
      <c r="AB907" s="62"/>
      <c r="AC907" s="62"/>
      <c r="AD907" s="62"/>
      <c r="AE907" s="62"/>
      <c r="AF907" s="62"/>
      <c r="AG907" s="62"/>
      <c r="AH907" s="62"/>
      <c r="AI907" s="62"/>
      <c r="AJ907" s="62"/>
      <c r="AK907" s="62"/>
      <c r="AL907" s="62"/>
      <c r="AM907" s="62"/>
      <c r="AN907" s="62"/>
      <c r="AO907" s="62"/>
      <c r="AP907" s="62"/>
      <c r="AQ907" s="62"/>
    </row>
    <row r="908" spans="6:43">
      <c r="F908" s="62"/>
      <c r="G908" s="62"/>
      <c r="H908" s="62"/>
      <c r="I908" s="62"/>
      <c r="J908" s="62"/>
      <c r="K908" s="62"/>
      <c r="L908" s="62"/>
      <c r="M908" s="62"/>
      <c r="N908" s="62"/>
      <c r="O908" s="62"/>
      <c r="P908" s="62"/>
      <c r="Q908" s="62"/>
      <c r="R908" s="62"/>
      <c r="S908" s="62"/>
      <c r="T908" s="62"/>
      <c r="U908" s="62"/>
      <c r="V908" s="62"/>
      <c r="W908" s="62"/>
      <c r="X908" s="62"/>
      <c r="Y908" s="62"/>
      <c r="Z908" s="62"/>
      <c r="AA908" s="62"/>
      <c r="AB908" s="62"/>
      <c r="AC908" s="62"/>
      <c r="AD908" s="62"/>
      <c r="AE908" s="62"/>
      <c r="AF908" s="62"/>
      <c r="AG908" s="62"/>
      <c r="AH908" s="62"/>
      <c r="AI908" s="62"/>
      <c r="AJ908" s="62"/>
      <c r="AK908" s="62"/>
      <c r="AL908" s="62"/>
      <c r="AM908" s="62"/>
      <c r="AN908" s="62"/>
      <c r="AO908" s="62"/>
      <c r="AP908" s="62"/>
      <c r="AQ908" s="62"/>
    </row>
    <row r="909" spans="6:43">
      <c r="F909" s="62"/>
      <c r="G909" s="62"/>
      <c r="H909" s="62"/>
      <c r="I909" s="62"/>
      <c r="J909" s="62"/>
      <c r="K909" s="62"/>
      <c r="L909" s="62"/>
      <c r="M909" s="62"/>
      <c r="N909" s="62"/>
      <c r="O909" s="62"/>
      <c r="P909" s="62"/>
      <c r="Q909" s="62"/>
      <c r="R909" s="62"/>
      <c r="S909" s="62"/>
      <c r="T909" s="62"/>
      <c r="U909" s="62"/>
      <c r="V909" s="62"/>
      <c r="W909" s="62"/>
      <c r="X909" s="62"/>
      <c r="Y909" s="62"/>
      <c r="Z909" s="62"/>
      <c r="AA909" s="62"/>
      <c r="AB909" s="62"/>
      <c r="AC909" s="62"/>
      <c r="AD909" s="62"/>
      <c r="AE909" s="62"/>
      <c r="AF909" s="62"/>
      <c r="AG909" s="62"/>
      <c r="AH909" s="62"/>
      <c r="AI909" s="62"/>
      <c r="AJ909" s="62"/>
      <c r="AK909" s="62"/>
      <c r="AL909" s="62"/>
      <c r="AM909" s="62"/>
      <c r="AN909" s="62"/>
      <c r="AO909" s="62"/>
      <c r="AP909" s="62"/>
      <c r="AQ909" s="62"/>
    </row>
    <row r="910" spans="6:43">
      <c r="F910" s="62"/>
      <c r="G910" s="62"/>
      <c r="H910" s="62"/>
      <c r="I910" s="62"/>
      <c r="J910" s="62"/>
      <c r="K910" s="62"/>
      <c r="L910" s="62"/>
      <c r="M910" s="62"/>
      <c r="N910" s="62"/>
      <c r="O910" s="62"/>
      <c r="P910" s="62"/>
      <c r="Q910" s="62"/>
      <c r="R910" s="62"/>
      <c r="S910" s="62"/>
      <c r="T910" s="62"/>
      <c r="U910" s="62"/>
      <c r="V910" s="62"/>
      <c r="W910" s="62"/>
      <c r="X910" s="62"/>
      <c r="Y910" s="62"/>
      <c r="Z910" s="62"/>
      <c r="AA910" s="62"/>
      <c r="AB910" s="62"/>
      <c r="AC910" s="62"/>
      <c r="AD910" s="62"/>
      <c r="AE910" s="62"/>
      <c r="AF910" s="62"/>
      <c r="AG910" s="62"/>
      <c r="AH910" s="62"/>
      <c r="AI910" s="62"/>
      <c r="AJ910" s="62"/>
      <c r="AK910" s="62"/>
      <c r="AL910" s="62"/>
      <c r="AM910" s="62"/>
      <c r="AN910" s="62"/>
      <c r="AO910" s="62"/>
      <c r="AP910" s="62"/>
      <c r="AQ910" s="62"/>
    </row>
    <row r="911" spans="6:43">
      <c r="F911" s="62"/>
      <c r="G911" s="62"/>
      <c r="H911" s="62"/>
      <c r="I911" s="62"/>
      <c r="J911" s="62"/>
      <c r="K911" s="62"/>
      <c r="L911" s="62"/>
      <c r="M911" s="62"/>
      <c r="N911" s="62"/>
      <c r="O911" s="62"/>
      <c r="P911" s="62"/>
      <c r="Q911" s="62"/>
      <c r="R911" s="62"/>
      <c r="S911" s="62"/>
      <c r="T911" s="62"/>
      <c r="U911" s="62"/>
      <c r="V911" s="62"/>
      <c r="W911" s="62"/>
      <c r="X911" s="62"/>
      <c r="Y911" s="62"/>
      <c r="Z911" s="62"/>
      <c r="AA911" s="62"/>
      <c r="AB911" s="62"/>
      <c r="AC911" s="62"/>
      <c r="AD911" s="62"/>
      <c r="AE911" s="62"/>
      <c r="AF911" s="62"/>
      <c r="AG911" s="62"/>
      <c r="AH911" s="62"/>
      <c r="AI911" s="62"/>
      <c r="AJ911" s="62"/>
      <c r="AK911" s="62"/>
      <c r="AL911" s="62"/>
      <c r="AM911" s="62"/>
      <c r="AN911" s="62"/>
      <c r="AO911" s="62"/>
      <c r="AP911" s="62"/>
      <c r="AQ911" s="62"/>
    </row>
    <row r="912" spans="6:43">
      <c r="F912" s="62"/>
      <c r="G912" s="62"/>
      <c r="H912" s="62"/>
      <c r="I912" s="62"/>
      <c r="J912" s="62"/>
      <c r="K912" s="62"/>
      <c r="L912" s="62"/>
      <c r="M912" s="62"/>
      <c r="N912" s="62"/>
      <c r="O912" s="62"/>
      <c r="P912" s="62"/>
      <c r="Q912" s="62"/>
      <c r="R912" s="62"/>
      <c r="S912" s="62"/>
      <c r="T912" s="62"/>
      <c r="U912" s="62"/>
      <c r="V912" s="62"/>
      <c r="W912" s="62"/>
      <c r="X912" s="62"/>
      <c r="Y912" s="62"/>
      <c r="Z912" s="62"/>
      <c r="AA912" s="62"/>
      <c r="AB912" s="62"/>
      <c r="AC912" s="62"/>
      <c r="AD912" s="62"/>
      <c r="AE912" s="62"/>
      <c r="AF912" s="62"/>
      <c r="AG912" s="62"/>
      <c r="AH912" s="62"/>
      <c r="AI912" s="62"/>
      <c r="AJ912" s="62"/>
      <c r="AK912" s="62"/>
      <c r="AL912" s="62"/>
      <c r="AM912" s="62"/>
      <c r="AN912" s="62"/>
      <c r="AO912" s="62"/>
      <c r="AP912" s="62"/>
      <c r="AQ912" s="62"/>
    </row>
    <row r="913" spans="6:43">
      <c r="F913" s="62"/>
      <c r="G913" s="62"/>
      <c r="H913" s="62"/>
      <c r="I913" s="62"/>
      <c r="J913" s="62"/>
      <c r="K913" s="62"/>
      <c r="L913" s="62"/>
      <c r="M913" s="62"/>
      <c r="N913" s="62"/>
      <c r="O913" s="62"/>
      <c r="P913" s="62"/>
      <c r="Q913" s="62"/>
      <c r="R913" s="62"/>
      <c r="S913" s="62"/>
      <c r="T913" s="62"/>
      <c r="U913" s="62"/>
      <c r="V913" s="62"/>
      <c r="W913" s="62"/>
      <c r="X913" s="62"/>
      <c r="Y913" s="62"/>
      <c r="Z913" s="62"/>
      <c r="AA913" s="62"/>
      <c r="AB913" s="62"/>
      <c r="AC913" s="62"/>
      <c r="AD913" s="62"/>
      <c r="AE913" s="62"/>
      <c r="AF913" s="62"/>
      <c r="AG913" s="62"/>
      <c r="AH913" s="62"/>
      <c r="AI913" s="62"/>
      <c r="AJ913" s="62"/>
      <c r="AK913" s="62"/>
      <c r="AL913" s="62"/>
      <c r="AM913" s="62"/>
      <c r="AN913" s="62"/>
      <c r="AO913" s="62"/>
      <c r="AP913" s="62"/>
      <c r="AQ913" s="62"/>
    </row>
    <row r="914" spans="6:43">
      <c r="F914" s="62"/>
      <c r="G914" s="62"/>
      <c r="H914" s="62"/>
      <c r="I914" s="62"/>
      <c r="J914" s="62"/>
      <c r="K914" s="62"/>
      <c r="L914" s="62"/>
      <c r="M914" s="62"/>
      <c r="N914" s="62"/>
      <c r="O914" s="62"/>
      <c r="P914" s="62"/>
      <c r="Q914" s="62"/>
      <c r="R914" s="62"/>
      <c r="S914" s="62"/>
      <c r="T914" s="62"/>
      <c r="U914" s="62"/>
      <c r="V914" s="62"/>
      <c r="W914" s="62"/>
      <c r="X914" s="62"/>
      <c r="Y914" s="62"/>
      <c r="Z914" s="62"/>
      <c r="AA914" s="62"/>
      <c r="AB914" s="62"/>
      <c r="AC914" s="62"/>
      <c r="AD914" s="62"/>
      <c r="AE914" s="62"/>
      <c r="AF914" s="62"/>
      <c r="AG914" s="62"/>
      <c r="AH914" s="62"/>
      <c r="AI914" s="62"/>
      <c r="AJ914" s="62"/>
      <c r="AK914" s="62"/>
      <c r="AL914" s="62"/>
      <c r="AM914" s="62"/>
      <c r="AN914" s="62"/>
      <c r="AO914" s="62"/>
      <c r="AP914" s="62"/>
      <c r="AQ914" s="62"/>
    </row>
    <row r="915" spans="6:43">
      <c r="F915" s="62"/>
      <c r="G915" s="62"/>
      <c r="H915" s="62"/>
      <c r="I915" s="62"/>
      <c r="J915" s="62"/>
      <c r="K915" s="62"/>
      <c r="L915" s="62"/>
      <c r="M915" s="62"/>
      <c r="N915" s="62"/>
      <c r="O915" s="62"/>
      <c r="P915" s="62"/>
      <c r="Q915" s="62"/>
      <c r="R915" s="62"/>
      <c r="S915" s="62"/>
      <c r="T915" s="62"/>
      <c r="U915" s="62"/>
      <c r="V915" s="62"/>
      <c r="W915" s="62"/>
      <c r="X915" s="62"/>
      <c r="Y915" s="62"/>
      <c r="Z915" s="62"/>
      <c r="AA915" s="62"/>
      <c r="AB915" s="62"/>
      <c r="AC915" s="62"/>
      <c r="AD915" s="62"/>
      <c r="AE915" s="62"/>
      <c r="AF915" s="62"/>
      <c r="AG915" s="62"/>
      <c r="AH915" s="62"/>
      <c r="AI915" s="62"/>
      <c r="AJ915" s="62"/>
      <c r="AK915" s="62"/>
      <c r="AL915" s="62"/>
      <c r="AM915" s="62"/>
      <c r="AN915" s="62"/>
      <c r="AO915" s="62"/>
      <c r="AP915" s="62"/>
      <c r="AQ915" s="62"/>
    </row>
    <row r="916" spans="6:43">
      <c r="F916" s="62"/>
      <c r="G916" s="62"/>
      <c r="H916" s="62"/>
      <c r="I916" s="62"/>
      <c r="J916" s="62"/>
      <c r="K916" s="62"/>
      <c r="L916" s="62"/>
      <c r="M916" s="62"/>
      <c r="N916" s="62"/>
      <c r="O916" s="62"/>
      <c r="P916" s="62"/>
      <c r="Q916" s="62"/>
      <c r="R916" s="62"/>
      <c r="S916" s="62"/>
      <c r="T916" s="62"/>
      <c r="U916" s="62"/>
      <c r="V916" s="62"/>
      <c r="W916" s="62"/>
      <c r="X916" s="62"/>
      <c r="Y916" s="62"/>
      <c r="Z916" s="62"/>
      <c r="AA916" s="62"/>
      <c r="AB916" s="62"/>
      <c r="AC916" s="62"/>
      <c r="AD916" s="62"/>
      <c r="AE916" s="62"/>
      <c r="AF916" s="62"/>
      <c r="AG916" s="62"/>
      <c r="AH916" s="62"/>
      <c r="AI916" s="62"/>
      <c r="AJ916" s="62"/>
      <c r="AK916" s="62"/>
      <c r="AL916" s="62"/>
      <c r="AM916" s="62"/>
      <c r="AN916" s="62"/>
      <c r="AO916" s="62"/>
      <c r="AP916" s="62"/>
      <c r="AQ916" s="62"/>
    </row>
    <row r="917" spans="6:43">
      <c r="F917" s="62"/>
      <c r="G917" s="62"/>
      <c r="H917" s="62"/>
      <c r="I917" s="62"/>
      <c r="J917" s="62"/>
      <c r="K917" s="62"/>
      <c r="L917" s="62"/>
      <c r="M917" s="62"/>
      <c r="N917" s="62"/>
      <c r="O917" s="62"/>
      <c r="P917" s="62"/>
      <c r="Q917" s="62"/>
      <c r="R917" s="62"/>
      <c r="S917" s="62"/>
      <c r="T917" s="62"/>
      <c r="U917" s="62"/>
      <c r="V917" s="62"/>
      <c r="W917" s="62"/>
      <c r="X917" s="62"/>
      <c r="Y917" s="62"/>
      <c r="Z917" s="62"/>
      <c r="AA917" s="62"/>
      <c r="AB917" s="62"/>
      <c r="AC917" s="62"/>
      <c r="AD917" s="62"/>
      <c r="AE917" s="62"/>
      <c r="AF917" s="62"/>
      <c r="AG917" s="62"/>
      <c r="AH917" s="62"/>
      <c r="AI917" s="62"/>
      <c r="AJ917" s="62"/>
      <c r="AK917" s="62"/>
      <c r="AL917" s="62"/>
      <c r="AM917" s="62"/>
      <c r="AN917" s="62"/>
      <c r="AO917" s="62"/>
      <c r="AP917" s="62"/>
      <c r="AQ917" s="62"/>
    </row>
    <row r="918" spans="6:43">
      <c r="F918" s="62"/>
      <c r="G918" s="62"/>
      <c r="H918" s="62"/>
      <c r="I918" s="62"/>
      <c r="J918" s="62"/>
      <c r="K918" s="62"/>
      <c r="L918" s="62"/>
      <c r="M918" s="62"/>
      <c r="N918" s="62"/>
      <c r="O918" s="62"/>
      <c r="P918" s="62"/>
      <c r="Q918" s="62"/>
      <c r="R918" s="62"/>
      <c r="S918" s="62"/>
      <c r="T918" s="62"/>
      <c r="U918" s="62"/>
      <c r="V918" s="62"/>
      <c r="W918" s="62"/>
      <c r="X918" s="62"/>
      <c r="Y918" s="62"/>
      <c r="Z918" s="62"/>
      <c r="AA918" s="62"/>
      <c r="AB918" s="62"/>
      <c r="AC918" s="62"/>
      <c r="AD918" s="62"/>
      <c r="AE918" s="62"/>
      <c r="AF918" s="62"/>
      <c r="AG918" s="62"/>
      <c r="AH918" s="62"/>
      <c r="AI918" s="62"/>
      <c r="AJ918" s="62"/>
      <c r="AK918" s="62"/>
      <c r="AL918" s="62"/>
      <c r="AM918" s="62"/>
      <c r="AN918" s="62"/>
      <c r="AO918" s="62"/>
      <c r="AP918" s="62"/>
      <c r="AQ918" s="62"/>
    </row>
    <row r="919" spans="6:43">
      <c r="F919" s="62"/>
      <c r="G919" s="62"/>
      <c r="H919" s="62"/>
      <c r="I919" s="62"/>
      <c r="J919" s="62"/>
      <c r="K919" s="62"/>
      <c r="L919" s="62"/>
      <c r="M919" s="62"/>
      <c r="N919" s="62"/>
      <c r="O919" s="62"/>
      <c r="P919" s="62"/>
      <c r="Q919" s="62"/>
      <c r="R919" s="62"/>
      <c r="S919" s="62"/>
      <c r="T919" s="62"/>
      <c r="U919" s="62"/>
      <c r="V919" s="62"/>
      <c r="W919" s="62"/>
      <c r="X919" s="62"/>
      <c r="Y919" s="62"/>
      <c r="Z919" s="62"/>
      <c r="AA919" s="62"/>
      <c r="AB919" s="62"/>
      <c r="AC919" s="62"/>
      <c r="AD919" s="62"/>
      <c r="AE919" s="62"/>
      <c r="AF919" s="62"/>
      <c r="AG919" s="62"/>
      <c r="AH919" s="62"/>
      <c r="AI919" s="62"/>
      <c r="AJ919" s="62"/>
      <c r="AK919" s="62"/>
      <c r="AL919" s="62"/>
      <c r="AM919" s="62"/>
      <c r="AN919" s="62"/>
      <c r="AO919" s="62"/>
      <c r="AP919" s="62"/>
      <c r="AQ919" s="62"/>
    </row>
    <row r="920" spans="6:43">
      <c r="F920" s="62"/>
      <c r="G920" s="62"/>
      <c r="H920" s="62"/>
      <c r="I920" s="62"/>
      <c r="J920" s="62"/>
      <c r="K920" s="62"/>
      <c r="L920" s="62"/>
      <c r="M920" s="62"/>
      <c r="N920" s="62"/>
      <c r="O920" s="62"/>
      <c r="P920" s="62"/>
      <c r="Q920" s="62"/>
      <c r="R920" s="62"/>
      <c r="S920" s="62"/>
      <c r="T920" s="62"/>
      <c r="U920" s="62"/>
      <c r="V920" s="62"/>
      <c r="W920" s="62"/>
      <c r="X920" s="62"/>
      <c r="Y920" s="62"/>
      <c r="Z920" s="62"/>
      <c r="AA920" s="62"/>
      <c r="AB920" s="62"/>
      <c r="AC920" s="62"/>
      <c r="AD920" s="62"/>
      <c r="AE920" s="62"/>
      <c r="AF920" s="62"/>
      <c r="AG920" s="62"/>
      <c r="AH920" s="62"/>
      <c r="AI920" s="62"/>
      <c r="AJ920" s="62"/>
      <c r="AK920" s="62"/>
      <c r="AL920" s="62"/>
      <c r="AM920" s="62"/>
      <c r="AN920" s="62"/>
      <c r="AO920" s="62"/>
      <c r="AP920" s="62"/>
      <c r="AQ920" s="62"/>
    </row>
    <row r="921" spans="6:43">
      <c r="F921" s="62"/>
      <c r="G921" s="62"/>
      <c r="H921" s="62"/>
      <c r="I921" s="62"/>
      <c r="J921" s="62"/>
      <c r="K921" s="62"/>
      <c r="L921" s="62"/>
      <c r="M921" s="62"/>
      <c r="N921" s="62"/>
      <c r="O921" s="62"/>
      <c r="P921" s="62"/>
      <c r="Q921" s="62"/>
      <c r="R921" s="62"/>
      <c r="S921" s="62"/>
      <c r="T921" s="62"/>
      <c r="U921" s="62"/>
      <c r="V921" s="62"/>
      <c r="W921" s="62"/>
      <c r="X921" s="62"/>
      <c r="Y921" s="62"/>
      <c r="Z921" s="62"/>
      <c r="AA921" s="62"/>
      <c r="AB921" s="62"/>
      <c r="AC921" s="62"/>
      <c r="AD921" s="62"/>
      <c r="AE921" s="62"/>
      <c r="AF921" s="62"/>
      <c r="AG921" s="62"/>
      <c r="AH921" s="62"/>
      <c r="AI921" s="62"/>
      <c r="AJ921" s="62"/>
      <c r="AK921" s="62"/>
      <c r="AL921" s="62"/>
      <c r="AM921" s="62"/>
      <c r="AN921" s="62"/>
      <c r="AO921" s="62"/>
      <c r="AP921" s="62"/>
      <c r="AQ921" s="62"/>
    </row>
    <row r="922" spans="6:43">
      <c r="F922" s="62"/>
      <c r="G922" s="62"/>
      <c r="H922" s="62"/>
      <c r="I922" s="62"/>
      <c r="J922" s="62"/>
      <c r="K922" s="62"/>
      <c r="L922" s="62"/>
      <c r="M922" s="62"/>
      <c r="N922" s="62"/>
      <c r="O922" s="62"/>
      <c r="P922" s="62"/>
      <c r="Q922" s="62"/>
      <c r="R922" s="62"/>
      <c r="S922" s="62"/>
      <c r="T922" s="62"/>
      <c r="U922" s="62"/>
      <c r="V922" s="62"/>
      <c r="W922" s="62"/>
      <c r="X922" s="62"/>
      <c r="Y922" s="62"/>
      <c r="Z922" s="62"/>
      <c r="AA922" s="62"/>
      <c r="AB922" s="62"/>
      <c r="AC922" s="62"/>
      <c r="AD922" s="62"/>
      <c r="AE922" s="62"/>
      <c r="AF922" s="62"/>
      <c r="AG922" s="62"/>
      <c r="AH922" s="62"/>
      <c r="AI922" s="62"/>
      <c r="AJ922" s="62"/>
      <c r="AK922" s="62"/>
      <c r="AL922" s="62"/>
      <c r="AM922" s="62"/>
      <c r="AN922" s="62"/>
      <c r="AO922" s="62"/>
      <c r="AP922" s="62"/>
      <c r="AQ922" s="62"/>
    </row>
    <row r="923" spans="6:43">
      <c r="F923" s="62"/>
      <c r="G923" s="62"/>
      <c r="H923" s="62"/>
      <c r="I923" s="62"/>
      <c r="J923" s="62"/>
      <c r="K923" s="62"/>
      <c r="L923" s="62"/>
      <c r="M923" s="62"/>
      <c r="N923" s="62"/>
      <c r="O923" s="62"/>
      <c r="P923" s="62"/>
      <c r="Q923" s="62"/>
      <c r="R923" s="62"/>
      <c r="S923" s="62"/>
      <c r="T923" s="62"/>
      <c r="U923" s="62"/>
      <c r="V923" s="62"/>
      <c r="W923" s="62"/>
      <c r="X923" s="62"/>
      <c r="Y923" s="62"/>
      <c r="Z923" s="62"/>
      <c r="AA923" s="62"/>
      <c r="AB923" s="62"/>
      <c r="AC923" s="62"/>
      <c r="AD923" s="62"/>
      <c r="AE923" s="62"/>
      <c r="AF923" s="62"/>
      <c r="AG923" s="62"/>
      <c r="AH923" s="62"/>
      <c r="AI923" s="62"/>
      <c r="AJ923" s="62"/>
      <c r="AK923" s="62"/>
      <c r="AL923" s="62"/>
      <c r="AM923" s="62"/>
      <c r="AN923" s="62"/>
      <c r="AO923" s="62"/>
      <c r="AP923" s="62"/>
      <c r="AQ923" s="62"/>
    </row>
    <row r="924" spans="6:43">
      <c r="F924" s="62"/>
      <c r="G924" s="62"/>
      <c r="H924" s="62"/>
      <c r="I924" s="62"/>
      <c r="J924" s="62"/>
      <c r="K924" s="62"/>
      <c r="L924" s="62"/>
      <c r="M924" s="62"/>
      <c r="N924" s="62"/>
      <c r="O924" s="62"/>
      <c r="P924" s="62"/>
      <c r="Q924" s="62"/>
      <c r="R924" s="62"/>
      <c r="S924" s="62"/>
      <c r="T924" s="62"/>
      <c r="U924" s="62"/>
      <c r="V924" s="62"/>
      <c r="W924" s="62"/>
      <c r="X924" s="62"/>
      <c r="Y924" s="62"/>
      <c r="Z924" s="62"/>
      <c r="AA924" s="62"/>
      <c r="AB924" s="62"/>
      <c r="AC924" s="62"/>
      <c r="AD924" s="62"/>
      <c r="AE924" s="62"/>
      <c r="AF924" s="62"/>
      <c r="AG924" s="62"/>
      <c r="AH924" s="62"/>
      <c r="AI924" s="62"/>
      <c r="AJ924" s="62"/>
      <c r="AK924" s="62"/>
      <c r="AL924" s="62"/>
      <c r="AM924" s="62"/>
      <c r="AN924" s="62"/>
      <c r="AO924" s="62"/>
      <c r="AP924" s="62"/>
      <c r="AQ924" s="62"/>
    </row>
    <row r="925" spans="6:43">
      <c r="F925" s="62"/>
      <c r="G925" s="62"/>
      <c r="H925" s="62"/>
      <c r="I925" s="62"/>
      <c r="J925" s="62"/>
      <c r="K925" s="62"/>
      <c r="L925" s="62"/>
      <c r="M925" s="62"/>
      <c r="N925" s="62"/>
      <c r="O925" s="62"/>
      <c r="P925" s="62"/>
      <c r="Q925" s="62"/>
      <c r="R925" s="62"/>
      <c r="S925" s="62"/>
      <c r="T925" s="62"/>
      <c r="U925" s="62"/>
      <c r="V925" s="62"/>
      <c r="W925" s="62"/>
      <c r="X925" s="62"/>
      <c r="Y925" s="62"/>
      <c r="Z925" s="62"/>
      <c r="AA925" s="62"/>
      <c r="AB925" s="62"/>
      <c r="AC925" s="62"/>
      <c r="AD925" s="62"/>
      <c r="AE925" s="62"/>
      <c r="AF925" s="62"/>
      <c r="AG925" s="62"/>
      <c r="AH925" s="62"/>
      <c r="AI925" s="62"/>
      <c r="AJ925" s="62"/>
      <c r="AK925" s="62"/>
      <c r="AL925" s="62"/>
      <c r="AM925" s="62"/>
      <c r="AN925" s="62"/>
      <c r="AO925" s="62"/>
      <c r="AP925" s="62"/>
      <c r="AQ925" s="62"/>
    </row>
    <row r="926" spans="6:43">
      <c r="F926" s="62"/>
      <c r="G926" s="62"/>
      <c r="H926" s="62"/>
      <c r="I926" s="62"/>
      <c r="J926" s="62"/>
      <c r="K926" s="62"/>
      <c r="L926" s="62"/>
      <c r="M926" s="62"/>
      <c r="N926" s="62"/>
      <c r="O926" s="62"/>
      <c r="P926" s="62"/>
      <c r="Q926" s="62"/>
      <c r="R926" s="62"/>
      <c r="S926" s="62"/>
      <c r="T926" s="62"/>
      <c r="U926" s="62"/>
      <c r="V926" s="62"/>
      <c r="W926" s="62"/>
      <c r="X926" s="62"/>
      <c r="Y926" s="62"/>
      <c r="Z926" s="62"/>
      <c r="AA926" s="62"/>
      <c r="AB926" s="62"/>
      <c r="AC926" s="62"/>
      <c r="AD926" s="62"/>
      <c r="AE926" s="62"/>
      <c r="AF926" s="62"/>
      <c r="AG926" s="62"/>
      <c r="AH926" s="62"/>
      <c r="AI926" s="62"/>
      <c r="AJ926" s="62"/>
      <c r="AK926" s="62"/>
      <c r="AL926" s="62"/>
      <c r="AM926" s="62"/>
      <c r="AN926" s="62"/>
      <c r="AO926" s="62"/>
      <c r="AP926" s="62"/>
      <c r="AQ926" s="62"/>
    </row>
    <row r="927" spans="6:43">
      <c r="F927" s="141"/>
      <c r="G927" s="141"/>
      <c r="H927" s="141"/>
      <c r="I927" s="141"/>
      <c r="J927" s="141"/>
      <c r="K927" s="141"/>
      <c r="L927" s="141"/>
      <c r="M927" s="141"/>
      <c r="N927" s="141"/>
      <c r="O927" s="131"/>
      <c r="P927" s="141"/>
      <c r="Q927" s="141"/>
      <c r="R927" s="141"/>
      <c r="S927" s="141"/>
      <c r="T927" s="141"/>
      <c r="U927" s="141"/>
      <c r="V927" s="141"/>
      <c r="W927" s="141"/>
      <c r="X927" s="141"/>
      <c r="Y927" s="141"/>
      <c r="Z927" s="141"/>
      <c r="AA927" s="141"/>
      <c r="AB927" s="141"/>
      <c r="AC927" s="141"/>
      <c r="AD927" s="141"/>
      <c r="AE927" s="141"/>
      <c r="AF927" s="141"/>
      <c r="AG927" s="141"/>
      <c r="AH927" s="141"/>
      <c r="AI927" s="141"/>
      <c r="AJ927" s="141"/>
      <c r="AK927" s="141"/>
      <c r="AL927" s="141"/>
      <c r="AM927" s="141"/>
      <c r="AN927" s="141"/>
      <c r="AO927" s="144"/>
      <c r="AP927" s="137"/>
      <c r="AQ927" s="137"/>
    </row>
    <row r="928" spans="6:43">
      <c r="F928" s="62"/>
      <c r="G928" s="62"/>
      <c r="H928" s="62"/>
      <c r="I928" s="62"/>
      <c r="J928" s="62"/>
      <c r="K928" s="62"/>
      <c r="L928" s="62"/>
      <c r="M928" s="62"/>
      <c r="N928" s="62"/>
      <c r="O928" s="62"/>
      <c r="P928" s="62"/>
      <c r="Q928" s="62"/>
      <c r="R928" s="62"/>
      <c r="S928" s="62"/>
      <c r="T928" s="62"/>
      <c r="U928" s="62"/>
      <c r="V928" s="62"/>
      <c r="W928" s="62"/>
      <c r="X928" s="62"/>
      <c r="Y928" s="62"/>
      <c r="Z928" s="62"/>
      <c r="AA928" s="62"/>
      <c r="AB928" s="62"/>
      <c r="AC928" s="62"/>
      <c r="AD928" s="62"/>
      <c r="AE928" s="62"/>
      <c r="AF928" s="62"/>
      <c r="AG928" s="62"/>
      <c r="AH928" s="62"/>
      <c r="AI928" s="62"/>
      <c r="AJ928" s="62"/>
      <c r="AK928" s="62"/>
      <c r="AL928" s="62"/>
      <c r="AM928" s="62"/>
      <c r="AN928" s="62"/>
      <c r="AO928" s="62"/>
      <c r="AP928" s="62"/>
      <c r="AQ928" s="62"/>
    </row>
    <row r="929" spans="6:43">
      <c r="F929" s="62"/>
      <c r="G929" s="62"/>
      <c r="H929" s="62"/>
      <c r="I929" s="62"/>
      <c r="J929" s="62"/>
      <c r="K929" s="62"/>
      <c r="L929" s="62"/>
      <c r="M929" s="62"/>
      <c r="N929" s="62"/>
      <c r="O929" s="62"/>
      <c r="P929" s="62"/>
      <c r="Q929" s="62"/>
      <c r="R929" s="62"/>
      <c r="S929" s="62"/>
      <c r="T929" s="62"/>
      <c r="U929" s="62"/>
      <c r="V929" s="62"/>
      <c r="W929" s="62"/>
      <c r="X929" s="62"/>
      <c r="Y929" s="62"/>
      <c r="Z929" s="62"/>
      <c r="AA929" s="62"/>
      <c r="AB929" s="62"/>
      <c r="AC929" s="62"/>
      <c r="AD929" s="62"/>
      <c r="AE929" s="62"/>
      <c r="AF929" s="62"/>
      <c r="AG929" s="62"/>
      <c r="AH929" s="62"/>
      <c r="AI929" s="62"/>
      <c r="AJ929" s="62"/>
      <c r="AK929" s="62"/>
      <c r="AL929" s="62"/>
      <c r="AM929" s="62"/>
      <c r="AN929" s="62"/>
      <c r="AO929" s="62"/>
      <c r="AP929" s="62"/>
      <c r="AQ929" s="62"/>
    </row>
    <row r="930" spans="6:43">
      <c r="F930" s="62"/>
      <c r="G930" s="62"/>
      <c r="H930" s="62"/>
      <c r="I930" s="62"/>
      <c r="J930" s="62"/>
      <c r="K930" s="62"/>
      <c r="L930" s="62"/>
      <c r="M930" s="62"/>
      <c r="N930" s="62"/>
      <c r="O930" s="62"/>
      <c r="P930" s="62"/>
      <c r="Q930" s="62"/>
      <c r="R930" s="62"/>
      <c r="S930" s="62"/>
      <c r="T930" s="62"/>
      <c r="U930" s="62"/>
      <c r="V930" s="62"/>
      <c r="W930" s="62"/>
      <c r="X930" s="62"/>
      <c r="Y930" s="62"/>
      <c r="Z930" s="62"/>
      <c r="AA930" s="62"/>
      <c r="AB930" s="62"/>
      <c r="AC930" s="62"/>
      <c r="AD930" s="62"/>
      <c r="AE930" s="62"/>
      <c r="AF930" s="62"/>
      <c r="AG930" s="62"/>
      <c r="AH930" s="62"/>
      <c r="AI930" s="62"/>
      <c r="AJ930" s="62"/>
      <c r="AK930" s="62"/>
      <c r="AL930" s="62"/>
      <c r="AM930" s="62"/>
      <c r="AN930" s="62"/>
      <c r="AO930" s="62"/>
      <c r="AP930" s="62"/>
      <c r="AQ930" s="62"/>
    </row>
    <row r="931" spans="6:43">
      <c r="F931" s="62"/>
      <c r="G931" s="62"/>
      <c r="H931" s="62"/>
      <c r="I931" s="62"/>
      <c r="J931" s="62"/>
      <c r="K931" s="62"/>
      <c r="L931" s="62"/>
      <c r="M931" s="62"/>
      <c r="N931" s="62"/>
      <c r="O931" s="62"/>
      <c r="P931" s="62"/>
      <c r="Q931" s="62"/>
      <c r="R931" s="62"/>
      <c r="S931" s="62"/>
      <c r="T931" s="62"/>
      <c r="U931" s="62"/>
      <c r="V931" s="62"/>
      <c r="W931" s="62"/>
      <c r="X931" s="62"/>
      <c r="Y931" s="62"/>
      <c r="Z931" s="62"/>
      <c r="AA931" s="62"/>
      <c r="AB931" s="62"/>
      <c r="AC931" s="62"/>
      <c r="AD931" s="62"/>
      <c r="AE931" s="62"/>
      <c r="AF931" s="62"/>
      <c r="AG931" s="62"/>
      <c r="AH931" s="62"/>
      <c r="AI931" s="62"/>
      <c r="AJ931" s="62"/>
      <c r="AK931" s="62"/>
      <c r="AL931" s="62"/>
      <c r="AM931" s="62"/>
      <c r="AN931" s="62"/>
      <c r="AO931" s="62"/>
      <c r="AP931" s="62"/>
      <c r="AQ931" s="62"/>
    </row>
    <row r="932" spans="6:43">
      <c r="F932" s="62"/>
      <c r="G932" s="62"/>
      <c r="H932" s="62"/>
      <c r="I932" s="62"/>
      <c r="J932" s="62"/>
      <c r="K932" s="62"/>
      <c r="L932" s="62"/>
      <c r="M932" s="62"/>
      <c r="N932" s="62"/>
      <c r="O932" s="62"/>
      <c r="P932" s="62"/>
      <c r="Q932" s="62"/>
      <c r="R932" s="62"/>
      <c r="S932" s="62"/>
      <c r="T932" s="62"/>
      <c r="U932" s="62"/>
      <c r="V932" s="62"/>
      <c r="W932" s="62"/>
      <c r="X932" s="62"/>
      <c r="Y932" s="62"/>
      <c r="Z932" s="62"/>
      <c r="AA932" s="62"/>
      <c r="AB932" s="62"/>
      <c r="AC932" s="62"/>
      <c r="AD932" s="62"/>
      <c r="AE932" s="62"/>
      <c r="AF932" s="62"/>
      <c r="AG932" s="62"/>
      <c r="AH932" s="62"/>
      <c r="AI932" s="62"/>
      <c r="AJ932" s="62"/>
      <c r="AK932" s="62"/>
      <c r="AL932" s="62"/>
      <c r="AM932" s="62"/>
      <c r="AN932" s="62"/>
      <c r="AO932" s="62"/>
      <c r="AP932" s="62"/>
      <c r="AQ932" s="62"/>
    </row>
    <row r="933" spans="6:43">
      <c r="F933" s="62"/>
      <c r="G933" s="62"/>
      <c r="H933" s="62"/>
      <c r="I933" s="62"/>
      <c r="J933" s="62"/>
      <c r="K933" s="62"/>
      <c r="L933" s="62"/>
      <c r="M933" s="62"/>
      <c r="N933" s="62"/>
      <c r="O933" s="62"/>
      <c r="P933" s="62"/>
      <c r="Q933" s="62"/>
      <c r="R933" s="62"/>
      <c r="S933" s="62"/>
      <c r="T933" s="62"/>
      <c r="U933" s="62"/>
      <c r="V933" s="62"/>
      <c r="W933" s="62"/>
      <c r="X933" s="62"/>
      <c r="Y933" s="62"/>
      <c r="Z933" s="62"/>
      <c r="AA933" s="62"/>
      <c r="AB933" s="62"/>
      <c r="AC933" s="62"/>
      <c r="AD933" s="62"/>
      <c r="AE933" s="62"/>
      <c r="AF933" s="62"/>
      <c r="AG933" s="62"/>
      <c r="AH933" s="62"/>
      <c r="AI933" s="62"/>
      <c r="AJ933" s="62"/>
      <c r="AK933" s="62"/>
      <c r="AL933" s="62"/>
      <c r="AM933" s="62"/>
      <c r="AN933" s="62"/>
      <c r="AO933" s="62"/>
      <c r="AP933" s="62"/>
      <c r="AQ933" s="62"/>
    </row>
    <row r="934" spans="6:43">
      <c r="F934" s="62"/>
      <c r="G934" s="62"/>
      <c r="H934" s="62"/>
      <c r="I934" s="62"/>
      <c r="J934" s="62"/>
      <c r="K934" s="62"/>
      <c r="L934" s="62"/>
      <c r="M934" s="62"/>
      <c r="N934" s="62"/>
      <c r="O934" s="62"/>
      <c r="P934" s="62"/>
      <c r="Q934" s="62"/>
      <c r="R934" s="62"/>
      <c r="S934" s="62"/>
      <c r="T934" s="62"/>
      <c r="U934" s="62"/>
      <c r="V934" s="62"/>
      <c r="W934" s="62"/>
      <c r="X934" s="62"/>
      <c r="Y934" s="62"/>
      <c r="Z934" s="62"/>
      <c r="AA934" s="62"/>
      <c r="AB934" s="62"/>
      <c r="AC934" s="62"/>
      <c r="AD934" s="62"/>
      <c r="AE934" s="62"/>
      <c r="AF934" s="62"/>
      <c r="AG934" s="62"/>
      <c r="AH934" s="62"/>
      <c r="AI934" s="62"/>
      <c r="AJ934" s="62"/>
      <c r="AK934" s="62"/>
      <c r="AL934" s="62"/>
      <c r="AM934" s="62"/>
      <c r="AN934" s="62"/>
      <c r="AO934" s="62"/>
      <c r="AP934" s="62"/>
      <c r="AQ934" s="62"/>
    </row>
    <row r="935" spans="6:43">
      <c r="F935" s="62"/>
      <c r="G935" s="62"/>
      <c r="H935" s="62"/>
      <c r="I935" s="62"/>
      <c r="J935" s="62"/>
      <c r="K935" s="62"/>
      <c r="L935" s="62"/>
      <c r="M935" s="62"/>
      <c r="N935" s="62"/>
      <c r="O935" s="62"/>
      <c r="P935" s="62"/>
      <c r="Q935" s="62"/>
      <c r="R935" s="62"/>
      <c r="S935" s="62"/>
      <c r="T935" s="62"/>
      <c r="U935" s="62"/>
      <c r="V935" s="62"/>
      <c r="W935" s="62"/>
      <c r="X935" s="62"/>
      <c r="Y935" s="62"/>
      <c r="Z935" s="62"/>
      <c r="AA935" s="62"/>
      <c r="AB935" s="62"/>
      <c r="AC935" s="62"/>
      <c r="AD935" s="62"/>
      <c r="AE935" s="62"/>
      <c r="AF935" s="62"/>
      <c r="AG935" s="62"/>
      <c r="AH935" s="62"/>
      <c r="AI935" s="62"/>
      <c r="AJ935" s="62"/>
      <c r="AK935" s="62"/>
      <c r="AL935" s="62"/>
      <c r="AM935" s="62"/>
      <c r="AN935" s="62"/>
      <c r="AO935" s="62"/>
      <c r="AP935" s="62"/>
      <c r="AQ935" s="62"/>
    </row>
    <row r="936" spans="6:43">
      <c r="F936" s="62"/>
      <c r="G936" s="62"/>
      <c r="H936" s="62"/>
      <c r="I936" s="62"/>
      <c r="J936" s="62"/>
      <c r="K936" s="62"/>
      <c r="L936" s="62"/>
      <c r="M936" s="62"/>
      <c r="N936" s="62"/>
      <c r="O936" s="62"/>
      <c r="P936" s="62"/>
      <c r="Q936" s="62"/>
      <c r="R936" s="62"/>
      <c r="S936" s="62"/>
      <c r="T936" s="62"/>
      <c r="U936" s="62"/>
      <c r="V936" s="62"/>
      <c r="W936" s="62"/>
      <c r="X936" s="62"/>
      <c r="Y936" s="62"/>
      <c r="Z936" s="62"/>
      <c r="AA936" s="62"/>
      <c r="AB936" s="62"/>
      <c r="AC936" s="62"/>
      <c r="AD936" s="62"/>
      <c r="AE936" s="62"/>
      <c r="AF936" s="62"/>
      <c r="AG936" s="62"/>
      <c r="AH936" s="62"/>
      <c r="AI936" s="62"/>
      <c r="AJ936" s="62"/>
      <c r="AK936" s="62"/>
      <c r="AL936" s="62"/>
      <c r="AM936" s="62"/>
      <c r="AN936" s="62"/>
      <c r="AO936" s="62"/>
      <c r="AP936" s="62"/>
      <c r="AQ936" s="62"/>
    </row>
    <row r="937" spans="6:43">
      <c r="F937" s="62"/>
      <c r="G937" s="62"/>
      <c r="H937" s="62"/>
      <c r="I937" s="62"/>
      <c r="J937" s="62"/>
      <c r="K937" s="62"/>
      <c r="L937" s="62"/>
      <c r="M937" s="62"/>
      <c r="N937" s="62"/>
      <c r="O937" s="62"/>
      <c r="P937" s="62"/>
      <c r="Q937" s="62"/>
      <c r="R937" s="62"/>
      <c r="S937" s="62"/>
      <c r="T937" s="62"/>
      <c r="U937" s="62"/>
      <c r="V937" s="62"/>
      <c r="W937" s="62"/>
      <c r="X937" s="62"/>
      <c r="Y937" s="62"/>
      <c r="Z937" s="62"/>
      <c r="AA937" s="62"/>
      <c r="AB937" s="62"/>
      <c r="AC937" s="62"/>
      <c r="AD937" s="62"/>
      <c r="AE937" s="62"/>
      <c r="AF937" s="62"/>
      <c r="AG937" s="62"/>
      <c r="AH937" s="62"/>
      <c r="AI937" s="62"/>
      <c r="AJ937" s="62"/>
      <c r="AK937" s="62"/>
      <c r="AL937" s="62"/>
      <c r="AM937" s="62"/>
      <c r="AN937" s="62"/>
      <c r="AO937" s="62"/>
      <c r="AP937" s="62"/>
      <c r="AQ937" s="62"/>
    </row>
    <row r="938" spans="6:43">
      <c r="F938" s="62"/>
      <c r="G938" s="62"/>
      <c r="H938" s="62"/>
      <c r="I938" s="62"/>
      <c r="J938" s="62"/>
      <c r="K938" s="62"/>
      <c r="L938" s="62"/>
      <c r="M938" s="62"/>
      <c r="N938" s="62"/>
      <c r="O938" s="62"/>
      <c r="P938" s="62"/>
      <c r="Q938" s="62"/>
      <c r="R938" s="62"/>
      <c r="S938" s="62"/>
      <c r="T938" s="62"/>
      <c r="U938" s="62"/>
      <c r="V938" s="62"/>
      <c r="W938" s="62"/>
      <c r="X938" s="62"/>
      <c r="Y938" s="62"/>
      <c r="Z938" s="62"/>
      <c r="AA938" s="62"/>
      <c r="AB938" s="62"/>
      <c r="AC938" s="62"/>
      <c r="AD938" s="62"/>
      <c r="AE938" s="62"/>
      <c r="AF938" s="62"/>
      <c r="AG938" s="62"/>
      <c r="AH938" s="62"/>
      <c r="AI938" s="62"/>
      <c r="AJ938" s="62"/>
      <c r="AK938" s="62"/>
      <c r="AL938" s="62"/>
      <c r="AM938" s="62"/>
      <c r="AN938" s="62"/>
      <c r="AO938" s="62"/>
      <c r="AP938" s="62"/>
      <c r="AQ938" s="62"/>
    </row>
    <row r="939" spans="6:43">
      <c r="F939" s="62"/>
      <c r="G939" s="62"/>
      <c r="H939" s="62"/>
      <c r="I939" s="62"/>
      <c r="J939" s="62"/>
      <c r="K939" s="62"/>
      <c r="L939" s="62"/>
      <c r="M939" s="62"/>
      <c r="N939" s="62"/>
      <c r="O939" s="62"/>
      <c r="P939" s="62"/>
      <c r="Q939" s="62"/>
      <c r="R939" s="62"/>
      <c r="S939" s="62"/>
      <c r="T939" s="62"/>
      <c r="U939" s="62"/>
      <c r="V939" s="62"/>
      <c r="W939" s="62"/>
      <c r="X939" s="62"/>
      <c r="Y939" s="62"/>
      <c r="Z939" s="62"/>
      <c r="AA939" s="62"/>
      <c r="AB939" s="62"/>
      <c r="AC939" s="62"/>
      <c r="AD939" s="62"/>
      <c r="AE939" s="62"/>
      <c r="AF939" s="62"/>
      <c r="AG939" s="62"/>
      <c r="AH939" s="62"/>
      <c r="AI939" s="62"/>
      <c r="AJ939" s="62"/>
      <c r="AK939" s="62"/>
      <c r="AL939" s="62"/>
      <c r="AM939" s="62"/>
      <c r="AN939" s="62"/>
      <c r="AO939" s="62"/>
      <c r="AP939" s="62"/>
      <c r="AQ939" s="62"/>
    </row>
    <row r="940" spans="6:43">
      <c r="F940" s="62"/>
      <c r="G940" s="62"/>
      <c r="H940" s="62"/>
      <c r="I940" s="62"/>
      <c r="J940" s="62"/>
      <c r="K940" s="62"/>
      <c r="L940" s="62"/>
      <c r="M940" s="62"/>
      <c r="N940" s="62"/>
      <c r="O940" s="62"/>
      <c r="P940" s="62"/>
      <c r="Q940" s="62"/>
      <c r="R940" s="62"/>
      <c r="S940" s="62"/>
      <c r="T940" s="62"/>
      <c r="U940" s="62"/>
      <c r="V940" s="62"/>
      <c r="W940" s="62"/>
      <c r="X940" s="62"/>
      <c r="Y940" s="62"/>
      <c r="Z940" s="62"/>
      <c r="AA940" s="62"/>
      <c r="AB940" s="62"/>
      <c r="AC940" s="62"/>
      <c r="AD940" s="62"/>
      <c r="AE940" s="62"/>
      <c r="AF940" s="62"/>
      <c r="AG940" s="62"/>
      <c r="AH940" s="62"/>
      <c r="AI940" s="62"/>
      <c r="AJ940" s="62"/>
      <c r="AK940" s="62"/>
      <c r="AL940" s="62"/>
      <c r="AM940" s="62"/>
      <c r="AN940" s="62"/>
      <c r="AO940" s="62"/>
      <c r="AP940" s="62"/>
      <c r="AQ940" s="62"/>
    </row>
    <row r="941" spans="6:43">
      <c r="F941" s="62"/>
      <c r="G941" s="62"/>
      <c r="H941" s="62"/>
      <c r="I941" s="62"/>
      <c r="J941" s="62"/>
      <c r="K941" s="62"/>
      <c r="L941" s="62"/>
      <c r="M941" s="62"/>
      <c r="N941" s="62"/>
      <c r="O941" s="62"/>
      <c r="P941" s="62"/>
      <c r="Q941" s="62"/>
      <c r="R941" s="62"/>
      <c r="S941" s="62"/>
      <c r="T941" s="62"/>
      <c r="U941" s="62"/>
      <c r="V941" s="62"/>
      <c r="W941" s="62"/>
      <c r="X941" s="62"/>
      <c r="Y941" s="62"/>
      <c r="Z941" s="62"/>
      <c r="AA941" s="62"/>
      <c r="AB941" s="62"/>
      <c r="AC941" s="62"/>
      <c r="AD941" s="62"/>
      <c r="AE941" s="62"/>
      <c r="AF941" s="62"/>
      <c r="AG941" s="62"/>
      <c r="AH941" s="62"/>
      <c r="AI941" s="62"/>
      <c r="AJ941" s="62"/>
      <c r="AK941" s="62"/>
      <c r="AL941" s="62"/>
      <c r="AM941" s="62"/>
      <c r="AN941" s="62"/>
      <c r="AO941" s="62"/>
      <c r="AP941" s="62"/>
      <c r="AQ941" s="62"/>
    </row>
    <row r="942" spans="6:43">
      <c r="F942" s="62"/>
      <c r="G942" s="62"/>
      <c r="H942" s="62"/>
      <c r="I942" s="62"/>
      <c r="J942" s="62"/>
      <c r="K942" s="62"/>
      <c r="L942" s="62"/>
      <c r="M942" s="62"/>
      <c r="N942" s="62"/>
      <c r="O942" s="62"/>
      <c r="P942" s="62"/>
      <c r="Q942" s="62"/>
      <c r="R942" s="62"/>
      <c r="S942" s="62"/>
      <c r="T942" s="62"/>
      <c r="U942" s="62"/>
      <c r="V942" s="62"/>
      <c r="W942" s="62"/>
      <c r="X942" s="62"/>
      <c r="Y942" s="62"/>
      <c r="Z942" s="62"/>
      <c r="AA942" s="62"/>
      <c r="AB942" s="62"/>
      <c r="AC942" s="62"/>
      <c r="AD942" s="62"/>
      <c r="AE942" s="62"/>
      <c r="AF942" s="62"/>
      <c r="AG942" s="62"/>
      <c r="AH942" s="62"/>
      <c r="AI942" s="62"/>
      <c r="AJ942" s="62"/>
      <c r="AK942" s="62"/>
      <c r="AL942" s="62"/>
      <c r="AM942" s="62"/>
      <c r="AN942" s="62"/>
      <c r="AO942" s="62"/>
      <c r="AP942" s="62"/>
      <c r="AQ942" s="62"/>
    </row>
    <row r="943" spans="6:43">
      <c r="F943" s="62"/>
      <c r="G943" s="62"/>
      <c r="H943" s="62"/>
      <c r="I943" s="62"/>
      <c r="J943" s="62"/>
      <c r="K943" s="62"/>
      <c r="L943" s="62"/>
      <c r="M943" s="62"/>
      <c r="N943" s="62"/>
      <c r="O943" s="62"/>
      <c r="P943" s="62"/>
      <c r="Q943" s="62"/>
      <c r="R943" s="62"/>
      <c r="S943" s="62"/>
      <c r="T943" s="62"/>
      <c r="U943" s="62"/>
      <c r="V943" s="62"/>
      <c r="W943" s="62"/>
      <c r="X943" s="62"/>
      <c r="Y943" s="62"/>
      <c r="Z943" s="62"/>
      <c r="AA943" s="62"/>
      <c r="AB943" s="62"/>
      <c r="AC943" s="62"/>
      <c r="AD943" s="62"/>
      <c r="AE943" s="62"/>
      <c r="AF943" s="62"/>
      <c r="AG943" s="62"/>
      <c r="AH943" s="62"/>
      <c r="AI943" s="62"/>
      <c r="AJ943" s="62"/>
      <c r="AK943" s="62"/>
      <c r="AL943" s="62"/>
      <c r="AM943" s="62"/>
      <c r="AN943" s="62"/>
      <c r="AO943" s="62"/>
      <c r="AP943" s="62"/>
      <c r="AQ943" s="62"/>
    </row>
    <row r="944" spans="6:43">
      <c r="F944" s="62"/>
      <c r="G944" s="62"/>
      <c r="H944" s="62"/>
      <c r="I944" s="62"/>
      <c r="J944" s="62"/>
      <c r="K944" s="62"/>
      <c r="L944" s="62"/>
      <c r="M944" s="62"/>
      <c r="N944" s="62"/>
      <c r="O944" s="62"/>
      <c r="P944" s="62"/>
      <c r="Q944" s="62"/>
      <c r="R944" s="62"/>
      <c r="S944" s="62"/>
      <c r="T944" s="62"/>
      <c r="U944" s="62"/>
      <c r="V944" s="62"/>
      <c r="W944" s="62"/>
      <c r="X944" s="62"/>
      <c r="Y944" s="62"/>
      <c r="Z944" s="62"/>
      <c r="AA944" s="62"/>
      <c r="AB944" s="62"/>
      <c r="AC944" s="62"/>
      <c r="AD944" s="62"/>
      <c r="AE944" s="62"/>
      <c r="AF944" s="62"/>
      <c r="AG944" s="62"/>
      <c r="AH944" s="62"/>
      <c r="AI944" s="62"/>
      <c r="AJ944" s="62"/>
      <c r="AK944" s="62"/>
      <c r="AL944" s="62"/>
      <c r="AM944" s="62"/>
      <c r="AN944" s="62"/>
      <c r="AO944" s="62"/>
      <c r="AP944" s="62"/>
      <c r="AQ944" s="62"/>
    </row>
    <row r="945" spans="6:43">
      <c r="F945" s="130"/>
      <c r="G945" s="130"/>
      <c r="H945" s="130"/>
      <c r="I945" s="130"/>
      <c r="J945" s="130"/>
      <c r="K945" s="130"/>
      <c r="L945" s="130"/>
      <c r="M945" s="130"/>
      <c r="N945" s="130"/>
      <c r="O945" s="131"/>
      <c r="P945" s="130"/>
      <c r="Q945" s="130"/>
      <c r="R945" s="130"/>
      <c r="S945" s="130"/>
      <c r="T945" s="130"/>
      <c r="U945" s="130"/>
      <c r="V945" s="130"/>
      <c r="W945" s="130"/>
      <c r="X945" s="130"/>
      <c r="Y945" s="130"/>
      <c r="Z945" s="130"/>
      <c r="AA945" s="130"/>
      <c r="AB945" s="130"/>
      <c r="AC945" s="130"/>
      <c r="AD945" s="130"/>
      <c r="AE945" s="130"/>
      <c r="AF945" s="130"/>
      <c r="AG945" s="130"/>
      <c r="AH945" s="130"/>
      <c r="AI945" s="130"/>
      <c r="AJ945" s="130"/>
      <c r="AK945" s="130"/>
      <c r="AL945" s="130"/>
      <c r="AM945" s="130"/>
      <c r="AN945" s="130"/>
      <c r="AO945" s="134"/>
      <c r="AP945" s="114"/>
      <c r="AQ945" s="114"/>
    </row>
    <row r="946" spans="6:43">
      <c r="F946" s="141"/>
      <c r="G946" s="141"/>
      <c r="H946" s="141"/>
      <c r="I946" s="141"/>
      <c r="J946" s="141"/>
      <c r="K946" s="141"/>
      <c r="L946" s="141"/>
      <c r="M946" s="141"/>
      <c r="N946" s="141"/>
      <c r="O946" s="131"/>
      <c r="P946" s="141"/>
      <c r="Q946" s="141"/>
      <c r="R946" s="141"/>
      <c r="S946" s="141"/>
      <c r="T946" s="141"/>
      <c r="U946" s="141"/>
      <c r="V946" s="141"/>
      <c r="W946" s="141"/>
      <c r="X946" s="141"/>
      <c r="Y946" s="141"/>
      <c r="Z946" s="141"/>
      <c r="AA946" s="141"/>
      <c r="AB946" s="141"/>
      <c r="AC946" s="141"/>
      <c r="AD946" s="141"/>
      <c r="AE946" s="141"/>
      <c r="AF946" s="141"/>
      <c r="AG946" s="141"/>
      <c r="AH946" s="141"/>
      <c r="AI946" s="141"/>
      <c r="AJ946" s="141"/>
      <c r="AK946" s="141"/>
      <c r="AL946" s="141"/>
      <c r="AM946" s="141"/>
      <c r="AN946" s="141"/>
      <c r="AO946" s="144"/>
      <c r="AP946" s="137"/>
      <c r="AQ946" s="137"/>
    </row>
    <row r="947" spans="6:43">
      <c r="F947" s="62"/>
      <c r="G947" s="62"/>
      <c r="H947" s="62"/>
      <c r="I947" s="62"/>
      <c r="J947" s="62"/>
      <c r="K947" s="62"/>
      <c r="L947" s="62"/>
      <c r="M947" s="62"/>
      <c r="N947" s="62"/>
      <c r="O947" s="62"/>
      <c r="P947" s="62"/>
      <c r="Q947" s="62"/>
      <c r="R947" s="62"/>
      <c r="S947" s="62"/>
      <c r="T947" s="62"/>
      <c r="U947" s="62"/>
      <c r="V947" s="62"/>
      <c r="W947" s="62"/>
      <c r="X947" s="62"/>
      <c r="Y947" s="62"/>
      <c r="Z947" s="62"/>
      <c r="AA947" s="62"/>
      <c r="AB947" s="62"/>
      <c r="AC947" s="62"/>
      <c r="AD947" s="62"/>
      <c r="AE947" s="62"/>
      <c r="AF947" s="62"/>
      <c r="AG947" s="62"/>
      <c r="AH947" s="62"/>
      <c r="AI947" s="62"/>
      <c r="AJ947" s="62"/>
      <c r="AK947" s="62"/>
      <c r="AL947" s="62"/>
      <c r="AM947" s="62"/>
      <c r="AN947" s="62"/>
      <c r="AO947" s="62"/>
      <c r="AP947" s="62"/>
      <c r="AQ947" s="62"/>
    </row>
    <row r="948" spans="6:43">
      <c r="F948" s="62"/>
      <c r="G948" s="62"/>
      <c r="H948" s="62"/>
      <c r="I948" s="62"/>
      <c r="J948" s="62"/>
      <c r="K948" s="62"/>
      <c r="L948" s="62"/>
      <c r="M948" s="62"/>
      <c r="N948" s="62"/>
      <c r="O948" s="62"/>
      <c r="P948" s="62"/>
      <c r="Q948" s="62"/>
      <c r="R948" s="62"/>
      <c r="S948" s="62"/>
      <c r="T948" s="62"/>
      <c r="U948" s="62"/>
      <c r="V948" s="62"/>
      <c r="W948" s="62"/>
      <c r="X948" s="62"/>
      <c r="Y948" s="62"/>
      <c r="Z948" s="62"/>
      <c r="AA948" s="62"/>
      <c r="AB948" s="62"/>
      <c r="AC948" s="62"/>
      <c r="AD948" s="62"/>
      <c r="AE948" s="62"/>
      <c r="AF948" s="62"/>
      <c r="AG948" s="62"/>
      <c r="AH948" s="62"/>
      <c r="AI948" s="62"/>
      <c r="AJ948" s="62"/>
      <c r="AK948" s="62"/>
      <c r="AL948" s="62"/>
      <c r="AM948" s="62"/>
      <c r="AN948" s="62"/>
      <c r="AO948" s="62"/>
      <c r="AP948" s="62"/>
      <c r="AQ948" s="62"/>
    </row>
    <row r="949" spans="6:43">
      <c r="F949" s="62"/>
      <c r="G949" s="62"/>
      <c r="H949" s="62"/>
      <c r="I949" s="62"/>
      <c r="J949" s="62"/>
      <c r="K949" s="62"/>
      <c r="L949" s="62"/>
      <c r="M949" s="62"/>
      <c r="N949" s="62"/>
      <c r="O949" s="62"/>
      <c r="P949" s="62"/>
      <c r="Q949" s="62"/>
      <c r="R949" s="62"/>
      <c r="S949" s="62"/>
      <c r="T949" s="62"/>
      <c r="U949" s="62"/>
      <c r="V949" s="62"/>
      <c r="W949" s="62"/>
      <c r="X949" s="62"/>
      <c r="Y949" s="62"/>
      <c r="Z949" s="62"/>
      <c r="AA949" s="62"/>
      <c r="AB949" s="62"/>
      <c r="AC949" s="62"/>
      <c r="AD949" s="62"/>
      <c r="AE949" s="62"/>
      <c r="AF949" s="62"/>
      <c r="AG949" s="62"/>
      <c r="AH949" s="62"/>
      <c r="AI949" s="62"/>
      <c r="AJ949" s="62"/>
      <c r="AK949" s="62"/>
      <c r="AL949" s="62"/>
      <c r="AM949" s="62"/>
      <c r="AN949" s="62"/>
      <c r="AO949" s="62"/>
      <c r="AP949" s="62"/>
      <c r="AQ949" s="62"/>
    </row>
    <row r="950" spans="6:43">
      <c r="F950" s="62"/>
      <c r="G950" s="62"/>
      <c r="H950" s="62"/>
      <c r="I950" s="62"/>
      <c r="J950" s="62"/>
      <c r="K950" s="62"/>
      <c r="L950" s="62"/>
      <c r="M950" s="62"/>
      <c r="N950" s="62"/>
      <c r="O950" s="62"/>
      <c r="P950" s="62"/>
      <c r="Q950" s="62"/>
      <c r="R950" s="62"/>
      <c r="S950" s="62"/>
      <c r="T950" s="62"/>
      <c r="U950" s="62"/>
      <c r="V950" s="62"/>
      <c r="W950" s="62"/>
      <c r="X950" s="62"/>
      <c r="Y950" s="62"/>
      <c r="Z950" s="62"/>
      <c r="AA950" s="62"/>
      <c r="AB950" s="62"/>
      <c r="AC950" s="62"/>
      <c r="AD950" s="62"/>
      <c r="AE950" s="62"/>
      <c r="AF950" s="62"/>
      <c r="AG950" s="62"/>
      <c r="AH950" s="62"/>
      <c r="AI950" s="62"/>
      <c r="AJ950" s="62"/>
      <c r="AK950" s="62"/>
      <c r="AL950" s="62"/>
      <c r="AM950" s="62"/>
      <c r="AN950" s="62"/>
      <c r="AO950" s="62"/>
      <c r="AP950" s="62"/>
      <c r="AQ950" s="62"/>
    </row>
    <row r="951" spans="6:43">
      <c r="F951" s="130"/>
      <c r="G951" s="141"/>
      <c r="H951" s="141"/>
      <c r="I951" s="141"/>
      <c r="J951" s="141"/>
      <c r="K951" s="141"/>
      <c r="L951" s="141"/>
      <c r="M951" s="141"/>
      <c r="N951" s="141"/>
      <c r="O951" s="131"/>
      <c r="P951" s="130"/>
      <c r="Q951" s="141"/>
      <c r="R951" s="141"/>
      <c r="S951" s="141"/>
      <c r="T951" s="141"/>
      <c r="U951" s="141"/>
      <c r="V951" s="130"/>
      <c r="W951" s="141"/>
      <c r="X951" s="141"/>
      <c r="Y951" s="141"/>
      <c r="Z951" s="141"/>
      <c r="AA951" s="130"/>
      <c r="AB951" s="141"/>
      <c r="AC951" s="141"/>
      <c r="AD951" s="141"/>
      <c r="AE951" s="141"/>
      <c r="AF951" s="141"/>
      <c r="AG951" s="130"/>
      <c r="AH951" s="141"/>
      <c r="AI951" s="141"/>
      <c r="AJ951" s="141"/>
      <c r="AK951" s="141"/>
      <c r="AL951" s="130"/>
      <c r="AM951" s="141"/>
      <c r="AN951" s="141"/>
      <c r="AO951" s="144"/>
      <c r="AP951" s="137"/>
      <c r="AQ951" s="137"/>
    </row>
    <row r="952" spans="6:43">
      <c r="F952" s="62"/>
      <c r="G952" s="62"/>
      <c r="H952" s="62"/>
      <c r="I952" s="62"/>
      <c r="J952" s="62"/>
      <c r="K952" s="62"/>
      <c r="L952" s="62"/>
      <c r="M952" s="62"/>
      <c r="N952" s="62"/>
      <c r="O952" s="62"/>
      <c r="P952" s="62"/>
      <c r="Q952" s="62"/>
      <c r="R952" s="62"/>
      <c r="S952" s="62"/>
      <c r="T952" s="62"/>
      <c r="U952" s="62"/>
      <c r="V952" s="62"/>
      <c r="W952" s="62"/>
      <c r="X952" s="62"/>
      <c r="Y952" s="62"/>
      <c r="Z952" s="62"/>
      <c r="AA952" s="62"/>
      <c r="AB952" s="62"/>
      <c r="AC952" s="62"/>
      <c r="AD952" s="62"/>
      <c r="AE952" s="62"/>
      <c r="AF952" s="62"/>
      <c r="AG952" s="62"/>
      <c r="AH952" s="62"/>
      <c r="AI952" s="62"/>
      <c r="AJ952" s="62"/>
      <c r="AK952" s="62"/>
      <c r="AL952" s="62"/>
      <c r="AM952" s="62"/>
      <c r="AN952" s="62"/>
      <c r="AO952" s="62"/>
      <c r="AP952" s="62"/>
      <c r="AQ952" s="62"/>
    </row>
    <row r="953" spans="6:43">
      <c r="F953" s="130"/>
      <c r="G953" s="141"/>
      <c r="H953" s="141"/>
      <c r="I953" s="141"/>
      <c r="J953" s="141"/>
      <c r="K953" s="141"/>
      <c r="L953" s="141"/>
      <c r="M953" s="141"/>
      <c r="N953" s="141"/>
      <c r="O953" s="131"/>
      <c r="P953" s="130"/>
      <c r="Q953" s="141"/>
      <c r="R953" s="141"/>
      <c r="S953" s="141"/>
      <c r="T953" s="141"/>
      <c r="U953" s="141"/>
      <c r="V953" s="130"/>
      <c r="W953" s="141"/>
      <c r="X953" s="141"/>
      <c r="Y953" s="141"/>
      <c r="Z953" s="141"/>
      <c r="AA953" s="130"/>
      <c r="AB953" s="141"/>
      <c r="AC953" s="141"/>
      <c r="AD953" s="141"/>
      <c r="AE953" s="141"/>
      <c r="AF953" s="141"/>
      <c r="AG953" s="130"/>
      <c r="AH953" s="141"/>
      <c r="AI953" s="141"/>
      <c r="AJ953" s="141"/>
      <c r="AK953" s="141"/>
      <c r="AL953" s="130"/>
      <c r="AM953" s="141"/>
      <c r="AN953" s="141"/>
      <c r="AO953" s="144"/>
      <c r="AP953" s="137"/>
      <c r="AQ953" s="137"/>
    </row>
    <row r="954" spans="6:43">
      <c r="F954" s="141"/>
      <c r="G954" s="141"/>
      <c r="H954" s="141"/>
      <c r="I954" s="141"/>
      <c r="J954" s="141"/>
      <c r="K954" s="141"/>
      <c r="L954" s="141"/>
      <c r="M954" s="141"/>
      <c r="N954" s="141"/>
      <c r="O954" s="131"/>
      <c r="P954" s="141"/>
      <c r="Q954" s="141"/>
      <c r="R954" s="141"/>
      <c r="S954" s="141"/>
      <c r="T954" s="141"/>
      <c r="U954" s="141"/>
      <c r="V954" s="141"/>
      <c r="W954" s="141"/>
      <c r="X954" s="141"/>
      <c r="Y954" s="141"/>
      <c r="Z954" s="141"/>
      <c r="AA954" s="141"/>
      <c r="AB954" s="141"/>
      <c r="AC954" s="141"/>
      <c r="AD954" s="141"/>
      <c r="AE954" s="141"/>
      <c r="AF954" s="141"/>
      <c r="AG954" s="141"/>
      <c r="AH954" s="141"/>
      <c r="AI954" s="141"/>
      <c r="AJ954" s="141"/>
      <c r="AK954" s="141"/>
      <c r="AL954" s="141"/>
      <c r="AM954" s="141"/>
      <c r="AN954" s="141"/>
      <c r="AO954" s="144"/>
      <c r="AP954" s="137"/>
      <c r="AQ954" s="137"/>
    </row>
    <row r="955" spans="6:43">
      <c r="F955" s="141"/>
      <c r="G955" s="141"/>
      <c r="H955" s="141"/>
      <c r="I955" s="141"/>
      <c r="J955" s="141"/>
      <c r="K955" s="141"/>
      <c r="L955" s="141"/>
      <c r="M955" s="141"/>
      <c r="N955" s="141"/>
      <c r="O955" s="131"/>
      <c r="P955" s="141"/>
      <c r="Q955" s="141"/>
      <c r="R955" s="141"/>
      <c r="S955" s="141"/>
      <c r="T955" s="141"/>
      <c r="U955" s="141"/>
      <c r="V955" s="141"/>
      <c r="W955" s="141"/>
      <c r="X955" s="141"/>
      <c r="Y955" s="141"/>
      <c r="Z955" s="141"/>
      <c r="AA955" s="141"/>
      <c r="AB955" s="141"/>
      <c r="AC955" s="141"/>
      <c r="AD955" s="141"/>
      <c r="AE955" s="141"/>
      <c r="AF955" s="141"/>
      <c r="AG955" s="141"/>
      <c r="AH955" s="141"/>
      <c r="AI955" s="141"/>
      <c r="AJ955" s="141"/>
      <c r="AK955" s="141"/>
      <c r="AL955" s="141"/>
      <c r="AM955" s="141"/>
      <c r="AN955" s="141"/>
      <c r="AO955" s="144"/>
      <c r="AP955" s="137"/>
      <c r="AQ955" s="137"/>
    </row>
    <row r="956" spans="6:43">
      <c r="F956" s="62"/>
      <c r="G956" s="62"/>
      <c r="H956" s="62"/>
      <c r="I956" s="62"/>
      <c r="J956" s="62"/>
      <c r="K956" s="62"/>
      <c r="L956" s="62"/>
      <c r="M956" s="62"/>
      <c r="N956" s="62"/>
      <c r="O956" s="62"/>
      <c r="P956" s="62"/>
      <c r="Q956" s="62"/>
      <c r="R956" s="62"/>
      <c r="S956" s="62"/>
      <c r="T956" s="62"/>
      <c r="U956" s="62"/>
      <c r="V956" s="62"/>
      <c r="W956" s="62"/>
      <c r="X956" s="62"/>
      <c r="Y956" s="62"/>
      <c r="Z956" s="62"/>
      <c r="AA956" s="62"/>
      <c r="AB956" s="62"/>
      <c r="AC956" s="62"/>
      <c r="AD956" s="62"/>
      <c r="AE956" s="62"/>
      <c r="AF956" s="62"/>
      <c r="AG956" s="62"/>
      <c r="AH956" s="62"/>
      <c r="AI956" s="62"/>
      <c r="AJ956" s="62"/>
      <c r="AK956" s="62"/>
      <c r="AL956" s="62"/>
      <c r="AM956" s="62"/>
      <c r="AN956" s="62"/>
      <c r="AO956" s="62"/>
      <c r="AP956" s="62"/>
      <c r="AQ956" s="62"/>
    </row>
    <row r="957" spans="6:43">
      <c r="F957" s="130"/>
      <c r="G957" s="130"/>
      <c r="H957" s="130"/>
      <c r="I957" s="130"/>
      <c r="J957" s="130"/>
      <c r="K957" s="130"/>
      <c r="L957" s="130"/>
      <c r="M957" s="130"/>
      <c r="N957" s="130"/>
      <c r="O957" s="131"/>
      <c r="P957" s="130"/>
      <c r="Q957" s="130"/>
      <c r="R957" s="130"/>
      <c r="S957" s="130"/>
      <c r="T957" s="130"/>
      <c r="U957" s="130"/>
      <c r="V957" s="130"/>
      <c r="W957" s="130"/>
      <c r="X957" s="130"/>
      <c r="Y957" s="130"/>
      <c r="Z957" s="130"/>
      <c r="AA957" s="130"/>
      <c r="AB957" s="130"/>
      <c r="AC957" s="130"/>
      <c r="AD957" s="130"/>
      <c r="AE957" s="130"/>
      <c r="AF957" s="130"/>
      <c r="AG957" s="130"/>
      <c r="AH957" s="130"/>
      <c r="AI957" s="130"/>
      <c r="AJ957" s="130"/>
      <c r="AK957" s="130"/>
      <c r="AL957" s="130"/>
      <c r="AM957" s="130"/>
      <c r="AN957" s="130"/>
      <c r="AO957" s="134"/>
      <c r="AP957" s="114"/>
      <c r="AQ957" s="114"/>
    </row>
    <row r="958" spans="6:43">
      <c r="F958" s="130"/>
      <c r="G958" s="130"/>
      <c r="H958" s="130"/>
      <c r="I958" s="130"/>
      <c r="J958" s="130"/>
      <c r="K958" s="130"/>
      <c r="L958" s="130"/>
      <c r="M958" s="130"/>
      <c r="N958" s="130"/>
      <c r="O958" s="131"/>
      <c r="P958" s="130"/>
      <c r="Q958" s="130"/>
      <c r="R958" s="130"/>
      <c r="S958" s="130"/>
      <c r="T958" s="130"/>
      <c r="U958" s="130"/>
      <c r="V958" s="130"/>
      <c r="W958" s="130"/>
      <c r="X958" s="130"/>
      <c r="Y958" s="130"/>
      <c r="Z958" s="130"/>
      <c r="AA958" s="130"/>
      <c r="AB958" s="130"/>
      <c r="AC958" s="130"/>
      <c r="AD958" s="130"/>
      <c r="AE958" s="130"/>
      <c r="AF958" s="130"/>
      <c r="AG958" s="130"/>
      <c r="AH958" s="130"/>
      <c r="AI958" s="130"/>
      <c r="AJ958" s="130"/>
      <c r="AK958" s="130"/>
      <c r="AL958" s="130"/>
      <c r="AM958" s="130"/>
      <c r="AN958" s="130"/>
      <c r="AO958" s="134"/>
      <c r="AP958" s="114"/>
      <c r="AQ958" s="114"/>
    </row>
    <row r="959" spans="6:43">
      <c r="F959" s="62"/>
      <c r="G959" s="62"/>
      <c r="H959" s="62"/>
      <c r="I959" s="62"/>
      <c r="J959" s="62"/>
      <c r="K959" s="62"/>
      <c r="L959" s="62"/>
      <c r="M959" s="62"/>
      <c r="N959" s="62"/>
      <c r="O959" s="62"/>
      <c r="P959" s="62"/>
      <c r="Q959" s="62"/>
      <c r="R959" s="62"/>
      <c r="S959" s="62"/>
      <c r="T959" s="62"/>
      <c r="U959" s="62"/>
      <c r="V959" s="62"/>
      <c r="W959" s="62"/>
      <c r="X959" s="62"/>
      <c r="Y959" s="62"/>
      <c r="Z959" s="62"/>
      <c r="AA959" s="62"/>
      <c r="AB959" s="62"/>
      <c r="AC959" s="62"/>
      <c r="AD959" s="62"/>
      <c r="AE959" s="62"/>
      <c r="AF959" s="62"/>
      <c r="AG959" s="62"/>
      <c r="AH959" s="62"/>
      <c r="AI959" s="62"/>
      <c r="AJ959" s="62"/>
      <c r="AK959" s="62"/>
      <c r="AL959" s="62"/>
      <c r="AM959" s="62"/>
      <c r="AN959" s="62"/>
      <c r="AO959" s="62"/>
      <c r="AP959" s="62"/>
      <c r="AQ959" s="62"/>
    </row>
    <row r="960" spans="6:43">
      <c r="F960" s="130"/>
      <c r="G960" s="130"/>
      <c r="H960" s="130"/>
      <c r="I960" s="130"/>
      <c r="J960" s="130"/>
      <c r="K960" s="130"/>
      <c r="L960" s="130"/>
      <c r="M960" s="130"/>
      <c r="N960" s="130"/>
      <c r="O960" s="131"/>
      <c r="P960" s="130"/>
      <c r="Q960" s="130"/>
      <c r="R960" s="130"/>
      <c r="S960" s="130"/>
      <c r="T960" s="130"/>
      <c r="U960" s="130"/>
      <c r="V960" s="130"/>
      <c r="W960" s="130"/>
      <c r="X960" s="130"/>
      <c r="Y960" s="130"/>
      <c r="Z960" s="130"/>
      <c r="AA960" s="130"/>
      <c r="AB960" s="130"/>
      <c r="AC960" s="130"/>
      <c r="AD960" s="130"/>
      <c r="AE960" s="130"/>
      <c r="AF960" s="130"/>
      <c r="AG960" s="130"/>
      <c r="AH960" s="130"/>
      <c r="AI960" s="130"/>
      <c r="AJ960" s="130"/>
      <c r="AK960" s="130"/>
      <c r="AL960" s="130"/>
      <c r="AM960" s="130"/>
      <c r="AN960" s="130"/>
      <c r="AO960" s="134"/>
      <c r="AP960" s="114"/>
      <c r="AQ960" s="114"/>
    </row>
    <row r="961" spans="6:43">
      <c r="F961" s="141"/>
      <c r="G961" s="141"/>
      <c r="H961" s="141"/>
      <c r="I961" s="141"/>
      <c r="J961" s="141"/>
      <c r="K961" s="141"/>
      <c r="L961" s="141"/>
      <c r="M961" s="141"/>
      <c r="N961" s="141"/>
      <c r="O961" s="131"/>
      <c r="P961" s="141"/>
      <c r="Q961" s="141"/>
      <c r="R961" s="141"/>
      <c r="S961" s="141"/>
      <c r="T961" s="141"/>
      <c r="U961" s="141"/>
      <c r="V961" s="141"/>
      <c r="W961" s="141"/>
      <c r="X961" s="141"/>
      <c r="Y961" s="141"/>
      <c r="Z961" s="141"/>
      <c r="AA961" s="141"/>
      <c r="AB961" s="141"/>
      <c r="AC961" s="141"/>
      <c r="AD961" s="141"/>
      <c r="AE961" s="141"/>
      <c r="AF961" s="141"/>
      <c r="AG961" s="141"/>
      <c r="AH961" s="141"/>
      <c r="AI961" s="141"/>
      <c r="AJ961" s="141"/>
      <c r="AK961" s="141"/>
      <c r="AL961" s="141"/>
      <c r="AM961" s="141"/>
      <c r="AN961" s="141"/>
      <c r="AO961" s="144"/>
      <c r="AP961" s="137"/>
      <c r="AQ961" s="137"/>
    </row>
    <row r="962" spans="6:43">
      <c r="F962" s="141"/>
      <c r="G962" s="141"/>
      <c r="H962" s="141"/>
      <c r="I962" s="141"/>
      <c r="J962" s="141"/>
      <c r="K962" s="141"/>
      <c r="L962" s="141"/>
      <c r="M962" s="141"/>
      <c r="N962" s="141"/>
      <c r="O962" s="131"/>
      <c r="P962" s="141"/>
      <c r="Q962" s="141"/>
      <c r="R962" s="141"/>
      <c r="S962" s="141"/>
      <c r="T962" s="141"/>
      <c r="U962" s="141"/>
      <c r="V962" s="141"/>
      <c r="W962" s="141"/>
      <c r="X962" s="141"/>
      <c r="Y962" s="141"/>
      <c r="Z962" s="141"/>
      <c r="AA962" s="141"/>
      <c r="AB962" s="141"/>
      <c r="AC962" s="141"/>
      <c r="AD962" s="141"/>
      <c r="AE962" s="141"/>
      <c r="AF962" s="141"/>
      <c r="AG962" s="141"/>
      <c r="AH962" s="141"/>
      <c r="AI962" s="141"/>
      <c r="AJ962" s="141"/>
      <c r="AK962" s="141"/>
      <c r="AL962" s="141"/>
      <c r="AM962" s="141"/>
      <c r="AN962" s="141"/>
      <c r="AO962" s="144"/>
      <c r="AP962" s="137"/>
      <c r="AQ962" s="137"/>
    </row>
    <row r="963" spans="6:43">
      <c r="F963" s="141"/>
      <c r="G963" s="141"/>
      <c r="H963" s="141"/>
      <c r="I963" s="141"/>
      <c r="J963" s="141"/>
      <c r="K963" s="141"/>
      <c r="L963" s="141"/>
      <c r="M963" s="141"/>
      <c r="N963" s="141"/>
      <c r="O963" s="131"/>
      <c r="P963" s="141"/>
      <c r="Q963" s="141"/>
      <c r="R963" s="141"/>
      <c r="S963" s="141"/>
      <c r="T963" s="141"/>
      <c r="U963" s="141"/>
      <c r="V963" s="141"/>
      <c r="W963" s="141"/>
      <c r="X963" s="141"/>
      <c r="Y963" s="141"/>
      <c r="Z963" s="141"/>
      <c r="AA963" s="141"/>
      <c r="AB963" s="141"/>
      <c r="AC963" s="141"/>
      <c r="AD963" s="141"/>
      <c r="AE963" s="141"/>
      <c r="AF963" s="141"/>
      <c r="AG963" s="141"/>
      <c r="AH963" s="141"/>
      <c r="AI963" s="141"/>
      <c r="AJ963" s="141"/>
      <c r="AK963" s="141"/>
      <c r="AL963" s="141"/>
      <c r="AM963" s="141"/>
      <c r="AN963" s="141"/>
      <c r="AO963" s="144"/>
      <c r="AP963" s="137"/>
      <c r="AQ963" s="137"/>
    </row>
    <row r="964" spans="6:43">
      <c r="F964" s="130"/>
      <c r="G964" s="130"/>
      <c r="H964" s="130"/>
      <c r="I964" s="130"/>
      <c r="J964" s="130"/>
      <c r="K964" s="130"/>
      <c r="L964" s="130"/>
      <c r="M964" s="130"/>
      <c r="N964" s="130"/>
      <c r="O964" s="131"/>
      <c r="P964" s="130"/>
      <c r="Q964" s="130"/>
      <c r="R964" s="130"/>
      <c r="S964" s="130"/>
      <c r="T964" s="130"/>
      <c r="U964" s="130"/>
      <c r="V964" s="130"/>
      <c r="W964" s="130"/>
      <c r="X964" s="130"/>
      <c r="Y964" s="130"/>
      <c r="Z964" s="130"/>
      <c r="AA964" s="130"/>
      <c r="AB964" s="130"/>
      <c r="AC964" s="130"/>
      <c r="AD964" s="130"/>
      <c r="AE964" s="130"/>
      <c r="AF964" s="130"/>
      <c r="AG964" s="130"/>
      <c r="AH964" s="130"/>
      <c r="AI964" s="130"/>
      <c r="AJ964" s="130"/>
      <c r="AK964" s="130"/>
      <c r="AL964" s="130"/>
      <c r="AM964" s="130"/>
      <c r="AN964" s="130"/>
      <c r="AO964" s="134"/>
      <c r="AP964" s="114"/>
      <c r="AQ964" s="114"/>
    </row>
    <row r="965" spans="6:43">
      <c r="F965" s="130"/>
      <c r="G965" s="130"/>
      <c r="H965" s="130"/>
      <c r="I965" s="130"/>
      <c r="J965" s="130"/>
      <c r="K965" s="130"/>
      <c r="L965" s="130"/>
      <c r="M965" s="130"/>
      <c r="N965" s="130"/>
      <c r="O965" s="131"/>
      <c r="P965" s="130"/>
      <c r="Q965" s="130"/>
      <c r="R965" s="130"/>
      <c r="S965" s="130"/>
      <c r="T965" s="130"/>
      <c r="U965" s="130"/>
      <c r="V965" s="130"/>
      <c r="W965" s="130"/>
      <c r="X965" s="130"/>
      <c r="Y965" s="130"/>
      <c r="Z965" s="130"/>
      <c r="AA965" s="130"/>
      <c r="AB965" s="130"/>
      <c r="AC965" s="130"/>
      <c r="AD965" s="130"/>
      <c r="AE965" s="130"/>
      <c r="AF965" s="130"/>
      <c r="AG965" s="130"/>
      <c r="AH965" s="130"/>
      <c r="AI965" s="130"/>
      <c r="AJ965" s="130"/>
      <c r="AK965" s="130"/>
      <c r="AL965" s="130"/>
      <c r="AM965" s="130"/>
      <c r="AN965" s="130"/>
      <c r="AO965" s="134"/>
      <c r="AP965" s="114"/>
      <c r="AQ965" s="114"/>
    </row>
    <row r="966" spans="6:43">
      <c r="F966" s="130"/>
      <c r="G966" s="130"/>
      <c r="H966" s="130"/>
      <c r="I966" s="130"/>
      <c r="J966" s="130"/>
      <c r="K966" s="130"/>
      <c r="L966" s="130"/>
      <c r="M966" s="130"/>
      <c r="N966" s="130"/>
      <c r="O966" s="131"/>
      <c r="P966" s="130"/>
      <c r="Q966" s="130"/>
      <c r="R966" s="130"/>
      <c r="S966" s="130"/>
      <c r="T966" s="130"/>
      <c r="U966" s="130"/>
      <c r="V966" s="130"/>
      <c r="W966" s="130"/>
      <c r="X966" s="130"/>
      <c r="Y966" s="130"/>
      <c r="Z966" s="130"/>
      <c r="AA966" s="130"/>
      <c r="AB966" s="130"/>
      <c r="AC966" s="130"/>
      <c r="AD966" s="130"/>
      <c r="AE966" s="130"/>
      <c r="AF966" s="130"/>
      <c r="AG966" s="130"/>
      <c r="AH966" s="130"/>
      <c r="AI966" s="130"/>
      <c r="AJ966" s="130"/>
      <c r="AK966" s="130"/>
      <c r="AL966" s="130"/>
      <c r="AM966" s="130"/>
      <c r="AN966" s="130"/>
      <c r="AO966" s="134"/>
      <c r="AP966" s="114"/>
      <c r="AQ966" s="114"/>
    </row>
    <row r="967" spans="6:43">
      <c r="F967" s="62"/>
      <c r="G967" s="62"/>
      <c r="H967" s="62"/>
      <c r="I967" s="62"/>
      <c r="J967" s="62"/>
      <c r="K967" s="62"/>
      <c r="L967" s="62"/>
      <c r="M967" s="62"/>
      <c r="N967" s="62"/>
      <c r="O967" s="62"/>
      <c r="P967" s="62"/>
      <c r="Q967" s="62"/>
      <c r="R967" s="62"/>
      <c r="S967" s="62"/>
      <c r="T967" s="62"/>
      <c r="U967" s="62"/>
      <c r="V967" s="62"/>
      <c r="W967" s="62"/>
      <c r="X967" s="62"/>
      <c r="Y967" s="62"/>
      <c r="Z967" s="62"/>
      <c r="AA967" s="62"/>
      <c r="AB967" s="62"/>
      <c r="AC967" s="62"/>
      <c r="AD967" s="62"/>
      <c r="AE967" s="62"/>
      <c r="AF967" s="62"/>
      <c r="AG967" s="62"/>
      <c r="AH967" s="62"/>
      <c r="AI967" s="62"/>
      <c r="AJ967" s="62"/>
      <c r="AK967" s="62"/>
      <c r="AL967" s="62"/>
      <c r="AM967" s="62"/>
      <c r="AN967" s="62"/>
      <c r="AO967" s="62"/>
      <c r="AP967" s="62"/>
      <c r="AQ967" s="62"/>
    </row>
    <row r="968" spans="6:43">
      <c r="F968" s="62"/>
      <c r="G968" s="62"/>
      <c r="H968" s="62"/>
      <c r="I968" s="62"/>
      <c r="J968" s="62"/>
      <c r="K968" s="62"/>
      <c r="L968" s="62"/>
      <c r="M968" s="62"/>
      <c r="N968" s="62"/>
      <c r="O968" s="62"/>
      <c r="P968" s="62"/>
      <c r="Q968" s="62"/>
      <c r="R968" s="62"/>
      <c r="S968" s="62"/>
      <c r="T968" s="62"/>
      <c r="U968" s="62"/>
      <c r="V968" s="62"/>
      <c r="W968" s="62"/>
      <c r="X968" s="62"/>
      <c r="Y968" s="62"/>
      <c r="Z968" s="62"/>
      <c r="AA968" s="62"/>
      <c r="AB968" s="62"/>
      <c r="AC968" s="62"/>
      <c r="AD968" s="62"/>
      <c r="AE968" s="62"/>
      <c r="AF968" s="62"/>
      <c r="AG968" s="62"/>
      <c r="AH968" s="62"/>
      <c r="AI968" s="62"/>
      <c r="AJ968" s="62"/>
      <c r="AK968" s="62"/>
      <c r="AL968" s="62"/>
      <c r="AM968" s="62"/>
      <c r="AN968" s="62"/>
      <c r="AO968" s="62"/>
      <c r="AP968" s="62"/>
      <c r="AQ968" s="62"/>
    </row>
    <row r="969" spans="6:43">
      <c r="F969" s="130"/>
      <c r="G969" s="130"/>
      <c r="H969" s="130"/>
      <c r="I969" s="130"/>
      <c r="J969" s="130"/>
      <c r="K969" s="130"/>
      <c r="L969" s="130"/>
      <c r="M969" s="130"/>
      <c r="N969" s="130"/>
      <c r="O969" s="131"/>
      <c r="P969" s="130"/>
      <c r="Q969" s="130"/>
      <c r="R969" s="130"/>
      <c r="S969" s="130"/>
      <c r="T969" s="130"/>
      <c r="U969" s="130"/>
      <c r="V969" s="130"/>
      <c r="W969" s="130"/>
      <c r="X969" s="130"/>
      <c r="Y969" s="130"/>
      <c r="Z969" s="130"/>
      <c r="AA969" s="130"/>
      <c r="AB969" s="130"/>
      <c r="AC969" s="130"/>
      <c r="AD969" s="130"/>
      <c r="AE969" s="130"/>
      <c r="AF969" s="130"/>
      <c r="AG969" s="130"/>
      <c r="AH969" s="130"/>
      <c r="AI969" s="130"/>
      <c r="AJ969" s="130"/>
      <c r="AK969" s="130"/>
      <c r="AL969" s="130"/>
      <c r="AM969" s="130"/>
      <c r="AN969" s="130"/>
      <c r="AO969" s="134"/>
      <c r="AP969" s="114"/>
      <c r="AQ969" s="114"/>
    </row>
    <row r="970" spans="6:43">
      <c r="F970" s="130"/>
      <c r="G970" s="130"/>
      <c r="H970" s="130"/>
      <c r="I970" s="130"/>
      <c r="J970" s="130"/>
      <c r="K970" s="130"/>
      <c r="L970" s="130"/>
      <c r="M970" s="130"/>
      <c r="N970" s="130"/>
      <c r="O970" s="131"/>
      <c r="P970" s="130"/>
      <c r="Q970" s="130"/>
      <c r="R970" s="130"/>
      <c r="S970" s="130"/>
      <c r="T970" s="130"/>
      <c r="U970" s="130"/>
      <c r="V970" s="130"/>
      <c r="W970" s="130"/>
      <c r="X970" s="130"/>
      <c r="Y970" s="130"/>
      <c r="Z970" s="130"/>
      <c r="AA970" s="130"/>
      <c r="AB970" s="130"/>
      <c r="AC970" s="130"/>
      <c r="AD970" s="130"/>
      <c r="AE970" s="130"/>
      <c r="AF970" s="130"/>
      <c r="AG970" s="130"/>
      <c r="AH970" s="130"/>
      <c r="AI970" s="130"/>
      <c r="AJ970" s="130"/>
      <c r="AK970" s="130"/>
      <c r="AL970" s="130"/>
      <c r="AM970" s="130"/>
      <c r="AN970" s="130"/>
      <c r="AO970" s="134"/>
      <c r="AP970" s="114"/>
      <c r="AQ970" s="114"/>
    </row>
    <row r="971" spans="6:43">
      <c r="F971" s="62"/>
      <c r="G971" s="62"/>
      <c r="H971" s="62"/>
      <c r="I971" s="62"/>
      <c r="J971" s="62"/>
      <c r="K971" s="62"/>
      <c r="L971" s="62"/>
      <c r="M971" s="62"/>
      <c r="N971" s="62"/>
      <c r="O971" s="62"/>
      <c r="P971" s="62"/>
      <c r="Q971" s="62"/>
      <c r="R971" s="62"/>
      <c r="S971" s="62"/>
      <c r="T971" s="62"/>
      <c r="U971" s="62"/>
      <c r="V971" s="62"/>
      <c r="W971" s="62"/>
      <c r="X971" s="62"/>
      <c r="Y971" s="62"/>
      <c r="Z971" s="62"/>
      <c r="AA971" s="62"/>
      <c r="AB971" s="62"/>
      <c r="AC971" s="62"/>
      <c r="AD971" s="62"/>
      <c r="AE971" s="62"/>
      <c r="AF971" s="62"/>
      <c r="AG971" s="62"/>
      <c r="AH971" s="62"/>
      <c r="AI971" s="62"/>
      <c r="AJ971" s="62"/>
      <c r="AK971" s="62"/>
      <c r="AL971" s="62"/>
      <c r="AM971" s="62"/>
      <c r="AN971" s="62"/>
      <c r="AO971" s="62"/>
      <c r="AP971" s="62"/>
      <c r="AQ971" s="62"/>
    </row>
    <row r="972" spans="6:43">
      <c r="F972" s="62"/>
      <c r="G972" s="62"/>
      <c r="H972" s="62"/>
      <c r="I972" s="62"/>
      <c r="J972" s="62"/>
      <c r="K972" s="62"/>
      <c r="L972" s="62"/>
      <c r="M972" s="62"/>
      <c r="N972" s="62"/>
      <c r="O972" s="62"/>
      <c r="P972" s="62"/>
      <c r="Q972" s="62"/>
      <c r="R972" s="62"/>
      <c r="S972" s="62"/>
      <c r="T972" s="62"/>
      <c r="U972" s="62"/>
      <c r="V972" s="62"/>
      <c r="W972" s="62"/>
      <c r="X972" s="62"/>
      <c r="Y972" s="62"/>
      <c r="Z972" s="62"/>
      <c r="AA972" s="62"/>
      <c r="AB972" s="62"/>
      <c r="AC972" s="62"/>
      <c r="AD972" s="62"/>
      <c r="AE972" s="62"/>
      <c r="AF972" s="62"/>
      <c r="AG972" s="62"/>
      <c r="AH972" s="62"/>
      <c r="AI972" s="62"/>
      <c r="AJ972" s="62"/>
      <c r="AK972" s="62"/>
      <c r="AL972" s="62"/>
      <c r="AM972" s="62"/>
      <c r="AN972" s="62"/>
      <c r="AO972" s="62"/>
      <c r="AP972" s="62"/>
      <c r="AQ972" s="62"/>
    </row>
    <row r="973" spans="6:43">
      <c r="F973" s="62"/>
      <c r="G973" s="62"/>
      <c r="H973" s="62"/>
      <c r="I973" s="62"/>
      <c r="J973" s="62"/>
      <c r="K973" s="62"/>
      <c r="L973" s="62"/>
      <c r="M973" s="62"/>
      <c r="N973" s="62"/>
      <c r="O973" s="62"/>
      <c r="P973" s="62"/>
      <c r="Q973" s="62"/>
      <c r="R973" s="62"/>
      <c r="S973" s="62"/>
      <c r="T973" s="62"/>
      <c r="U973" s="62"/>
      <c r="V973" s="62"/>
      <c r="W973" s="62"/>
      <c r="X973" s="62"/>
      <c r="Y973" s="62"/>
      <c r="Z973" s="62"/>
      <c r="AA973" s="62"/>
      <c r="AB973" s="62"/>
      <c r="AC973" s="62"/>
      <c r="AD973" s="62"/>
      <c r="AE973" s="62"/>
      <c r="AF973" s="62"/>
      <c r="AG973" s="62"/>
      <c r="AH973" s="62"/>
      <c r="AI973" s="62"/>
      <c r="AJ973" s="62"/>
      <c r="AK973" s="62"/>
      <c r="AL973" s="62"/>
      <c r="AM973" s="62"/>
      <c r="AN973" s="62"/>
      <c r="AO973" s="62"/>
      <c r="AP973" s="62"/>
      <c r="AQ973" s="62"/>
    </row>
    <row r="974" spans="6:43">
      <c r="F974" s="62"/>
      <c r="G974" s="62"/>
      <c r="H974" s="62"/>
      <c r="I974" s="62"/>
      <c r="J974" s="62"/>
      <c r="K974" s="62"/>
      <c r="L974" s="62"/>
      <c r="M974" s="62"/>
      <c r="N974" s="62"/>
      <c r="O974" s="62"/>
      <c r="P974" s="62"/>
      <c r="Q974" s="62"/>
      <c r="R974" s="62"/>
      <c r="S974" s="62"/>
      <c r="T974" s="62"/>
      <c r="U974" s="62"/>
      <c r="V974" s="62"/>
      <c r="W974" s="62"/>
      <c r="X974" s="62"/>
      <c r="Y974" s="62"/>
      <c r="Z974" s="62"/>
      <c r="AA974" s="62"/>
      <c r="AB974" s="62"/>
      <c r="AC974" s="62"/>
      <c r="AD974" s="62"/>
      <c r="AE974" s="62"/>
      <c r="AF974" s="62"/>
      <c r="AG974" s="62"/>
      <c r="AH974" s="62"/>
      <c r="AI974" s="62"/>
      <c r="AJ974" s="62"/>
      <c r="AK974" s="62"/>
      <c r="AL974" s="62"/>
      <c r="AM974" s="62"/>
      <c r="AN974" s="62"/>
      <c r="AO974" s="62"/>
      <c r="AP974" s="62"/>
      <c r="AQ974" s="62"/>
    </row>
    <row r="975" spans="6:43">
      <c r="F975" s="62"/>
      <c r="G975" s="62"/>
      <c r="H975" s="62"/>
      <c r="I975" s="62"/>
      <c r="J975" s="62"/>
      <c r="K975" s="62"/>
      <c r="L975" s="62"/>
      <c r="M975" s="62"/>
      <c r="N975" s="62"/>
      <c r="O975" s="62"/>
      <c r="P975" s="62"/>
      <c r="Q975" s="62"/>
      <c r="R975" s="62"/>
      <c r="S975" s="62"/>
      <c r="T975" s="62"/>
      <c r="U975" s="62"/>
      <c r="V975" s="62"/>
      <c r="W975" s="62"/>
      <c r="X975" s="62"/>
      <c r="Y975" s="62"/>
      <c r="Z975" s="62"/>
      <c r="AA975" s="62"/>
      <c r="AB975" s="62"/>
      <c r="AC975" s="62"/>
      <c r="AD975" s="62"/>
      <c r="AE975" s="62"/>
      <c r="AF975" s="62"/>
      <c r="AG975" s="62"/>
      <c r="AH975" s="62"/>
      <c r="AI975" s="62"/>
      <c r="AJ975" s="62"/>
      <c r="AK975" s="62"/>
      <c r="AL975" s="62"/>
      <c r="AM975" s="62"/>
      <c r="AN975" s="62"/>
      <c r="AO975" s="62"/>
      <c r="AP975" s="62"/>
      <c r="AQ975" s="62"/>
    </row>
    <row r="976" spans="6:43">
      <c r="F976" s="62"/>
      <c r="G976" s="62"/>
      <c r="H976" s="62"/>
      <c r="I976" s="62"/>
      <c r="J976" s="62"/>
      <c r="K976" s="62"/>
      <c r="L976" s="62"/>
      <c r="M976" s="62"/>
      <c r="N976" s="62"/>
      <c r="O976" s="62"/>
      <c r="P976" s="62"/>
      <c r="Q976" s="62"/>
      <c r="R976" s="62"/>
      <c r="S976" s="62"/>
      <c r="T976" s="62"/>
      <c r="U976" s="62"/>
      <c r="V976" s="62"/>
      <c r="W976" s="62"/>
      <c r="X976" s="62"/>
      <c r="Y976" s="62"/>
      <c r="Z976" s="62"/>
      <c r="AA976" s="62"/>
      <c r="AB976" s="62"/>
      <c r="AC976" s="62"/>
      <c r="AD976" s="62"/>
      <c r="AE976" s="62"/>
      <c r="AF976" s="62"/>
      <c r="AG976" s="62"/>
      <c r="AH976" s="62"/>
      <c r="AI976" s="62"/>
      <c r="AJ976" s="62"/>
      <c r="AK976" s="62"/>
      <c r="AL976" s="62"/>
      <c r="AM976" s="62"/>
      <c r="AN976" s="62"/>
      <c r="AO976" s="62"/>
      <c r="AP976" s="62"/>
      <c r="AQ976" s="62"/>
    </row>
    <row r="977" spans="6:43">
      <c r="F977" s="62"/>
      <c r="G977" s="62"/>
      <c r="H977" s="62"/>
      <c r="I977" s="62"/>
      <c r="J977" s="62"/>
      <c r="K977" s="62"/>
      <c r="L977" s="62"/>
      <c r="M977" s="62"/>
      <c r="N977" s="62"/>
      <c r="O977" s="62"/>
      <c r="P977" s="62"/>
      <c r="Q977" s="62"/>
      <c r="R977" s="62"/>
      <c r="S977" s="62"/>
      <c r="T977" s="62"/>
      <c r="U977" s="62"/>
      <c r="V977" s="62"/>
      <c r="W977" s="62"/>
      <c r="X977" s="62"/>
      <c r="Y977" s="62"/>
      <c r="Z977" s="62"/>
      <c r="AA977" s="62"/>
      <c r="AB977" s="62"/>
      <c r="AC977" s="62"/>
      <c r="AD977" s="62"/>
      <c r="AE977" s="62"/>
      <c r="AF977" s="62"/>
      <c r="AG977" s="62"/>
      <c r="AH977" s="62"/>
      <c r="AI977" s="62"/>
      <c r="AJ977" s="62"/>
      <c r="AK977" s="62"/>
      <c r="AL977" s="62"/>
      <c r="AM977" s="62"/>
      <c r="AN977" s="62"/>
      <c r="AO977" s="62"/>
      <c r="AP977" s="62"/>
      <c r="AQ977" s="62"/>
    </row>
    <row r="978" spans="6:43">
      <c r="F978" s="130"/>
      <c r="G978" s="130"/>
      <c r="H978" s="130"/>
      <c r="I978" s="130"/>
      <c r="J978" s="130"/>
      <c r="K978" s="130"/>
      <c r="L978" s="130"/>
      <c r="M978" s="130"/>
      <c r="N978" s="130"/>
      <c r="O978" s="131"/>
      <c r="P978" s="130"/>
      <c r="Q978" s="130"/>
      <c r="R978" s="130"/>
      <c r="S978" s="130"/>
      <c r="T978" s="130"/>
      <c r="U978" s="130"/>
      <c r="V978" s="130"/>
      <c r="W978" s="130"/>
      <c r="X978" s="130"/>
      <c r="Y978" s="130"/>
      <c r="Z978" s="130"/>
      <c r="AA978" s="130"/>
      <c r="AB978" s="130"/>
      <c r="AC978" s="130"/>
      <c r="AD978" s="130"/>
      <c r="AE978" s="130"/>
      <c r="AF978" s="130"/>
      <c r="AG978" s="130"/>
      <c r="AH978" s="130"/>
      <c r="AI978" s="130"/>
      <c r="AJ978" s="130"/>
      <c r="AK978" s="130"/>
      <c r="AL978" s="130"/>
      <c r="AM978" s="130"/>
      <c r="AN978" s="130"/>
      <c r="AO978" s="134"/>
      <c r="AP978" s="114"/>
      <c r="AQ978" s="114"/>
    </row>
    <row r="979" spans="6:43">
      <c r="F979" s="62"/>
      <c r="G979" s="62"/>
      <c r="H979" s="62"/>
      <c r="I979" s="62"/>
      <c r="J979" s="62"/>
      <c r="K979" s="62"/>
      <c r="L979" s="62"/>
      <c r="M979" s="62"/>
      <c r="N979" s="62"/>
      <c r="O979" s="62"/>
      <c r="P979" s="62"/>
      <c r="Q979" s="62"/>
      <c r="R979" s="62"/>
      <c r="S979" s="62"/>
      <c r="T979" s="62"/>
      <c r="U979" s="62"/>
      <c r="V979" s="62"/>
      <c r="W979" s="62"/>
      <c r="X979" s="62"/>
      <c r="Y979" s="62"/>
      <c r="Z979" s="62"/>
      <c r="AA979" s="62"/>
      <c r="AB979" s="62"/>
      <c r="AC979" s="62"/>
      <c r="AD979" s="62"/>
      <c r="AE979" s="62"/>
      <c r="AF979" s="62"/>
      <c r="AG979" s="62"/>
      <c r="AH979" s="62"/>
      <c r="AI979" s="62"/>
      <c r="AJ979" s="62"/>
      <c r="AK979" s="62"/>
      <c r="AL979" s="62"/>
      <c r="AM979" s="62"/>
      <c r="AN979" s="62"/>
      <c r="AO979" s="62"/>
      <c r="AP979" s="62"/>
      <c r="AQ979" s="62"/>
    </row>
    <row r="980" spans="6:43">
      <c r="F980" s="62"/>
      <c r="G980" s="62"/>
      <c r="H980" s="62"/>
      <c r="I980" s="62"/>
      <c r="J980" s="62"/>
      <c r="K980" s="62"/>
      <c r="L980" s="62"/>
      <c r="M980" s="62"/>
      <c r="N980" s="62"/>
      <c r="O980" s="62"/>
      <c r="P980" s="62"/>
      <c r="Q980" s="62"/>
      <c r="R980" s="62"/>
      <c r="S980" s="62"/>
      <c r="T980" s="62"/>
      <c r="U980" s="62"/>
      <c r="V980" s="62"/>
      <c r="W980" s="62"/>
      <c r="X980" s="62"/>
      <c r="Y980" s="62"/>
      <c r="Z980" s="62"/>
      <c r="AA980" s="62"/>
      <c r="AB980" s="62"/>
      <c r="AC980" s="62"/>
      <c r="AD980" s="62"/>
      <c r="AE980" s="62"/>
      <c r="AF980" s="62"/>
      <c r="AG980" s="62"/>
      <c r="AH980" s="62"/>
      <c r="AI980" s="62"/>
      <c r="AJ980" s="62"/>
      <c r="AK980" s="62"/>
      <c r="AL980" s="62"/>
      <c r="AM980" s="62"/>
      <c r="AN980" s="62"/>
      <c r="AO980" s="62"/>
      <c r="AP980" s="62"/>
      <c r="AQ980" s="62"/>
    </row>
    <row r="981" spans="6:43">
      <c r="F981" s="130"/>
      <c r="G981" s="130"/>
      <c r="H981" s="130"/>
      <c r="I981" s="130"/>
      <c r="J981" s="130"/>
      <c r="K981" s="130"/>
      <c r="L981" s="130"/>
      <c r="M981" s="130"/>
      <c r="N981" s="130"/>
      <c r="O981" s="131"/>
      <c r="P981" s="130"/>
      <c r="Q981" s="130"/>
      <c r="R981" s="130"/>
      <c r="S981" s="130"/>
      <c r="T981" s="130"/>
      <c r="U981" s="130"/>
      <c r="V981" s="130"/>
      <c r="W981" s="130"/>
      <c r="X981" s="130"/>
      <c r="Y981" s="130"/>
      <c r="Z981" s="130"/>
      <c r="AA981" s="130"/>
      <c r="AB981" s="130"/>
      <c r="AC981" s="130"/>
      <c r="AD981" s="130"/>
      <c r="AE981" s="130"/>
      <c r="AF981" s="130"/>
      <c r="AG981" s="130"/>
      <c r="AH981" s="130"/>
      <c r="AI981" s="130"/>
      <c r="AJ981" s="130"/>
      <c r="AK981" s="130"/>
      <c r="AL981" s="130"/>
      <c r="AM981" s="130"/>
      <c r="AN981" s="130"/>
      <c r="AO981" s="134"/>
      <c r="AP981" s="114"/>
      <c r="AQ981" s="114"/>
    </row>
    <row r="982" spans="6:43">
      <c r="F982" s="130"/>
      <c r="G982" s="130"/>
      <c r="H982" s="130"/>
      <c r="I982" s="130"/>
      <c r="J982" s="130"/>
      <c r="K982" s="130"/>
      <c r="L982" s="130"/>
      <c r="M982" s="130"/>
      <c r="N982" s="130"/>
      <c r="O982" s="131"/>
      <c r="P982" s="130"/>
      <c r="Q982" s="130"/>
      <c r="R982" s="130"/>
      <c r="S982" s="130"/>
      <c r="T982" s="130"/>
      <c r="U982" s="130"/>
      <c r="V982" s="130"/>
      <c r="W982" s="130"/>
      <c r="X982" s="130"/>
      <c r="Y982" s="130"/>
      <c r="Z982" s="130"/>
      <c r="AA982" s="130"/>
      <c r="AB982" s="130"/>
      <c r="AC982" s="130"/>
      <c r="AD982" s="130"/>
      <c r="AE982" s="130"/>
      <c r="AF982" s="130"/>
      <c r="AG982" s="130"/>
      <c r="AH982" s="130"/>
      <c r="AI982" s="130"/>
      <c r="AJ982" s="130"/>
      <c r="AK982" s="130"/>
      <c r="AL982" s="130"/>
      <c r="AM982" s="130"/>
      <c r="AN982" s="130"/>
      <c r="AO982" s="134"/>
      <c r="AP982" s="114"/>
      <c r="AQ982" s="114"/>
    </row>
    <row r="983" spans="6:43">
      <c r="F983" s="62"/>
      <c r="G983" s="62"/>
      <c r="H983" s="62"/>
      <c r="I983" s="62"/>
      <c r="J983" s="62"/>
      <c r="K983" s="62"/>
      <c r="L983" s="62"/>
      <c r="M983" s="62"/>
      <c r="N983" s="62"/>
      <c r="O983" s="62"/>
      <c r="P983" s="62"/>
      <c r="Q983" s="62"/>
      <c r="R983" s="62"/>
      <c r="S983" s="62"/>
      <c r="T983" s="62"/>
      <c r="U983" s="62"/>
      <c r="V983" s="62"/>
      <c r="W983" s="62"/>
      <c r="X983" s="62"/>
      <c r="Y983" s="62"/>
      <c r="Z983" s="62"/>
      <c r="AA983" s="62"/>
      <c r="AB983" s="62"/>
      <c r="AC983" s="62"/>
      <c r="AD983" s="62"/>
      <c r="AE983" s="62"/>
      <c r="AF983" s="62"/>
      <c r="AG983" s="62"/>
      <c r="AH983" s="62"/>
      <c r="AI983" s="62"/>
      <c r="AJ983" s="62"/>
      <c r="AK983" s="62"/>
      <c r="AL983" s="62"/>
      <c r="AM983" s="62"/>
      <c r="AN983" s="62"/>
      <c r="AO983" s="62"/>
      <c r="AP983" s="62"/>
      <c r="AQ983" s="62"/>
    </row>
    <row r="984" spans="6:43">
      <c r="F984" s="130"/>
      <c r="G984" s="130"/>
      <c r="H984" s="130"/>
      <c r="I984" s="130"/>
      <c r="J984" s="130"/>
      <c r="K984" s="130"/>
      <c r="L984" s="130"/>
      <c r="M984" s="130"/>
      <c r="N984" s="130"/>
      <c r="O984" s="131"/>
      <c r="P984" s="130"/>
      <c r="Q984" s="130"/>
      <c r="R984" s="130"/>
      <c r="S984" s="130"/>
      <c r="T984" s="130"/>
      <c r="U984" s="130"/>
      <c r="V984" s="130"/>
      <c r="W984" s="130"/>
      <c r="X984" s="130"/>
      <c r="Y984" s="130"/>
      <c r="Z984" s="130"/>
      <c r="AA984" s="130"/>
      <c r="AB984" s="130"/>
      <c r="AC984" s="130"/>
      <c r="AD984" s="130"/>
      <c r="AE984" s="130"/>
      <c r="AF984" s="130"/>
      <c r="AG984" s="130"/>
      <c r="AH984" s="130"/>
      <c r="AI984" s="130"/>
      <c r="AJ984" s="130"/>
      <c r="AK984" s="130"/>
      <c r="AL984" s="130"/>
      <c r="AM984" s="130"/>
      <c r="AN984" s="130"/>
      <c r="AO984" s="134"/>
      <c r="AP984" s="114"/>
      <c r="AQ984" s="114"/>
    </row>
    <row r="985" spans="6:43">
      <c r="F985" s="62"/>
      <c r="G985" s="62"/>
      <c r="H985" s="62"/>
      <c r="I985" s="62"/>
      <c r="J985" s="62"/>
      <c r="K985" s="62"/>
      <c r="L985" s="62"/>
      <c r="M985" s="62"/>
      <c r="N985" s="62"/>
      <c r="O985" s="62"/>
      <c r="P985" s="62"/>
      <c r="Q985" s="62"/>
      <c r="R985" s="62"/>
      <c r="S985" s="62"/>
      <c r="T985" s="62"/>
      <c r="U985" s="62"/>
      <c r="V985" s="62"/>
      <c r="W985" s="62"/>
      <c r="X985" s="62"/>
      <c r="Y985" s="62"/>
      <c r="Z985" s="62"/>
      <c r="AA985" s="62"/>
      <c r="AB985" s="62"/>
      <c r="AC985" s="62"/>
      <c r="AD985" s="62"/>
      <c r="AE985" s="62"/>
      <c r="AF985" s="62"/>
      <c r="AG985" s="62"/>
      <c r="AH985" s="62"/>
      <c r="AI985" s="62"/>
      <c r="AJ985" s="62"/>
      <c r="AK985" s="62"/>
      <c r="AL985" s="62"/>
      <c r="AM985" s="62"/>
      <c r="AN985" s="62"/>
      <c r="AO985" s="62"/>
      <c r="AP985" s="62"/>
      <c r="AQ985" s="62"/>
    </row>
    <row r="986" spans="6:43">
      <c r="F986" s="130"/>
      <c r="G986" s="130"/>
      <c r="H986" s="130"/>
      <c r="I986" s="130"/>
      <c r="J986" s="130"/>
      <c r="K986" s="130"/>
      <c r="L986" s="130"/>
      <c r="M986" s="130"/>
      <c r="N986" s="130"/>
      <c r="O986" s="131"/>
      <c r="P986" s="130"/>
      <c r="Q986" s="130"/>
      <c r="R986" s="130"/>
      <c r="S986" s="130"/>
      <c r="T986" s="130"/>
      <c r="U986" s="130"/>
      <c r="V986" s="130"/>
      <c r="W986" s="130"/>
      <c r="X986" s="130"/>
      <c r="Y986" s="130"/>
      <c r="Z986" s="130"/>
      <c r="AA986" s="130"/>
      <c r="AB986" s="130"/>
      <c r="AC986" s="130"/>
      <c r="AD986" s="130"/>
      <c r="AE986" s="130"/>
      <c r="AF986" s="130"/>
      <c r="AG986" s="130"/>
      <c r="AH986" s="130"/>
      <c r="AI986" s="130"/>
      <c r="AJ986" s="130"/>
      <c r="AK986" s="130"/>
      <c r="AL986" s="130"/>
      <c r="AM986" s="130"/>
      <c r="AN986" s="130"/>
      <c r="AO986" s="134"/>
      <c r="AP986" s="114"/>
      <c r="AQ986" s="114"/>
    </row>
    <row r="987" spans="6:43">
      <c r="F987" s="62"/>
      <c r="G987" s="62"/>
      <c r="H987" s="62"/>
      <c r="I987" s="62"/>
      <c r="J987" s="62"/>
      <c r="K987" s="62"/>
      <c r="L987" s="62"/>
      <c r="M987" s="62"/>
      <c r="N987" s="62"/>
      <c r="O987" s="62"/>
      <c r="P987" s="62"/>
      <c r="Q987" s="62"/>
      <c r="R987" s="62"/>
      <c r="S987" s="62"/>
      <c r="T987" s="62"/>
      <c r="U987" s="62"/>
      <c r="V987" s="62"/>
      <c r="W987" s="62"/>
      <c r="X987" s="62"/>
      <c r="Y987" s="62"/>
      <c r="Z987" s="62"/>
      <c r="AA987" s="62"/>
      <c r="AB987" s="62"/>
      <c r="AC987" s="62"/>
      <c r="AD987" s="62"/>
      <c r="AE987" s="62"/>
      <c r="AF987" s="62"/>
      <c r="AG987" s="62"/>
      <c r="AH987" s="62"/>
      <c r="AI987" s="62"/>
      <c r="AJ987" s="62"/>
      <c r="AK987" s="62"/>
      <c r="AL987" s="62"/>
      <c r="AM987" s="62"/>
      <c r="AN987" s="62"/>
      <c r="AO987" s="62"/>
      <c r="AP987" s="62"/>
      <c r="AQ987" s="62"/>
    </row>
    <row r="988" spans="6:43">
      <c r="F988" s="62"/>
      <c r="G988" s="62"/>
      <c r="H988" s="62"/>
      <c r="I988" s="62"/>
      <c r="J988" s="62"/>
      <c r="K988" s="62"/>
      <c r="L988" s="62"/>
      <c r="M988" s="62"/>
      <c r="N988" s="62"/>
      <c r="O988" s="62"/>
      <c r="P988" s="62"/>
      <c r="Q988" s="62"/>
      <c r="R988" s="62"/>
      <c r="S988" s="62"/>
      <c r="T988" s="62"/>
      <c r="U988" s="62"/>
      <c r="V988" s="62"/>
      <c r="W988" s="62"/>
      <c r="X988" s="62"/>
      <c r="Y988" s="62"/>
      <c r="Z988" s="62"/>
      <c r="AA988" s="62"/>
      <c r="AB988" s="62"/>
      <c r="AC988" s="62"/>
      <c r="AD988" s="62"/>
      <c r="AE988" s="62"/>
      <c r="AF988" s="62"/>
      <c r="AG988" s="62"/>
      <c r="AH988" s="62"/>
      <c r="AI988" s="62"/>
      <c r="AJ988" s="62"/>
      <c r="AK988" s="62"/>
      <c r="AL988" s="62"/>
      <c r="AM988" s="62"/>
      <c r="AN988" s="62"/>
      <c r="AO988" s="62"/>
      <c r="AP988" s="62"/>
      <c r="AQ988" s="62"/>
    </row>
    <row r="989" spans="6:43">
      <c r="F989" s="62"/>
      <c r="G989" s="62"/>
      <c r="H989" s="62"/>
      <c r="I989" s="62"/>
      <c r="J989" s="62"/>
      <c r="K989" s="62"/>
      <c r="L989" s="62"/>
      <c r="M989" s="62"/>
      <c r="N989" s="62"/>
      <c r="O989" s="62"/>
      <c r="P989" s="62"/>
      <c r="Q989" s="62"/>
      <c r="R989" s="62"/>
      <c r="S989" s="62"/>
      <c r="T989" s="62"/>
      <c r="U989" s="62"/>
      <c r="V989" s="62"/>
      <c r="W989" s="62"/>
      <c r="X989" s="62"/>
      <c r="Y989" s="62"/>
      <c r="Z989" s="62"/>
      <c r="AA989" s="62"/>
      <c r="AB989" s="62"/>
      <c r="AC989" s="62"/>
      <c r="AD989" s="62"/>
      <c r="AE989" s="62"/>
      <c r="AF989" s="62"/>
      <c r="AG989" s="62"/>
      <c r="AH989" s="62"/>
      <c r="AI989" s="62"/>
      <c r="AJ989" s="62"/>
      <c r="AK989" s="62"/>
      <c r="AL989" s="62"/>
      <c r="AM989" s="62"/>
      <c r="AN989" s="62"/>
      <c r="AO989" s="62"/>
      <c r="AP989" s="62"/>
      <c r="AQ989" s="62"/>
    </row>
    <row r="990" spans="6:43">
      <c r="F990" s="62"/>
      <c r="G990" s="62"/>
      <c r="H990" s="62"/>
      <c r="I990" s="62"/>
      <c r="J990" s="62"/>
      <c r="K990" s="62"/>
      <c r="L990" s="62"/>
      <c r="M990" s="62"/>
      <c r="N990" s="62"/>
      <c r="O990" s="62"/>
      <c r="P990" s="62"/>
      <c r="Q990" s="62"/>
      <c r="R990" s="62"/>
      <c r="S990" s="62"/>
      <c r="T990" s="62"/>
      <c r="U990" s="62"/>
      <c r="V990" s="62"/>
      <c r="W990" s="62"/>
      <c r="X990" s="62"/>
      <c r="Y990" s="62"/>
      <c r="Z990" s="62"/>
      <c r="AA990" s="62"/>
      <c r="AB990" s="62"/>
      <c r="AC990" s="62"/>
      <c r="AD990" s="62"/>
      <c r="AE990" s="62"/>
      <c r="AF990" s="62"/>
      <c r="AG990" s="62"/>
      <c r="AH990" s="62"/>
      <c r="AI990" s="62"/>
      <c r="AJ990" s="62"/>
      <c r="AK990" s="62"/>
      <c r="AL990" s="62"/>
      <c r="AM990" s="62"/>
      <c r="AN990" s="62"/>
      <c r="AO990" s="62"/>
      <c r="AP990" s="62"/>
      <c r="AQ990" s="62"/>
    </row>
    <row r="991" spans="6:43">
      <c r="F991" s="130"/>
      <c r="G991" s="130"/>
      <c r="H991" s="130"/>
      <c r="I991" s="130"/>
      <c r="J991" s="130"/>
      <c r="K991" s="130"/>
      <c r="L991" s="130"/>
      <c r="M991" s="130"/>
      <c r="N991" s="130"/>
      <c r="O991" s="131"/>
      <c r="P991" s="130"/>
      <c r="Q991" s="130"/>
      <c r="R991" s="130"/>
      <c r="S991" s="130"/>
      <c r="T991" s="130"/>
      <c r="U991" s="130"/>
      <c r="V991" s="130"/>
      <c r="W991" s="130"/>
      <c r="X991" s="130"/>
      <c r="Y991" s="130"/>
      <c r="Z991" s="130"/>
      <c r="AA991" s="130"/>
      <c r="AB991" s="130"/>
      <c r="AC991" s="130"/>
      <c r="AD991" s="130"/>
      <c r="AE991" s="130"/>
      <c r="AF991" s="130"/>
      <c r="AG991" s="130"/>
      <c r="AH991" s="130"/>
      <c r="AI991" s="130"/>
      <c r="AJ991" s="130"/>
      <c r="AK991" s="130"/>
      <c r="AL991" s="130"/>
      <c r="AM991" s="130"/>
      <c r="AN991" s="130"/>
      <c r="AO991" s="134"/>
      <c r="AP991" s="114"/>
      <c r="AQ991" s="114"/>
    </row>
    <row r="992" spans="6:43">
      <c r="F992" s="62"/>
      <c r="G992" s="62"/>
      <c r="H992" s="62"/>
      <c r="I992" s="62"/>
      <c r="J992" s="62"/>
      <c r="K992" s="62"/>
      <c r="L992" s="62"/>
      <c r="M992" s="62"/>
      <c r="N992" s="62"/>
      <c r="O992" s="62"/>
      <c r="P992" s="62"/>
      <c r="Q992" s="62"/>
      <c r="R992" s="62"/>
      <c r="S992" s="62"/>
      <c r="T992" s="62"/>
      <c r="U992" s="62"/>
      <c r="V992" s="62"/>
      <c r="W992" s="62"/>
      <c r="X992" s="62"/>
      <c r="Y992" s="62"/>
      <c r="Z992" s="62"/>
      <c r="AA992" s="62"/>
      <c r="AB992" s="62"/>
      <c r="AC992" s="62"/>
      <c r="AD992" s="62"/>
      <c r="AE992" s="62"/>
      <c r="AF992" s="62"/>
      <c r="AG992" s="62"/>
      <c r="AH992" s="62"/>
      <c r="AI992" s="62"/>
      <c r="AJ992" s="62"/>
      <c r="AK992" s="62"/>
      <c r="AL992" s="62"/>
      <c r="AM992" s="62"/>
      <c r="AN992" s="62"/>
      <c r="AO992" s="62"/>
      <c r="AP992" s="62"/>
      <c r="AQ992" s="62"/>
    </row>
    <row r="993" spans="6:43">
      <c r="F993" s="62"/>
      <c r="G993" s="62"/>
      <c r="H993" s="62"/>
      <c r="I993" s="62"/>
      <c r="J993" s="62"/>
      <c r="K993" s="62"/>
      <c r="L993" s="62"/>
      <c r="M993" s="62"/>
      <c r="N993" s="62"/>
      <c r="O993" s="62"/>
      <c r="P993" s="62"/>
      <c r="Q993" s="62"/>
      <c r="R993" s="62"/>
      <c r="S993" s="62"/>
      <c r="T993" s="62"/>
      <c r="U993" s="62"/>
      <c r="V993" s="62"/>
      <c r="W993" s="62"/>
      <c r="X993" s="62"/>
      <c r="Y993" s="62"/>
      <c r="Z993" s="62"/>
      <c r="AA993" s="62"/>
      <c r="AB993" s="62"/>
      <c r="AC993" s="62"/>
      <c r="AD993" s="62"/>
      <c r="AE993" s="62"/>
      <c r="AF993" s="62"/>
      <c r="AG993" s="62"/>
      <c r="AH993" s="62"/>
      <c r="AI993" s="62"/>
      <c r="AJ993" s="62"/>
      <c r="AK993" s="62"/>
      <c r="AL993" s="62"/>
      <c r="AM993" s="62"/>
      <c r="AN993" s="62"/>
      <c r="AO993" s="62"/>
      <c r="AP993" s="62"/>
      <c r="AQ993" s="62"/>
    </row>
    <row r="994" spans="6:43">
      <c r="F994" s="130"/>
      <c r="G994" s="130"/>
      <c r="H994" s="130"/>
      <c r="I994" s="130"/>
      <c r="J994" s="130"/>
      <c r="K994" s="130"/>
      <c r="L994" s="130"/>
      <c r="M994" s="130"/>
      <c r="N994" s="130"/>
      <c r="O994" s="131"/>
      <c r="P994" s="130"/>
      <c r="Q994" s="130"/>
      <c r="R994" s="130"/>
      <c r="S994" s="130"/>
      <c r="T994" s="130"/>
      <c r="U994" s="130"/>
      <c r="V994" s="130"/>
      <c r="W994" s="130"/>
      <c r="X994" s="130"/>
      <c r="Y994" s="130"/>
      <c r="Z994" s="130"/>
      <c r="AA994" s="130"/>
      <c r="AB994" s="130"/>
      <c r="AC994" s="130"/>
      <c r="AD994" s="130"/>
      <c r="AE994" s="130"/>
      <c r="AF994" s="130"/>
      <c r="AG994" s="130"/>
      <c r="AH994" s="130"/>
      <c r="AI994" s="130"/>
      <c r="AJ994" s="130"/>
      <c r="AK994" s="130"/>
      <c r="AL994" s="130"/>
      <c r="AM994" s="130"/>
      <c r="AN994" s="130"/>
      <c r="AO994" s="134"/>
      <c r="AP994" s="114"/>
      <c r="AQ994" s="114"/>
    </row>
    <row r="995" spans="6:43">
      <c r="F995" s="62"/>
      <c r="G995" s="62"/>
      <c r="H995" s="62"/>
      <c r="I995" s="62"/>
      <c r="J995" s="62"/>
      <c r="K995" s="62"/>
      <c r="L995" s="62"/>
      <c r="M995" s="62"/>
      <c r="N995" s="62"/>
      <c r="O995" s="62"/>
      <c r="P995" s="62"/>
      <c r="Q995" s="62"/>
      <c r="R995" s="62"/>
      <c r="S995" s="62"/>
      <c r="T995" s="62"/>
      <c r="U995" s="62"/>
      <c r="V995" s="62"/>
      <c r="W995" s="62"/>
      <c r="X995" s="62"/>
      <c r="Y995" s="62"/>
      <c r="Z995" s="62"/>
      <c r="AA995" s="62"/>
      <c r="AB995" s="62"/>
      <c r="AC995" s="62"/>
      <c r="AD995" s="62"/>
      <c r="AE995" s="62"/>
      <c r="AF995" s="62"/>
      <c r="AG995" s="62"/>
      <c r="AH995" s="62"/>
      <c r="AI995" s="62"/>
      <c r="AJ995" s="62"/>
      <c r="AK995" s="62"/>
      <c r="AL995" s="62"/>
      <c r="AM995" s="62"/>
      <c r="AN995" s="62"/>
      <c r="AO995" s="62"/>
      <c r="AP995" s="62"/>
      <c r="AQ995" s="62"/>
    </row>
    <row r="996" spans="6:43">
      <c r="F996" s="62"/>
      <c r="G996" s="62"/>
      <c r="H996" s="62"/>
      <c r="I996" s="62"/>
      <c r="J996" s="62"/>
      <c r="K996" s="62"/>
      <c r="L996" s="62"/>
      <c r="M996" s="62"/>
      <c r="N996" s="62"/>
      <c r="O996" s="62"/>
      <c r="P996" s="62"/>
      <c r="Q996" s="62"/>
      <c r="R996" s="62"/>
      <c r="S996" s="62"/>
      <c r="T996" s="62"/>
      <c r="U996" s="62"/>
      <c r="V996" s="62"/>
      <c r="W996" s="62"/>
      <c r="X996" s="62"/>
      <c r="Y996" s="62"/>
      <c r="Z996" s="62"/>
      <c r="AA996" s="62"/>
      <c r="AB996" s="62"/>
      <c r="AC996" s="62"/>
      <c r="AD996" s="62"/>
      <c r="AE996" s="62"/>
      <c r="AF996" s="62"/>
      <c r="AG996" s="62"/>
      <c r="AH996" s="62"/>
      <c r="AI996" s="62"/>
      <c r="AJ996" s="62"/>
      <c r="AK996" s="62"/>
      <c r="AL996" s="62"/>
      <c r="AM996" s="62"/>
      <c r="AN996" s="62"/>
      <c r="AO996" s="62"/>
      <c r="AP996" s="62"/>
      <c r="AQ996" s="62"/>
    </row>
    <row r="997" spans="6:43">
      <c r="F997" s="62"/>
      <c r="G997" s="62"/>
      <c r="H997" s="62"/>
      <c r="I997" s="62"/>
      <c r="J997" s="62"/>
      <c r="K997" s="62"/>
      <c r="L997" s="62"/>
      <c r="M997" s="62"/>
      <c r="N997" s="62"/>
      <c r="O997" s="62"/>
      <c r="P997" s="62"/>
      <c r="Q997" s="62"/>
      <c r="R997" s="62"/>
      <c r="S997" s="62"/>
      <c r="T997" s="62"/>
      <c r="U997" s="62"/>
      <c r="V997" s="62"/>
      <c r="W997" s="62"/>
      <c r="X997" s="62"/>
      <c r="Y997" s="62"/>
      <c r="Z997" s="62"/>
      <c r="AA997" s="62"/>
      <c r="AB997" s="62"/>
      <c r="AC997" s="62"/>
      <c r="AD997" s="62"/>
      <c r="AE997" s="62"/>
      <c r="AF997" s="62"/>
      <c r="AG997" s="62"/>
      <c r="AH997" s="62"/>
      <c r="AI997" s="62"/>
      <c r="AJ997" s="62"/>
      <c r="AK997" s="62"/>
      <c r="AL997" s="62"/>
      <c r="AM997" s="62"/>
      <c r="AN997" s="62"/>
      <c r="AO997" s="62"/>
      <c r="AP997" s="62"/>
      <c r="AQ997" s="62"/>
    </row>
    <row r="998" spans="6:43">
      <c r="F998" s="130"/>
      <c r="G998" s="130"/>
      <c r="H998" s="130"/>
      <c r="I998" s="130"/>
      <c r="J998" s="130"/>
      <c r="K998" s="130"/>
      <c r="L998" s="130"/>
      <c r="M998" s="130"/>
      <c r="N998" s="130"/>
      <c r="O998" s="131"/>
      <c r="P998" s="130"/>
      <c r="Q998" s="130"/>
      <c r="R998" s="130"/>
      <c r="S998" s="130"/>
      <c r="T998" s="130"/>
      <c r="U998" s="130"/>
      <c r="V998" s="130"/>
      <c r="W998" s="130"/>
      <c r="X998" s="130"/>
      <c r="Y998" s="130"/>
      <c r="Z998" s="130"/>
      <c r="AA998" s="130"/>
      <c r="AB998" s="130"/>
      <c r="AC998" s="130"/>
      <c r="AD998" s="130"/>
      <c r="AE998" s="130"/>
      <c r="AF998" s="130"/>
      <c r="AG998" s="130"/>
      <c r="AH998" s="130"/>
      <c r="AI998" s="130"/>
      <c r="AJ998" s="130"/>
      <c r="AK998" s="130"/>
      <c r="AL998" s="130"/>
      <c r="AM998" s="130"/>
      <c r="AN998" s="130"/>
      <c r="AO998" s="134"/>
      <c r="AP998" s="114"/>
      <c r="AQ998" s="114"/>
    </row>
    <row r="999" spans="6:43">
      <c r="F999" s="62"/>
      <c r="G999" s="62"/>
      <c r="H999" s="62"/>
      <c r="I999" s="62"/>
      <c r="J999" s="62"/>
      <c r="K999" s="62"/>
      <c r="L999" s="62"/>
      <c r="M999" s="62"/>
      <c r="N999" s="62"/>
      <c r="O999" s="62"/>
      <c r="P999" s="62"/>
      <c r="Q999" s="62"/>
      <c r="R999" s="62"/>
      <c r="S999" s="62"/>
      <c r="T999" s="62"/>
      <c r="U999" s="62"/>
      <c r="V999" s="62"/>
      <c r="W999" s="62"/>
      <c r="X999" s="62"/>
      <c r="Y999" s="62"/>
      <c r="Z999" s="62"/>
      <c r="AA999" s="62"/>
      <c r="AB999" s="62"/>
      <c r="AC999" s="62"/>
      <c r="AD999" s="62"/>
      <c r="AE999" s="62"/>
      <c r="AF999" s="62"/>
      <c r="AG999" s="62"/>
      <c r="AH999" s="62"/>
      <c r="AI999" s="62"/>
      <c r="AJ999" s="62"/>
      <c r="AK999" s="62"/>
      <c r="AL999" s="62"/>
      <c r="AM999" s="62"/>
      <c r="AN999" s="62"/>
      <c r="AO999" s="62"/>
      <c r="AP999" s="62"/>
      <c r="AQ999" s="62"/>
    </row>
    <row r="1000" spans="6:43">
      <c r="F1000" s="62"/>
      <c r="G1000" s="62"/>
      <c r="H1000" s="62"/>
      <c r="I1000" s="62"/>
      <c r="J1000" s="62"/>
      <c r="K1000" s="62"/>
      <c r="L1000" s="62"/>
      <c r="M1000" s="62"/>
      <c r="N1000" s="62"/>
      <c r="O1000" s="62"/>
      <c r="P1000" s="62"/>
      <c r="Q1000" s="62"/>
      <c r="R1000" s="62"/>
      <c r="S1000" s="62"/>
      <c r="T1000" s="62"/>
      <c r="U1000" s="62"/>
      <c r="V1000" s="62"/>
      <c r="W1000" s="62"/>
      <c r="X1000" s="62"/>
      <c r="Y1000" s="62"/>
      <c r="Z1000" s="62"/>
      <c r="AA1000" s="62"/>
      <c r="AB1000" s="62"/>
      <c r="AC1000" s="62"/>
      <c r="AD1000" s="62"/>
      <c r="AE1000" s="62"/>
      <c r="AF1000" s="62"/>
      <c r="AG1000" s="62"/>
      <c r="AH1000" s="62"/>
      <c r="AI1000" s="62"/>
      <c r="AJ1000" s="62"/>
      <c r="AK1000" s="62"/>
      <c r="AL1000" s="62"/>
      <c r="AM1000" s="62"/>
      <c r="AN1000" s="62"/>
      <c r="AO1000" s="62"/>
      <c r="AP1000" s="62"/>
      <c r="AQ1000" s="62"/>
    </row>
    <row r="1001" spans="6:43">
      <c r="F1001" s="62"/>
      <c r="G1001" s="62"/>
      <c r="H1001" s="62"/>
      <c r="I1001" s="62"/>
      <c r="J1001" s="62"/>
      <c r="K1001" s="62"/>
      <c r="L1001" s="62"/>
      <c r="M1001" s="62"/>
      <c r="N1001" s="62"/>
      <c r="O1001" s="62"/>
      <c r="P1001" s="62"/>
      <c r="Q1001" s="62"/>
      <c r="R1001" s="62"/>
      <c r="S1001" s="62"/>
      <c r="T1001" s="62"/>
      <c r="U1001" s="62"/>
      <c r="V1001" s="62"/>
      <c r="W1001" s="62"/>
      <c r="X1001" s="62"/>
      <c r="Y1001" s="62"/>
      <c r="Z1001" s="62"/>
      <c r="AA1001" s="62"/>
      <c r="AB1001" s="62"/>
      <c r="AC1001" s="62"/>
      <c r="AD1001" s="62"/>
      <c r="AE1001" s="62"/>
      <c r="AF1001" s="62"/>
      <c r="AG1001" s="62"/>
      <c r="AH1001" s="62"/>
      <c r="AI1001" s="62"/>
      <c r="AJ1001" s="62"/>
      <c r="AK1001" s="62"/>
      <c r="AL1001" s="62"/>
      <c r="AM1001" s="62"/>
      <c r="AN1001" s="62"/>
      <c r="AO1001" s="62"/>
      <c r="AP1001" s="62"/>
      <c r="AQ1001" s="62"/>
    </row>
    <row r="1002" spans="6:43">
      <c r="F1002" s="62"/>
      <c r="G1002" s="62"/>
      <c r="H1002" s="62"/>
      <c r="I1002" s="62"/>
      <c r="J1002" s="62"/>
      <c r="K1002" s="62"/>
      <c r="L1002" s="62"/>
      <c r="M1002" s="62"/>
      <c r="N1002" s="62"/>
      <c r="O1002" s="62"/>
      <c r="P1002" s="62"/>
      <c r="Q1002" s="62"/>
      <c r="R1002" s="62"/>
      <c r="S1002" s="62"/>
      <c r="T1002" s="62"/>
      <c r="U1002" s="62"/>
      <c r="V1002" s="62"/>
      <c r="W1002" s="62"/>
      <c r="X1002" s="62"/>
      <c r="Y1002" s="62"/>
      <c r="Z1002" s="62"/>
      <c r="AA1002" s="62"/>
      <c r="AB1002" s="62"/>
      <c r="AC1002" s="62"/>
      <c r="AD1002" s="62"/>
      <c r="AE1002" s="62"/>
      <c r="AF1002" s="62"/>
      <c r="AG1002" s="62"/>
      <c r="AH1002" s="62"/>
      <c r="AI1002" s="62"/>
      <c r="AJ1002" s="62"/>
      <c r="AK1002" s="62"/>
      <c r="AL1002" s="62"/>
      <c r="AM1002" s="62"/>
      <c r="AN1002" s="62"/>
      <c r="AO1002" s="62"/>
      <c r="AP1002" s="62"/>
      <c r="AQ1002" s="62"/>
    </row>
    <row r="1003" spans="6:43">
      <c r="F1003" s="62"/>
      <c r="G1003" s="62"/>
      <c r="H1003" s="62"/>
      <c r="I1003" s="62"/>
      <c r="J1003" s="62"/>
      <c r="K1003" s="62"/>
      <c r="L1003" s="62"/>
      <c r="M1003" s="62"/>
      <c r="N1003" s="62"/>
      <c r="O1003" s="62"/>
      <c r="P1003" s="62"/>
      <c r="Q1003" s="62"/>
      <c r="R1003" s="62"/>
      <c r="S1003" s="62"/>
      <c r="T1003" s="62"/>
      <c r="U1003" s="62"/>
      <c r="V1003" s="62"/>
      <c r="W1003" s="62"/>
      <c r="X1003" s="62"/>
      <c r="Y1003" s="62"/>
      <c r="Z1003" s="62"/>
      <c r="AA1003" s="62"/>
      <c r="AB1003" s="62"/>
      <c r="AC1003" s="62"/>
      <c r="AD1003" s="62"/>
      <c r="AE1003" s="62"/>
      <c r="AF1003" s="62"/>
      <c r="AG1003" s="62"/>
      <c r="AH1003" s="62"/>
      <c r="AI1003" s="62"/>
      <c r="AJ1003" s="62"/>
      <c r="AK1003" s="62"/>
      <c r="AL1003" s="62"/>
      <c r="AM1003" s="62"/>
      <c r="AN1003" s="62"/>
      <c r="AO1003" s="62"/>
      <c r="AP1003" s="62"/>
      <c r="AQ1003" s="62"/>
    </row>
    <row r="1004" spans="6:43">
      <c r="F1004" s="62"/>
      <c r="G1004" s="62"/>
      <c r="H1004" s="62"/>
      <c r="I1004" s="62"/>
      <c r="J1004" s="62"/>
      <c r="K1004" s="62"/>
      <c r="L1004" s="62"/>
      <c r="M1004" s="62"/>
      <c r="N1004" s="62"/>
      <c r="O1004" s="62"/>
      <c r="P1004" s="62"/>
      <c r="Q1004" s="62"/>
      <c r="R1004" s="62"/>
      <c r="S1004" s="62"/>
      <c r="T1004" s="62"/>
      <c r="U1004" s="62"/>
      <c r="V1004" s="62"/>
      <c r="W1004" s="62"/>
      <c r="X1004" s="62"/>
      <c r="Y1004" s="62"/>
      <c r="Z1004" s="62"/>
      <c r="AA1004" s="62"/>
      <c r="AB1004" s="62"/>
      <c r="AC1004" s="62"/>
      <c r="AD1004" s="62"/>
      <c r="AE1004" s="62"/>
      <c r="AF1004" s="62"/>
      <c r="AG1004" s="62"/>
      <c r="AH1004" s="62"/>
      <c r="AI1004" s="62"/>
      <c r="AJ1004" s="62"/>
      <c r="AK1004" s="62"/>
      <c r="AL1004" s="62"/>
      <c r="AM1004" s="62"/>
      <c r="AN1004" s="62"/>
      <c r="AO1004" s="62"/>
      <c r="AP1004" s="62"/>
      <c r="AQ1004" s="62"/>
    </row>
    <row r="1005" spans="6:43">
      <c r="F1005" s="62"/>
      <c r="G1005" s="62"/>
      <c r="H1005" s="62"/>
      <c r="I1005" s="62"/>
      <c r="J1005" s="62"/>
      <c r="K1005" s="62"/>
      <c r="L1005" s="62"/>
      <c r="M1005" s="62"/>
      <c r="N1005" s="62"/>
      <c r="O1005" s="62"/>
      <c r="P1005" s="62"/>
      <c r="Q1005" s="62"/>
      <c r="R1005" s="62"/>
      <c r="S1005" s="62"/>
      <c r="T1005" s="62"/>
      <c r="U1005" s="62"/>
      <c r="V1005" s="62"/>
      <c r="W1005" s="62"/>
      <c r="X1005" s="62"/>
      <c r="Y1005" s="62"/>
      <c r="Z1005" s="62"/>
      <c r="AA1005" s="62"/>
      <c r="AB1005" s="62"/>
      <c r="AC1005" s="62"/>
      <c r="AD1005" s="62"/>
      <c r="AE1005" s="62"/>
      <c r="AF1005" s="62"/>
      <c r="AG1005" s="62"/>
      <c r="AH1005" s="62"/>
      <c r="AI1005" s="62"/>
      <c r="AJ1005" s="62"/>
      <c r="AK1005" s="62"/>
      <c r="AL1005" s="62"/>
      <c r="AM1005" s="62"/>
      <c r="AN1005" s="62"/>
      <c r="AO1005" s="62"/>
      <c r="AP1005" s="62"/>
      <c r="AQ1005" s="62"/>
    </row>
    <row r="1006" spans="6:43">
      <c r="F1006" s="62"/>
      <c r="G1006" s="62"/>
      <c r="H1006" s="62"/>
      <c r="I1006" s="62"/>
      <c r="J1006" s="62"/>
      <c r="K1006" s="62"/>
      <c r="L1006" s="62"/>
      <c r="M1006" s="62"/>
      <c r="N1006" s="62"/>
      <c r="O1006" s="62"/>
      <c r="P1006" s="62"/>
      <c r="Q1006" s="62"/>
      <c r="R1006" s="62"/>
      <c r="S1006" s="62"/>
      <c r="T1006" s="62"/>
      <c r="U1006" s="62"/>
      <c r="V1006" s="62"/>
      <c r="W1006" s="62"/>
      <c r="X1006" s="62"/>
      <c r="Y1006" s="62"/>
      <c r="Z1006" s="62"/>
      <c r="AA1006" s="62"/>
      <c r="AB1006" s="62"/>
      <c r="AC1006" s="62"/>
      <c r="AD1006" s="62"/>
      <c r="AE1006" s="62"/>
      <c r="AF1006" s="62"/>
      <c r="AG1006" s="62"/>
      <c r="AH1006" s="62"/>
      <c r="AI1006" s="62"/>
      <c r="AJ1006" s="62"/>
      <c r="AK1006" s="62"/>
      <c r="AL1006" s="62"/>
      <c r="AM1006" s="62"/>
      <c r="AN1006" s="62"/>
      <c r="AO1006" s="62"/>
      <c r="AP1006" s="62"/>
      <c r="AQ1006" s="62"/>
    </row>
    <row r="1007" spans="6:43">
      <c r="F1007" s="130"/>
      <c r="G1007" s="130"/>
      <c r="H1007" s="130"/>
      <c r="I1007" s="130"/>
      <c r="J1007" s="130"/>
      <c r="K1007" s="130"/>
      <c r="L1007" s="130"/>
      <c r="M1007" s="130"/>
      <c r="N1007" s="130"/>
      <c r="O1007" s="131"/>
      <c r="P1007" s="130"/>
      <c r="Q1007" s="130"/>
      <c r="R1007" s="130"/>
      <c r="S1007" s="130"/>
      <c r="T1007" s="130"/>
      <c r="U1007" s="130"/>
      <c r="V1007" s="130"/>
      <c r="W1007" s="130"/>
      <c r="X1007" s="130"/>
      <c r="Y1007" s="130"/>
      <c r="Z1007" s="130"/>
      <c r="AA1007" s="130"/>
      <c r="AB1007" s="130"/>
      <c r="AC1007" s="130"/>
      <c r="AD1007" s="130"/>
      <c r="AE1007" s="130"/>
      <c r="AF1007" s="130"/>
      <c r="AG1007" s="130"/>
      <c r="AH1007" s="130"/>
      <c r="AI1007" s="130"/>
      <c r="AJ1007" s="130"/>
      <c r="AK1007" s="130"/>
      <c r="AL1007" s="130"/>
      <c r="AM1007" s="130"/>
      <c r="AN1007" s="130"/>
      <c r="AO1007" s="134"/>
      <c r="AP1007" s="114"/>
      <c r="AQ1007" s="114"/>
    </row>
    <row r="1008" spans="6:43">
      <c r="F1008" s="62"/>
      <c r="G1008" s="62"/>
      <c r="H1008" s="62"/>
      <c r="I1008" s="62"/>
      <c r="J1008" s="62"/>
      <c r="K1008" s="62"/>
      <c r="L1008" s="62"/>
      <c r="M1008" s="62"/>
      <c r="N1008" s="62"/>
      <c r="O1008" s="62"/>
      <c r="P1008" s="62"/>
      <c r="Q1008" s="62"/>
      <c r="R1008" s="62"/>
      <c r="S1008" s="62"/>
      <c r="T1008" s="62"/>
      <c r="U1008" s="62"/>
      <c r="V1008" s="62"/>
      <c r="W1008" s="62"/>
      <c r="X1008" s="62"/>
      <c r="Y1008" s="62"/>
      <c r="Z1008" s="62"/>
      <c r="AA1008" s="62"/>
      <c r="AB1008" s="62"/>
      <c r="AC1008" s="62"/>
      <c r="AD1008" s="62"/>
      <c r="AE1008" s="62"/>
      <c r="AF1008" s="62"/>
      <c r="AG1008" s="62"/>
      <c r="AH1008" s="62"/>
      <c r="AI1008" s="62"/>
      <c r="AJ1008" s="62"/>
      <c r="AK1008" s="62"/>
      <c r="AL1008" s="62"/>
      <c r="AM1008" s="62"/>
      <c r="AN1008" s="62"/>
      <c r="AO1008" s="62"/>
      <c r="AP1008" s="62"/>
      <c r="AQ1008" s="62"/>
    </row>
    <row r="1009" spans="6:43">
      <c r="F1009" s="62"/>
      <c r="G1009" s="62"/>
      <c r="H1009" s="62"/>
      <c r="I1009" s="62"/>
      <c r="J1009" s="62"/>
      <c r="K1009" s="62"/>
      <c r="L1009" s="62"/>
      <c r="M1009" s="62"/>
      <c r="N1009" s="62"/>
      <c r="O1009" s="62"/>
      <c r="P1009" s="62"/>
      <c r="Q1009" s="62"/>
      <c r="R1009" s="62"/>
      <c r="S1009" s="62"/>
      <c r="T1009" s="62"/>
      <c r="U1009" s="62"/>
      <c r="V1009" s="62"/>
      <c r="W1009" s="62"/>
      <c r="X1009" s="62"/>
      <c r="Y1009" s="62"/>
      <c r="Z1009" s="62"/>
      <c r="AA1009" s="62"/>
      <c r="AB1009" s="62"/>
      <c r="AC1009" s="62"/>
      <c r="AD1009" s="62"/>
      <c r="AE1009" s="62"/>
      <c r="AF1009" s="62"/>
      <c r="AG1009" s="62"/>
      <c r="AH1009" s="62"/>
      <c r="AI1009" s="62"/>
      <c r="AJ1009" s="62"/>
      <c r="AK1009" s="62"/>
      <c r="AL1009" s="62"/>
      <c r="AM1009" s="62"/>
      <c r="AN1009" s="62"/>
      <c r="AO1009" s="62"/>
      <c r="AP1009" s="62"/>
      <c r="AQ1009" s="62"/>
    </row>
    <row r="1010" spans="6:43">
      <c r="F1010" s="62"/>
      <c r="G1010" s="62"/>
      <c r="H1010" s="62"/>
      <c r="I1010" s="62"/>
      <c r="J1010" s="62"/>
      <c r="K1010" s="62"/>
      <c r="L1010" s="62"/>
      <c r="M1010" s="62"/>
      <c r="N1010" s="62"/>
      <c r="O1010" s="62"/>
      <c r="P1010" s="62"/>
      <c r="Q1010" s="62"/>
      <c r="R1010" s="62"/>
      <c r="S1010" s="62"/>
      <c r="T1010" s="62"/>
      <c r="U1010" s="62"/>
      <c r="V1010" s="62"/>
      <c r="W1010" s="62"/>
      <c r="X1010" s="62"/>
      <c r="Y1010" s="62"/>
      <c r="Z1010" s="62"/>
      <c r="AA1010" s="62"/>
      <c r="AB1010" s="62"/>
      <c r="AC1010" s="62"/>
      <c r="AD1010" s="62"/>
      <c r="AE1010" s="62"/>
      <c r="AF1010" s="62"/>
      <c r="AG1010" s="62"/>
      <c r="AH1010" s="62"/>
      <c r="AI1010" s="62"/>
      <c r="AJ1010" s="62"/>
      <c r="AK1010" s="62"/>
      <c r="AL1010" s="62"/>
      <c r="AM1010" s="62"/>
      <c r="AN1010" s="62"/>
      <c r="AO1010" s="62"/>
      <c r="AP1010" s="62"/>
      <c r="AQ1010" s="62"/>
    </row>
    <row r="1011" spans="6:43">
      <c r="F1011" s="130"/>
      <c r="G1011" s="130"/>
      <c r="H1011" s="130"/>
      <c r="I1011" s="130"/>
      <c r="J1011" s="130"/>
      <c r="K1011" s="130"/>
      <c r="L1011" s="130"/>
      <c r="M1011" s="130"/>
      <c r="N1011" s="130"/>
      <c r="O1011" s="131"/>
      <c r="P1011" s="130"/>
      <c r="Q1011" s="130"/>
      <c r="R1011" s="130"/>
      <c r="S1011" s="130"/>
      <c r="T1011" s="130"/>
      <c r="U1011" s="130"/>
      <c r="V1011" s="130"/>
      <c r="W1011" s="130"/>
      <c r="X1011" s="130"/>
      <c r="Y1011" s="130"/>
      <c r="Z1011" s="130"/>
      <c r="AA1011" s="130"/>
      <c r="AB1011" s="130"/>
      <c r="AC1011" s="130"/>
      <c r="AD1011" s="130"/>
      <c r="AE1011" s="130"/>
      <c r="AF1011" s="130"/>
      <c r="AG1011" s="130"/>
      <c r="AH1011" s="130"/>
      <c r="AI1011" s="130"/>
      <c r="AJ1011" s="130"/>
      <c r="AK1011" s="130"/>
      <c r="AL1011" s="130"/>
      <c r="AM1011" s="130"/>
      <c r="AN1011" s="130"/>
      <c r="AO1011" s="134"/>
      <c r="AP1011" s="114"/>
      <c r="AQ1011" s="114"/>
    </row>
    <row r="1012" spans="6:43">
      <c r="F1012" s="62"/>
      <c r="G1012" s="62"/>
      <c r="H1012" s="62"/>
      <c r="I1012" s="62"/>
      <c r="J1012" s="62"/>
      <c r="K1012" s="62"/>
      <c r="L1012" s="62"/>
      <c r="M1012" s="62"/>
      <c r="N1012" s="62"/>
      <c r="O1012" s="62"/>
      <c r="P1012" s="62"/>
      <c r="Q1012" s="62"/>
      <c r="R1012" s="62"/>
      <c r="S1012" s="62"/>
      <c r="T1012" s="62"/>
      <c r="U1012" s="62"/>
      <c r="V1012" s="62"/>
      <c r="W1012" s="62"/>
      <c r="X1012" s="62"/>
      <c r="Y1012" s="62"/>
      <c r="Z1012" s="62"/>
      <c r="AA1012" s="62"/>
      <c r="AB1012" s="62"/>
      <c r="AC1012" s="62"/>
      <c r="AD1012" s="62"/>
      <c r="AE1012" s="62"/>
      <c r="AF1012" s="62"/>
      <c r="AG1012" s="62"/>
      <c r="AH1012" s="62"/>
      <c r="AI1012" s="62"/>
      <c r="AJ1012" s="62"/>
      <c r="AK1012" s="62"/>
      <c r="AL1012" s="62"/>
      <c r="AM1012" s="62"/>
      <c r="AN1012" s="62"/>
      <c r="AO1012" s="62"/>
      <c r="AP1012" s="62"/>
      <c r="AQ1012" s="62"/>
    </row>
    <row r="1013" spans="6:43">
      <c r="F1013" s="130"/>
      <c r="G1013" s="130"/>
      <c r="H1013" s="130"/>
      <c r="I1013" s="130"/>
      <c r="J1013" s="130"/>
      <c r="K1013" s="130"/>
      <c r="L1013" s="130"/>
      <c r="M1013" s="130"/>
      <c r="N1013" s="130"/>
      <c r="O1013" s="131"/>
      <c r="P1013" s="130"/>
      <c r="Q1013" s="130"/>
      <c r="R1013" s="130"/>
      <c r="S1013" s="130"/>
      <c r="T1013" s="130"/>
      <c r="U1013" s="130"/>
      <c r="V1013" s="130"/>
      <c r="W1013" s="130"/>
      <c r="X1013" s="130"/>
      <c r="Y1013" s="130"/>
      <c r="Z1013" s="130"/>
      <c r="AA1013" s="130"/>
      <c r="AB1013" s="130"/>
      <c r="AC1013" s="130"/>
      <c r="AD1013" s="130"/>
      <c r="AE1013" s="130"/>
      <c r="AF1013" s="130"/>
      <c r="AG1013" s="130"/>
      <c r="AH1013" s="130"/>
      <c r="AI1013" s="130"/>
      <c r="AJ1013" s="130"/>
      <c r="AK1013" s="130"/>
      <c r="AL1013" s="130"/>
      <c r="AM1013" s="130"/>
      <c r="AN1013" s="130"/>
      <c r="AO1013" s="134"/>
      <c r="AP1013" s="114"/>
      <c r="AQ1013" s="114"/>
    </row>
    <row r="1014" spans="6:43">
      <c r="F1014" s="62"/>
      <c r="G1014" s="62"/>
      <c r="H1014" s="62"/>
      <c r="I1014" s="62"/>
      <c r="J1014" s="62"/>
      <c r="K1014" s="62"/>
      <c r="L1014" s="62"/>
      <c r="M1014" s="62"/>
      <c r="N1014" s="62"/>
      <c r="O1014" s="62"/>
      <c r="P1014" s="62"/>
      <c r="Q1014" s="62"/>
      <c r="R1014" s="62"/>
      <c r="S1014" s="62"/>
      <c r="T1014" s="62"/>
      <c r="U1014" s="62"/>
      <c r="V1014" s="62"/>
      <c r="W1014" s="62"/>
      <c r="X1014" s="62"/>
      <c r="Y1014" s="62"/>
      <c r="Z1014" s="62"/>
      <c r="AA1014" s="62"/>
      <c r="AB1014" s="62"/>
      <c r="AC1014" s="62"/>
      <c r="AD1014" s="62"/>
      <c r="AE1014" s="62"/>
      <c r="AF1014" s="62"/>
      <c r="AG1014" s="62"/>
      <c r="AH1014" s="62"/>
      <c r="AI1014" s="62"/>
      <c r="AJ1014" s="62"/>
      <c r="AK1014" s="62"/>
      <c r="AL1014" s="62"/>
      <c r="AM1014" s="62"/>
      <c r="AN1014" s="62"/>
      <c r="AO1014" s="62"/>
      <c r="AP1014" s="62"/>
      <c r="AQ1014" s="62"/>
    </row>
    <row r="1015" spans="6:43">
      <c r="F1015" s="130"/>
      <c r="G1015" s="130"/>
      <c r="H1015" s="130"/>
      <c r="I1015" s="130"/>
      <c r="J1015" s="130"/>
      <c r="K1015" s="130"/>
      <c r="L1015" s="130"/>
      <c r="M1015" s="130"/>
      <c r="N1015" s="130"/>
      <c r="O1015" s="131"/>
      <c r="P1015" s="130"/>
      <c r="Q1015" s="130"/>
      <c r="R1015" s="130"/>
      <c r="S1015" s="130"/>
      <c r="T1015" s="130"/>
      <c r="U1015" s="130"/>
      <c r="V1015" s="130"/>
      <c r="W1015" s="130"/>
      <c r="X1015" s="130"/>
      <c r="Y1015" s="130"/>
      <c r="Z1015" s="130"/>
      <c r="AA1015" s="130"/>
      <c r="AB1015" s="130"/>
      <c r="AC1015" s="130"/>
      <c r="AD1015" s="130"/>
      <c r="AE1015" s="130"/>
      <c r="AF1015" s="130"/>
      <c r="AG1015" s="130"/>
      <c r="AH1015" s="130"/>
      <c r="AI1015" s="130"/>
      <c r="AJ1015" s="130"/>
      <c r="AK1015" s="130"/>
      <c r="AL1015" s="130"/>
      <c r="AM1015" s="130"/>
      <c r="AN1015" s="130"/>
      <c r="AO1015" s="134"/>
      <c r="AP1015" s="114"/>
      <c r="AQ1015" s="114"/>
    </row>
    <row r="1016" spans="6:43">
      <c r="F1016" s="62"/>
      <c r="G1016" s="62"/>
      <c r="H1016" s="62"/>
      <c r="I1016" s="62"/>
      <c r="J1016" s="62"/>
      <c r="K1016" s="62"/>
      <c r="L1016" s="62"/>
      <c r="M1016" s="62"/>
      <c r="N1016" s="62"/>
      <c r="O1016" s="62"/>
      <c r="P1016" s="62"/>
      <c r="Q1016" s="62"/>
      <c r="R1016" s="62"/>
      <c r="S1016" s="62"/>
      <c r="T1016" s="62"/>
      <c r="U1016" s="62"/>
      <c r="V1016" s="62"/>
      <c r="W1016" s="62"/>
      <c r="X1016" s="62"/>
      <c r="Y1016" s="62"/>
      <c r="Z1016" s="62"/>
      <c r="AA1016" s="62"/>
      <c r="AB1016" s="62"/>
      <c r="AC1016" s="62"/>
      <c r="AD1016" s="62"/>
      <c r="AE1016" s="62"/>
      <c r="AF1016" s="62"/>
      <c r="AG1016" s="62"/>
      <c r="AH1016" s="62"/>
      <c r="AI1016" s="62"/>
      <c r="AJ1016" s="62"/>
      <c r="AK1016" s="62"/>
      <c r="AL1016" s="62"/>
      <c r="AM1016" s="62"/>
      <c r="AN1016" s="62"/>
      <c r="AO1016" s="62"/>
      <c r="AP1016" s="62"/>
      <c r="AQ1016" s="62"/>
    </row>
    <row r="1017" spans="6:43">
      <c r="F1017" s="130"/>
      <c r="G1017" s="130"/>
      <c r="H1017" s="130"/>
      <c r="I1017" s="130"/>
      <c r="J1017" s="130"/>
      <c r="K1017" s="130"/>
      <c r="L1017" s="130"/>
      <c r="M1017" s="130"/>
      <c r="N1017" s="130"/>
      <c r="O1017" s="131"/>
      <c r="P1017" s="130"/>
      <c r="Q1017" s="130"/>
      <c r="R1017" s="130"/>
      <c r="S1017" s="130"/>
      <c r="T1017" s="130"/>
      <c r="U1017" s="130"/>
      <c r="V1017" s="130"/>
      <c r="W1017" s="130"/>
      <c r="X1017" s="130"/>
      <c r="Y1017" s="130"/>
      <c r="Z1017" s="130"/>
      <c r="AA1017" s="130"/>
      <c r="AB1017" s="130"/>
      <c r="AC1017" s="130"/>
      <c r="AD1017" s="130"/>
      <c r="AE1017" s="130"/>
      <c r="AF1017" s="130"/>
      <c r="AG1017" s="130"/>
      <c r="AH1017" s="130"/>
      <c r="AI1017" s="130"/>
      <c r="AJ1017" s="130"/>
      <c r="AK1017" s="130"/>
      <c r="AL1017" s="130"/>
      <c r="AM1017" s="130"/>
      <c r="AN1017" s="130"/>
      <c r="AO1017" s="134"/>
      <c r="AP1017" s="114"/>
      <c r="AQ1017" s="114"/>
    </row>
    <row r="1018" spans="6:43">
      <c r="F1018" s="130"/>
      <c r="G1018" s="130"/>
      <c r="H1018" s="130"/>
      <c r="I1018" s="130"/>
      <c r="J1018" s="130"/>
      <c r="K1018" s="130"/>
      <c r="L1018" s="130"/>
      <c r="M1018" s="130"/>
      <c r="N1018" s="130"/>
      <c r="O1018" s="131"/>
      <c r="P1018" s="130"/>
      <c r="Q1018" s="130"/>
      <c r="R1018" s="130"/>
      <c r="S1018" s="130"/>
      <c r="T1018" s="130"/>
      <c r="U1018" s="130"/>
      <c r="V1018" s="130"/>
      <c r="W1018" s="130"/>
      <c r="X1018" s="130"/>
      <c r="Y1018" s="130"/>
      <c r="Z1018" s="130"/>
      <c r="AA1018" s="130"/>
      <c r="AB1018" s="130"/>
      <c r="AC1018" s="130"/>
      <c r="AD1018" s="130"/>
      <c r="AE1018" s="130"/>
      <c r="AF1018" s="130"/>
      <c r="AG1018" s="130"/>
      <c r="AH1018" s="130"/>
      <c r="AI1018" s="130"/>
      <c r="AJ1018" s="130"/>
      <c r="AK1018" s="130"/>
      <c r="AL1018" s="130"/>
      <c r="AM1018" s="130"/>
      <c r="AN1018" s="130"/>
      <c r="AO1018" s="134"/>
      <c r="AP1018" s="114"/>
      <c r="AQ1018" s="114"/>
    </row>
    <row r="1019" spans="6:43">
      <c r="F1019" s="62"/>
      <c r="G1019" s="62"/>
      <c r="H1019" s="62"/>
      <c r="I1019" s="62"/>
      <c r="J1019" s="62"/>
      <c r="K1019" s="62"/>
      <c r="L1019" s="62"/>
      <c r="M1019" s="62"/>
      <c r="N1019" s="62"/>
      <c r="O1019" s="62"/>
      <c r="P1019" s="62"/>
      <c r="Q1019" s="62"/>
      <c r="R1019" s="62"/>
      <c r="S1019" s="62"/>
      <c r="T1019" s="62"/>
      <c r="U1019" s="62"/>
      <c r="V1019" s="62"/>
      <c r="W1019" s="62"/>
      <c r="X1019" s="62"/>
      <c r="Y1019" s="62"/>
      <c r="Z1019" s="62"/>
      <c r="AA1019" s="62"/>
      <c r="AB1019" s="62"/>
      <c r="AC1019" s="62"/>
      <c r="AD1019" s="62"/>
      <c r="AE1019" s="62"/>
      <c r="AF1019" s="62"/>
      <c r="AG1019" s="62"/>
      <c r="AH1019" s="62"/>
      <c r="AI1019" s="62"/>
      <c r="AJ1019" s="62"/>
      <c r="AK1019" s="62"/>
      <c r="AL1019" s="62"/>
      <c r="AM1019" s="62"/>
      <c r="AN1019" s="62"/>
      <c r="AO1019" s="62"/>
      <c r="AP1019" s="62"/>
      <c r="AQ1019" s="62"/>
    </row>
    <row r="1020" spans="6:43">
      <c r="F1020" s="62"/>
      <c r="G1020" s="62"/>
      <c r="H1020" s="62"/>
      <c r="I1020" s="62"/>
      <c r="J1020" s="62"/>
      <c r="K1020" s="62"/>
      <c r="L1020" s="62"/>
      <c r="M1020" s="62"/>
      <c r="N1020" s="62"/>
      <c r="O1020" s="62"/>
      <c r="P1020" s="62"/>
      <c r="Q1020" s="62"/>
      <c r="R1020" s="62"/>
      <c r="S1020" s="62"/>
      <c r="T1020" s="62"/>
      <c r="U1020" s="62"/>
      <c r="V1020" s="62"/>
      <c r="W1020" s="62"/>
      <c r="X1020" s="62"/>
      <c r="Y1020" s="62"/>
      <c r="Z1020" s="62"/>
      <c r="AA1020" s="62"/>
      <c r="AB1020" s="62"/>
      <c r="AC1020" s="62"/>
      <c r="AD1020" s="62"/>
      <c r="AE1020" s="62"/>
      <c r="AF1020" s="62"/>
      <c r="AG1020" s="62"/>
      <c r="AH1020" s="62"/>
      <c r="AI1020" s="62"/>
      <c r="AJ1020" s="62"/>
      <c r="AK1020" s="62"/>
      <c r="AL1020" s="62"/>
      <c r="AM1020" s="62"/>
      <c r="AN1020" s="62"/>
      <c r="AO1020" s="62"/>
      <c r="AP1020" s="62"/>
      <c r="AQ1020" s="62"/>
    </row>
    <row r="1021" spans="6:43">
      <c r="F1021" s="62"/>
      <c r="G1021" s="62"/>
      <c r="H1021" s="62"/>
      <c r="I1021" s="62"/>
      <c r="J1021" s="62"/>
      <c r="K1021" s="62"/>
      <c r="L1021" s="62"/>
      <c r="M1021" s="62"/>
      <c r="N1021" s="62"/>
      <c r="O1021" s="62"/>
      <c r="P1021" s="62"/>
      <c r="Q1021" s="62"/>
      <c r="R1021" s="62"/>
      <c r="S1021" s="62"/>
      <c r="T1021" s="62"/>
      <c r="U1021" s="62"/>
      <c r="V1021" s="62"/>
      <c r="W1021" s="62"/>
      <c r="X1021" s="62"/>
      <c r="Y1021" s="62"/>
      <c r="Z1021" s="62"/>
      <c r="AA1021" s="62"/>
      <c r="AB1021" s="62"/>
      <c r="AC1021" s="62"/>
      <c r="AD1021" s="62"/>
      <c r="AE1021" s="62"/>
      <c r="AF1021" s="62"/>
      <c r="AG1021" s="62"/>
      <c r="AH1021" s="62"/>
      <c r="AI1021" s="62"/>
      <c r="AJ1021" s="62"/>
      <c r="AK1021" s="62"/>
      <c r="AL1021" s="62"/>
      <c r="AM1021" s="62"/>
      <c r="AN1021" s="62"/>
      <c r="AO1021" s="62"/>
      <c r="AP1021" s="62"/>
      <c r="AQ1021" s="62"/>
    </row>
    <row r="1022" spans="6:43">
      <c r="F1022" s="62"/>
      <c r="G1022" s="62"/>
      <c r="H1022" s="62"/>
      <c r="I1022" s="62"/>
      <c r="J1022" s="62"/>
      <c r="K1022" s="62"/>
      <c r="L1022" s="62"/>
      <c r="M1022" s="62"/>
      <c r="N1022" s="62"/>
      <c r="O1022" s="62"/>
      <c r="P1022" s="62"/>
      <c r="Q1022" s="62"/>
      <c r="R1022" s="62"/>
      <c r="S1022" s="62"/>
      <c r="T1022" s="62"/>
      <c r="U1022" s="62"/>
      <c r="V1022" s="62"/>
      <c r="W1022" s="62"/>
      <c r="X1022" s="62"/>
      <c r="Y1022" s="62"/>
      <c r="Z1022" s="62"/>
      <c r="AA1022" s="62"/>
      <c r="AB1022" s="62"/>
      <c r="AC1022" s="62"/>
      <c r="AD1022" s="62"/>
      <c r="AE1022" s="62"/>
      <c r="AF1022" s="62"/>
      <c r="AG1022" s="62"/>
      <c r="AH1022" s="62"/>
      <c r="AI1022" s="62"/>
      <c r="AJ1022" s="62"/>
      <c r="AK1022" s="62"/>
      <c r="AL1022" s="62"/>
      <c r="AM1022" s="62"/>
      <c r="AN1022" s="62"/>
      <c r="AO1022" s="62"/>
      <c r="AP1022" s="62"/>
      <c r="AQ1022" s="62"/>
    </row>
    <row r="1023" spans="6:43">
      <c r="F1023" s="62"/>
      <c r="G1023" s="62"/>
      <c r="H1023" s="62"/>
      <c r="I1023" s="62"/>
      <c r="J1023" s="62"/>
      <c r="K1023" s="62"/>
      <c r="L1023" s="62"/>
      <c r="M1023" s="62"/>
      <c r="N1023" s="62"/>
      <c r="O1023" s="62"/>
      <c r="P1023" s="62"/>
      <c r="Q1023" s="62"/>
      <c r="R1023" s="62"/>
      <c r="S1023" s="62"/>
      <c r="T1023" s="62"/>
      <c r="U1023" s="62"/>
      <c r="V1023" s="62"/>
      <c r="W1023" s="62"/>
      <c r="X1023" s="62"/>
      <c r="Y1023" s="62"/>
      <c r="Z1023" s="62"/>
      <c r="AA1023" s="62"/>
      <c r="AB1023" s="62"/>
      <c r="AC1023" s="62"/>
      <c r="AD1023" s="62"/>
      <c r="AE1023" s="62"/>
      <c r="AF1023" s="62"/>
      <c r="AG1023" s="62"/>
      <c r="AH1023" s="62"/>
      <c r="AI1023" s="62"/>
      <c r="AJ1023" s="62"/>
      <c r="AK1023" s="62"/>
      <c r="AL1023" s="62"/>
      <c r="AM1023" s="62"/>
      <c r="AN1023" s="62"/>
      <c r="AO1023" s="62"/>
      <c r="AP1023" s="62"/>
      <c r="AQ1023" s="62"/>
    </row>
    <row r="1024" spans="6:43">
      <c r="F1024" s="62"/>
      <c r="G1024" s="62"/>
      <c r="H1024" s="62"/>
      <c r="I1024" s="62"/>
      <c r="J1024" s="62"/>
      <c r="K1024" s="62"/>
      <c r="L1024" s="62"/>
      <c r="M1024" s="62"/>
      <c r="N1024" s="62"/>
      <c r="O1024" s="62"/>
      <c r="P1024" s="62"/>
      <c r="Q1024" s="62"/>
      <c r="R1024" s="62"/>
      <c r="S1024" s="62"/>
      <c r="T1024" s="62"/>
      <c r="U1024" s="62"/>
      <c r="V1024" s="62"/>
      <c r="W1024" s="62"/>
      <c r="X1024" s="62"/>
      <c r="Y1024" s="62"/>
      <c r="Z1024" s="62"/>
      <c r="AA1024" s="62"/>
      <c r="AB1024" s="62"/>
      <c r="AC1024" s="62"/>
      <c r="AD1024" s="62"/>
      <c r="AE1024" s="62"/>
      <c r="AF1024" s="62"/>
      <c r="AG1024" s="62"/>
      <c r="AH1024" s="62"/>
      <c r="AI1024" s="62"/>
      <c r="AJ1024" s="62"/>
      <c r="AK1024" s="62"/>
      <c r="AL1024" s="62"/>
      <c r="AM1024" s="62"/>
      <c r="AN1024" s="62"/>
      <c r="AO1024" s="62"/>
      <c r="AP1024" s="62"/>
      <c r="AQ1024" s="62"/>
    </row>
    <row r="1025" spans="6:43">
      <c r="F1025" s="62"/>
      <c r="G1025" s="62"/>
      <c r="H1025" s="62"/>
      <c r="I1025" s="62"/>
      <c r="J1025" s="62"/>
      <c r="K1025" s="62"/>
      <c r="L1025" s="62"/>
      <c r="M1025" s="62"/>
      <c r="N1025" s="62"/>
      <c r="O1025" s="62"/>
      <c r="P1025" s="62"/>
      <c r="Q1025" s="62"/>
      <c r="R1025" s="62"/>
      <c r="S1025" s="62"/>
      <c r="T1025" s="62"/>
      <c r="U1025" s="62"/>
      <c r="V1025" s="62"/>
      <c r="W1025" s="62"/>
      <c r="X1025" s="62"/>
      <c r="Y1025" s="62"/>
      <c r="Z1025" s="62"/>
      <c r="AA1025" s="62"/>
      <c r="AB1025" s="62"/>
      <c r="AC1025" s="62"/>
      <c r="AD1025" s="62"/>
      <c r="AE1025" s="62"/>
      <c r="AF1025" s="62"/>
      <c r="AG1025" s="62"/>
      <c r="AH1025" s="62"/>
      <c r="AI1025" s="62"/>
      <c r="AJ1025" s="62"/>
      <c r="AK1025" s="62"/>
      <c r="AL1025" s="62"/>
      <c r="AM1025" s="62"/>
      <c r="AN1025" s="62"/>
      <c r="AO1025" s="62"/>
      <c r="AP1025" s="62"/>
      <c r="AQ1025" s="62"/>
    </row>
    <row r="1026" spans="6:43">
      <c r="F1026" s="62"/>
      <c r="G1026" s="62"/>
      <c r="H1026" s="62"/>
      <c r="I1026" s="62"/>
      <c r="J1026" s="62"/>
      <c r="K1026" s="62"/>
      <c r="L1026" s="62"/>
      <c r="M1026" s="62"/>
      <c r="N1026" s="62"/>
      <c r="O1026" s="62"/>
      <c r="P1026" s="62"/>
      <c r="Q1026" s="62"/>
      <c r="R1026" s="62"/>
      <c r="S1026" s="62"/>
      <c r="T1026" s="62"/>
      <c r="U1026" s="62"/>
      <c r="V1026" s="62"/>
      <c r="W1026" s="62"/>
      <c r="X1026" s="62"/>
      <c r="Y1026" s="62"/>
      <c r="Z1026" s="62"/>
      <c r="AA1026" s="62"/>
      <c r="AB1026" s="62"/>
      <c r="AC1026" s="62"/>
      <c r="AD1026" s="62"/>
      <c r="AE1026" s="62"/>
      <c r="AF1026" s="62"/>
      <c r="AG1026" s="62"/>
      <c r="AH1026" s="62"/>
      <c r="AI1026" s="62"/>
      <c r="AJ1026" s="62"/>
      <c r="AK1026" s="62"/>
      <c r="AL1026" s="62"/>
      <c r="AM1026" s="62"/>
      <c r="AN1026" s="62"/>
      <c r="AO1026" s="62"/>
      <c r="AP1026" s="62"/>
      <c r="AQ1026" s="62"/>
    </row>
    <row r="1027" spans="6:43">
      <c r="F1027" s="62"/>
      <c r="G1027" s="62"/>
      <c r="H1027" s="62"/>
      <c r="I1027" s="62"/>
      <c r="J1027" s="62"/>
      <c r="K1027" s="62"/>
      <c r="L1027" s="62"/>
      <c r="M1027" s="62"/>
      <c r="N1027" s="62"/>
      <c r="O1027" s="62"/>
      <c r="P1027" s="62"/>
      <c r="Q1027" s="62"/>
      <c r="R1027" s="62"/>
      <c r="S1027" s="62"/>
      <c r="T1027" s="62"/>
      <c r="U1027" s="62"/>
      <c r="V1027" s="62"/>
      <c r="W1027" s="62"/>
      <c r="X1027" s="62"/>
      <c r="Y1027" s="62"/>
      <c r="Z1027" s="62"/>
      <c r="AA1027" s="62"/>
      <c r="AB1027" s="62"/>
      <c r="AC1027" s="62"/>
      <c r="AD1027" s="62"/>
      <c r="AE1027" s="62"/>
      <c r="AF1027" s="62"/>
      <c r="AG1027" s="62"/>
      <c r="AH1027" s="62"/>
      <c r="AI1027" s="62"/>
      <c r="AJ1027" s="62"/>
      <c r="AK1027" s="62"/>
      <c r="AL1027" s="62"/>
      <c r="AM1027" s="62"/>
      <c r="AN1027" s="62"/>
      <c r="AO1027" s="62"/>
      <c r="AP1027" s="62"/>
      <c r="AQ1027" s="62"/>
    </row>
    <row r="1028" spans="6:43">
      <c r="F1028" s="62"/>
      <c r="G1028" s="62"/>
      <c r="H1028" s="62"/>
      <c r="I1028" s="62"/>
      <c r="J1028" s="62"/>
      <c r="K1028" s="62"/>
      <c r="L1028" s="62"/>
      <c r="M1028" s="62"/>
      <c r="N1028" s="62"/>
      <c r="O1028" s="62"/>
      <c r="P1028" s="62"/>
      <c r="Q1028" s="62"/>
      <c r="R1028" s="62"/>
      <c r="S1028" s="62"/>
      <c r="T1028" s="62"/>
      <c r="U1028" s="62"/>
      <c r="V1028" s="62"/>
      <c r="W1028" s="62"/>
      <c r="X1028" s="62"/>
      <c r="Y1028" s="62"/>
      <c r="Z1028" s="62"/>
      <c r="AA1028" s="62"/>
      <c r="AB1028" s="62"/>
      <c r="AC1028" s="62"/>
      <c r="AD1028" s="62"/>
      <c r="AE1028" s="62"/>
      <c r="AF1028" s="62"/>
      <c r="AG1028" s="62"/>
      <c r="AH1028" s="62"/>
      <c r="AI1028" s="62"/>
      <c r="AJ1028" s="62"/>
      <c r="AK1028" s="62"/>
      <c r="AL1028" s="62"/>
      <c r="AM1028" s="62"/>
      <c r="AN1028" s="62"/>
      <c r="AO1028" s="62"/>
      <c r="AP1028" s="62"/>
      <c r="AQ1028" s="62"/>
    </row>
    <row r="1029" spans="6:43">
      <c r="F1029" s="62"/>
      <c r="G1029" s="62"/>
      <c r="H1029" s="62"/>
      <c r="I1029" s="62"/>
      <c r="J1029" s="62"/>
      <c r="K1029" s="62"/>
      <c r="L1029" s="62"/>
      <c r="M1029" s="62"/>
      <c r="N1029" s="62"/>
      <c r="O1029" s="62"/>
      <c r="P1029" s="62"/>
      <c r="Q1029" s="62"/>
      <c r="R1029" s="62"/>
      <c r="S1029" s="62"/>
      <c r="T1029" s="62"/>
      <c r="U1029" s="62"/>
      <c r="V1029" s="62"/>
      <c r="W1029" s="62"/>
      <c r="X1029" s="62"/>
      <c r="Y1029" s="62"/>
      <c r="Z1029" s="62"/>
      <c r="AA1029" s="62"/>
      <c r="AB1029" s="62"/>
      <c r="AC1029" s="62"/>
      <c r="AD1029" s="62"/>
      <c r="AE1029" s="62"/>
      <c r="AF1029" s="62"/>
      <c r="AG1029" s="62"/>
      <c r="AH1029" s="62"/>
      <c r="AI1029" s="62"/>
      <c r="AJ1029" s="62"/>
      <c r="AK1029" s="62"/>
      <c r="AL1029" s="62"/>
      <c r="AM1029" s="62"/>
      <c r="AN1029" s="62"/>
      <c r="AO1029" s="62"/>
      <c r="AP1029" s="62"/>
      <c r="AQ1029" s="62"/>
    </row>
    <row r="1030" spans="6:43">
      <c r="F1030" s="62"/>
      <c r="G1030" s="62"/>
      <c r="H1030" s="62"/>
      <c r="I1030" s="62"/>
      <c r="J1030" s="62"/>
      <c r="K1030" s="62"/>
      <c r="L1030" s="62"/>
      <c r="M1030" s="62"/>
      <c r="N1030" s="62"/>
      <c r="O1030" s="62"/>
      <c r="P1030" s="62"/>
      <c r="Q1030" s="62"/>
      <c r="R1030" s="62"/>
      <c r="S1030" s="62"/>
      <c r="T1030" s="62"/>
      <c r="U1030" s="62"/>
      <c r="V1030" s="62"/>
      <c r="W1030" s="62"/>
      <c r="X1030" s="62"/>
      <c r="Y1030" s="62"/>
      <c r="Z1030" s="62"/>
      <c r="AA1030" s="62"/>
      <c r="AB1030" s="62"/>
      <c r="AC1030" s="62"/>
      <c r="AD1030" s="62"/>
      <c r="AE1030" s="62"/>
      <c r="AF1030" s="62"/>
      <c r="AG1030" s="62"/>
      <c r="AH1030" s="62"/>
      <c r="AI1030" s="62"/>
      <c r="AJ1030" s="62"/>
      <c r="AK1030" s="62"/>
      <c r="AL1030" s="62"/>
      <c r="AM1030" s="62"/>
      <c r="AN1030" s="62"/>
      <c r="AO1030" s="62"/>
      <c r="AP1030" s="62"/>
      <c r="AQ1030" s="62"/>
    </row>
    <row r="1031" spans="6:43">
      <c r="F1031" s="62"/>
      <c r="G1031" s="62"/>
      <c r="H1031" s="62"/>
      <c r="I1031" s="62"/>
      <c r="J1031" s="62"/>
      <c r="K1031" s="62"/>
      <c r="L1031" s="62"/>
      <c r="M1031" s="62"/>
      <c r="N1031" s="62"/>
      <c r="O1031" s="62"/>
      <c r="P1031" s="62"/>
      <c r="Q1031" s="62"/>
      <c r="R1031" s="62"/>
      <c r="S1031" s="62"/>
      <c r="T1031" s="62"/>
      <c r="U1031" s="62"/>
      <c r="V1031" s="62"/>
      <c r="W1031" s="62"/>
      <c r="X1031" s="62"/>
      <c r="Y1031" s="62"/>
      <c r="Z1031" s="62"/>
      <c r="AA1031" s="62"/>
      <c r="AB1031" s="62"/>
      <c r="AC1031" s="62"/>
      <c r="AD1031" s="62"/>
      <c r="AE1031" s="62"/>
      <c r="AF1031" s="62"/>
      <c r="AG1031" s="62"/>
      <c r="AH1031" s="62"/>
      <c r="AI1031" s="62"/>
      <c r="AJ1031" s="62"/>
      <c r="AK1031" s="62"/>
      <c r="AL1031" s="62"/>
      <c r="AM1031" s="62"/>
      <c r="AN1031" s="62"/>
      <c r="AO1031" s="62"/>
      <c r="AP1031" s="62"/>
      <c r="AQ1031" s="62"/>
    </row>
    <row r="1032" spans="6:43">
      <c r="F1032" s="130"/>
      <c r="G1032" s="130"/>
      <c r="H1032" s="130"/>
      <c r="I1032" s="130"/>
      <c r="J1032" s="130"/>
      <c r="K1032" s="130"/>
      <c r="L1032" s="130"/>
      <c r="M1032" s="130"/>
      <c r="N1032" s="130"/>
      <c r="O1032" s="131"/>
      <c r="P1032" s="130"/>
      <c r="Q1032" s="130"/>
      <c r="R1032" s="130"/>
      <c r="S1032" s="130"/>
      <c r="T1032" s="130"/>
      <c r="U1032" s="130"/>
      <c r="V1032" s="130"/>
      <c r="W1032" s="130"/>
      <c r="X1032" s="130"/>
      <c r="Y1032" s="130"/>
      <c r="Z1032" s="130"/>
      <c r="AA1032" s="130"/>
      <c r="AB1032" s="130"/>
      <c r="AC1032" s="130"/>
      <c r="AD1032" s="130"/>
      <c r="AE1032" s="130"/>
      <c r="AF1032" s="130"/>
      <c r="AG1032" s="130"/>
      <c r="AH1032" s="130"/>
      <c r="AI1032" s="130"/>
      <c r="AJ1032" s="130"/>
      <c r="AK1032" s="130"/>
      <c r="AL1032" s="130"/>
      <c r="AM1032" s="130"/>
      <c r="AN1032" s="130"/>
      <c r="AO1032" s="134"/>
      <c r="AP1032" s="114"/>
      <c r="AQ1032" s="114"/>
    </row>
    <row r="1033" spans="6:43">
      <c r="F1033" s="130"/>
      <c r="G1033" s="130"/>
      <c r="H1033" s="130"/>
      <c r="I1033" s="130"/>
      <c r="J1033" s="130"/>
      <c r="K1033" s="130"/>
      <c r="L1033" s="130"/>
      <c r="M1033" s="130"/>
      <c r="N1033" s="130"/>
      <c r="O1033" s="131"/>
      <c r="P1033" s="130"/>
      <c r="Q1033" s="130"/>
      <c r="R1033" s="130"/>
      <c r="S1033" s="130"/>
      <c r="T1033" s="130"/>
      <c r="U1033" s="130"/>
      <c r="V1033" s="130"/>
      <c r="W1033" s="130"/>
      <c r="X1033" s="130"/>
      <c r="Y1033" s="130"/>
      <c r="Z1033" s="130"/>
      <c r="AA1033" s="130"/>
      <c r="AB1033" s="130"/>
      <c r="AC1033" s="130"/>
      <c r="AD1033" s="130"/>
      <c r="AE1033" s="130"/>
      <c r="AF1033" s="130"/>
      <c r="AG1033" s="130"/>
      <c r="AH1033" s="130"/>
      <c r="AI1033" s="130"/>
      <c r="AJ1033" s="130"/>
      <c r="AK1033" s="130"/>
      <c r="AL1033" s="130"/>
      <c r="AM1033" s="130"/>
      <c r="AN1033" s="130"/>
      <c r="AO1033" s="134"/>
      <c r="AP1033" s="114"/>
      <c r="AQ1033" s="114"/>
    </row>
    <row r="1034" spans="6:43">
      <c r="F1034" s="141"/>
      <c r="G1034" s="141"/>
      <c r="H1034" s="141"/>
      <c r="I1034" s="141"/>
      <c r="J1034" s="141"/>
      <c r="K1034" s="141"/>
      <c r="L1034" s="141"/>
      <c r="M1034" s="141"/>
      <c r="N1034" s="141"/>
      <c r="O1034" s="131"/>
      <c r="P1034" s="141"/>
      <c r="Q1034" s="141"/>
      <c r="R1034" s="141"/>
      <c r="S1034" s="141"/>
      <c r="T1034" s="141"/>
      <c r="U1034" s="141"/>
      <c r="V1034" s="141"/>
      <c r="W1034" s="141"/>
      <c r="X1034" s="141"/>
      <c r="Y1034" s="141"/>
      <c r="Z1034" s="141"/>
      <c r="AA1034" s="141"/>
      <c r="AB1034" s="141"/>
      <c r="AC1034" s="141"/>
      <c r="AD1034" s="141"/>
      <c r="AE1034" s="141"/>
      <c r="AF1034" s="141"/>
      <c r="AG1034" s="141"/>
      <c r="AH1034" s="141"/>
      <c r="AI1034" s="141"/>
      <c r="AJ1034" s="141"/>
      <c r="AK1034" s="141"/>
      <c r="AL1034" s="141"/>
      <c r="AM1034" s="141"/>
      <c r="AN1034" s="141"/>
      <c r="AO1034" s="144"/>
      <c r="AP1034" s="137"/>
      <c r="AQ1034" s="137"/>
    </row>
    <row r="1035" spans="6:43">
      <c r="F1035" s="141"/>
      <c r="G1035" s="141"/>
      <c r="H1035" s="141"/>
      <c r="I1035" s="141"/>
      <c r="J1035" s="141"/>
      <c r="K1035" s="141"/>
      <c r="L1035" s="141"/>
      <c r="M1035" s="141"/>
      <c r="N1035" s="141"/>
      <c r="O1035" s="131"/>
      <c r="P1035" s="141"/>
      <c r="Q1035" s="141"/>
      <c r="R1035" s="141"/>
      <c r="S1035" s="141"/>
      <c r="T1035" s="141"/>
      <c r="U1035" s="141"/>
      <c r="V1035" s="141"/>
      <c r="W1035" s="141"/>
      <c r="X1035" s="141"/>
      <c r="Y1035" s="141"/>
      <c r="Z1035" s="141"/>
      <c r="AA1035" s="141"/>
      <c r="AB1035" s="141"/>
      <c r="AC1035" s="141"/>
      <c r="AD1035" s="141"/>
      <c r="AE1035" s="141"/>
      <c r="AF1035" s="141"/>
      <c r="AG1035" s="141"/>
      <c r="AH1035" s="141"/>
      <c r="AI1035" s="141"/>
      <c r="AJ1035" s="141"/>
      <c r="AK1035" s="141"/>
      <c r="AL1035" s="141"/>
      <c r="AM1035" s="141"/>
      <c r="AN1035" s="141"/>
      <c r="AO1035" s="144"/>
      <c r="AP1035" s="114"/>
      <c r="AQ1035" s="114"/>
    </row>
    <row r="1036" spans="6:43">
      <c r="F1036" s="130"/>
      <c r="G1036" s="130"/>
      <c r="H1036" s="130"/>
      <c r="I1036" s="130"/>
      <c r="J1036" s="130"/>
      <c r="K1036" s="130"/>
      <c r="L1036" s="130"/>
      <c r="M1036" s="130"/>
      <c r="N1036" s="130"/>
      <c r="O1036" s="131"/>
      <c r="P1036" s="130"/>
      <c r="Q1036" s="130"/>
      <c r="R1036" s="130"/>
      <c r="S1036" s="130"/>
      <c r="T1036" s="130"/>
      <c r="U1036" s="130"/>
      <c r="V1036" s="130"/>
      <c r="W1036" s="130"/>
      <c r="X1036" s="130"/>
      <c r="Y1036" s="130"/>
      <c r="Z1036" s="130"/>
      <c r="AA1036" s="130"/>
      <c r="AB1036" s="130"/>
      <c r="AC1036" s="130"/>
      <c r="AD1036" s="130"/>
      <c r="AE1036" s="130"/>
      <c r="AF1036" s="130"/>
      <c r="AG1036" s="130"/>
      <c r="AH1036" s="130"/>
      <c r="AI1036" s="130"/>
      <c r="AJ1036" s="130"/>
      <c r="AK1036" s="130"/>
      <c r="AL1036" s="130"/>
      <c r="AM1036" s="130"/>
      <c r="AN1036" s="130"/>
      <c r="AO1036" s="134"/>
      <c r="AP1036" s="114"/>
      <c r="AQ1036" s="114"/>
    </row>
    <row r="1037" spans="6:43">
      <c r="F1037" s="130"/>
      <c r="G1037" s="130"/>
      <c r="H1037" s="130"/>
      <c r="I1037" s="130"/>
      <c r="J1037" s="130"/>
      <c r="K1037" s="130"/>
      <c r="L1037" s="130"/>
      <c r="M1037" s="130"/>
      <c r="N1037" s="130"/>
      <c r="O1037" s="131"/>
      <c r="P1037" s="130"/>
      <c r="Q1037" s="130"/>
      <c r="R1037" s="130"/>
      <c r="S1037" s="130"/>
      <c r="T1037" s="130"/>
      <c r="U1037" s="130"/>
      <c r="V1037" s="130"/>
      <c r="W1037" s="130"/>
      <c r="X1037" s="130"/>
      <c r="Y1037" s="130"/>
      <c r="Z1037" s="130"/>
      <c r="AA1037" s="130"/>
      <c r="AB1037" s="130"/>
      <c r="AC1037" s="130"/>
      <c r="AD1037" s="130"/>
      <c r="AE1037" s="130"/>
      <c r="AF1037" s="130"/>
      <c r="AG1037" s="130"/>
      <c r="AH1037" s="130"/>
      <c r="AI1037" s="130"/>
      <c r="AJ1037" s="130"/>
      <c r="AK1037" s="130"/>
      <c r="AL1037" s="130"/>
      <c r="AM1037" s="130"/>
      <c r="AN1037" s="130"/>
      <c r="AO1037" s="134"/>
      <c r="AP1037" s="114"/>
      <c r="AQ1037" s="114"/>
    </row>
    <row r="1038" spans="6:43">
      <c r="F1038" s="62"/>
      <c r="G1038" s="62"/>
      <c r="H1038" s="62"/>
      <c r="I1038" s="62"/>
      <c r="J1038" s="62"/>
      <c r="K1038" s="62"/>
      <c r="L1038" s="62"/>
      <c r="M1038" s="62"/>
      <c r="N1038" s="62"/>
      <c r="O1038" s="62"/>
      <c r="P1038" s="62"/>
      <c r="Q1038" s="62"/>
      <c r="R1038" s="62"/>
      <c r="S1038" s="62"/>
      <c r="T1038" s="62"/>
      <c r="U1038" s="62"/>
      <c r="V1038" s="62"/>
      <c r="W1038" s="62"/>
      <c r="X1038" s="62"/>
      <c r="Y1038" s="62"/>
      <c r="Z1038" s="62"/>
      <c r="AA1038" s="62"/>
      <c r="AB1038" s="62"/>
      <c r="AC1038" s="62"/>
      <c r="AD1038" s="62"/>
      <c r="AE1038" s="62"/>
      <c r="AF1038" s="62"/>
      <c r="AG1038" s="62"/>
      <c r="AH1038" s="62"/>
      <c r="AI1038" s="62"/>
      <c r="AJ1038" s="62"/>
      <c r="AK1038" s="62"/>
      <c r="AL1038" s="62"/>
      <c r="AM1038" s="62"/>
      <c r="AN1038" s="62"/>
      <c r="AO1038" s="62"/>
      <c r="AP1038" s="62"/>
      <c r="AQ1038" s="62"/>
    </row>
    <row r="1039" spans="6:43">
      <c r="F1039" s="141"/>
      <c r="G1039" s="141"/>
      <c r="H1039" s="141"/>
      <c r="I1039" s="141"/>
      <c r="J1039" s="141"/>
      <c r="K1039" s="141"/>
      <c r="L1039" s="141"/>
      <c r="M1039" s="141"/>
      <c r="N1039" s="141"/>
      <c r="O1039" s="131"/>
      <c r="P1039" s="141"/>
      <c r="Q1039" s="141"/>
      <c r="R1039" s="141"/>
      <c r="S1039" s="141"/>
      <c r="T1039" s="141"/>
      <c r="U1039" s="141"/>
      <c r="V1039" s="141"/>
      <c r="W1039" s="141"/>
      <c r="X1039" s="141"/>
      <c r="Y1039" s="141"/>
      <c r="Z1039" s="141"/>
      <c r="AA1039" s="141"/>
      <c r="AB1039" s="141"/>
      <c r="AC1039" s="141"/>
      <c r="AD1039" s="141"/>
      <c r="AE1039" s="141"/>
      <c r="AF1039" s="141"/>
      <c r="AG1039" s="141"/>
      <c r="AH1039" s="141"/>
      <c r="AI1039" s="141"/>
      <c r="AJ1039" s="141"/>
      <c r="AK1039" s="141"/>
      <c r="AL1039" s="141"/>
      <c r="AM1039" s="141"/>
      <c r="AN1039" s="141"/>
      <c r="AO1039" s="144"/>
      <c r="AP1039" s="137"/>
      <c r="AQ1039" s="137"/>
    </row>
    <row r="1040" spans="6:43">
      <c r="F1040" s="141"/>
      <c r="G1040" s="141"/>
      <c r="H1040" s="141"/>
      <c r="I1040" s="141"/>
      <c r="J1040" s="141"/>
      <c r="K1040" s="141"/>
      <c r="L1040" s="141"/>
      <c r="M1040" s="141"/>
      <c r="N1040" s="141"/>
      <c r="O1040" s="131"/>
      <c r="P1040" s="141"/>
      <c r="Q1040" s="141"/>
      <c r="R1040" s="141"/>
      <c r="S1040" s="141"/>
      <c r="T1040" s="141"/>
      <c r="U1040" s="141"/>
      <c r="V1040" s="141"/>
      <c r="W1040" s="141"/>
      <c r="X1040" s="141"/>
      <c r="Y1040" s="141"/>
      <c r="Z1040" s="141"/>
      <c r="AA1040" s="141"/>
      <c r="AB1040" s="141"/>
      <c r="AC1040" s="141"/>
      <c r="AD1040" s="141"/>
      <c r="AE1040" s="141"/>
      <c r="AF1040" s="141"/>
      <c r="AG1040" s="141"/>
      <c r="AH1040" s="141"/>
      <c r="AI1040" s="141"/>
      <c r="AJ1040" s="141"/>
      <c r="AK1040" s="141"/>
      <c r="AL1040" s="141"/>
      <c r="AM1040" s="141"/>
      <c r="AN1040" s="141"/>
      <c r="AO1040" s="144"/>
      <c r="AP1040" s="137"/>
      <c r="AQ1040" s="137"/>
    </row>
    <row r="1041" spans="6:43">
      <c r="F1041" s="62"/>
      <c r="G1041" s="62"/>
      <c r="H1041" s="62"/>
      <c r="I1041" s="62"/>
      <c r="J1041" s="62"/>
      <c r="K1041" s="62"/>
      <c r="L1041" s="62"/>
      <c r="M1041" s="62"/>
      <c r="N1041" s="62"/>
      <c r="O1041" s="62"/>
      <c r="P1041" s="62"/>
      <c r="Q1041" s="62"/>
      <c r="R1041" s="62"/>
      <c r="S1041" s="62"/>
      <c r="T1041" s="62"/>
      <c r="U1041" s="62"/>
      <c r="V1041" s="62"/>
      <c r="W1041" s="62"/>
      <c r="X1041" s="62"/>
      <c r="Y1041" s="62"/>
      <c r="Z1041" s="62"/>
      <c r="AA1041" s="62"/>
      <c r="AB1041" s="62"/>
      <c r="AC1041" s="62"/>
      <c r="AD1041" s="62"/>
      <c r="AE1041" s="62"/>
      <c r="AF1041" s="62"/>
      <c r="AG1041" s="62"/>
      <c r="AH1041" s="62"/>
      <c r="AI1041" s="62"/>
      <c r="AJ1041" s="62"/>
      <c r="AK1041" s="62"/>
      <c r="AL1041" s="62"/>
      <c r="AM1041" s="62"/>
      <c r="AN1041" s="62"/>
      <c r="AO1041" s="62"/>
      <c r="AP1041" s="62"/>
      <c r="AQ1041" s="62"/>
    </row>
    <row r="1042" spans="6:43">
      <c r="F1042" s="62"/>
      <c r="G1042" s="62"/>
      <c r="H1042" s="62"/>
      <c r="I1042" s="62"/>
      <c r="J1042" s="62"/>
      <c r="K1042" s="62"/>
      <c r="L1042" s="62"/>
      <c r="M1042" s="62"/>
      <c r="N1042" s="62"/>
      <c r="O1042" s="62"/>
      <c r="P1042" s="62"/>
      <c r="Q1042" s="62"/>
      <c r="R1042" s="62"/>
      <c r="S1042" s="62"/>
      <c r="T1042" s="62"/>
      <c r="U1042" s="62"/>
      <c r="V1042" s="62"/>
      <c r="W1042" s="62"/>
      <c r="X1042" s="62"/>
      <c r="Y1042" s="62"/>
      <c r="Z1042" s="62"/>
      <c r="AA1042" s="62"/>
      <c r="AB1042" s="62"/>
      <c r="AC1042" s="62"/>
      <c r="AD1042" s="62"/>
      <c r="AE1042" s="62"/>
      <c r="AF1042" s="62"/>
      <c r="AG1042" s="62"/>
      <c r="AH1042" s="62"/>
      <c r="AI1042" s="62"/>
      <c r="AJ1042" s="62"/>
      <c r="AK1042" s="62"/>
      <c r="AL1042" s="62"/>
      <c r="AM1042" s="62"/>
      <c r="AN1042" s="62"/>
      <c r="AO1042" s="62"/>
      <c r="AP1042" s="62"/>
      <c r="AQ1042" s="62"/>
    </row>
    <row r="1043" spans="6:43">
      <c r="F1043" s="62"/>
      <c r="G1043" s="62"/>
      <c r="H1043" s="62"/>
      <c r="I1043" s="62"/>
      <c r="J1043" s="62"/>
      <c r="K1043" s="62"/>
      <c r="L1043" s="62"/>
      <c r="M1043" s="62"/>
      <c r="N1043" s="62"/>
      <c r="O1043" s="62"/>
      <c r="P1043" s="62"/>
      <c r="Q1043" s="62"/>
      <c r="R1043" s="62"/>
      <c r="S1043" s="62"/>
      <c r="T1043" s="62"/>
      <c r="U1043" s="62"/>
      <c r="V1043" s="62"/>
      <c r="W1043" s="62"/>
      <c r="X1043" s="62"/>
      <c r="Y1043" s="62"/>
      <c r="Z1043" s="62"/>
      <c r="AA1043" s="62"/>
      <c r="AB1043" s="62"/>
      <c r="AC1043" s="62"/>
      <c r="AD1043" s="62"/>
      <c r="AE1043" s="62"/>
      <c r="AF1043" s="62"/>
      <c r="AG1043" s="62"/>
      <c r="AH1043" s="62"/>
      <c r="AI1043" s="62"/>
      <c r="AJ1043" s="62"/>
      <c r="AK1043" s="62"/>
      <c r="AL1043" s="62"/>
      <c r="AM1043" s="62"/>
      <c r="AN1043" s="62"/>
      <c r="AO1043" s="62"/>
      <c r="AP1043" s="62"/>
      <c r="AQ1043" s="62"/>
    </row>
    <row r="1044" spans="6:43">
      <c r="F1044" s="62"/>
      <c r="G1044" s="62"/>
      <c r="H1044" s="62"/>
      <c r="I1044" s="62"/>
      <c r="J1044" s="62"/>
      <c r="K1044" s="62"/>
      <c r="L1044" s="62"/>
      <c r="M1044" s="62"/>
      <c r="N1044" s="62"/>
      <c r="O1044" s="62"/>
      <c r="P1044" s="62"/>
      <c r="Q1044" s="62"/>
      <c r="R1044" s="62"/>
      <c r="S1044" s="62"/>
      <c r="T1044" s="62"/>
      <c r="U1044" s="62"/>
      <c r="V1044" s="62"/>
      <c r="W1044" s="62"/>
      <c r="X1044" s="62"/>
      <c r="Y1044" s="62"/>
      <c r="Z1044" s="62"/>
      <c r="AA1044" s="62"/>
      <c r="AB1044" s="62"/>
      <c r="AC1044" s="62"/>
      <c r="AD1044" s="62"/>
      <c r="AE1044" s="62"/>
      <c r="AF1044" s="62"/>
      <c r="AG1044" s="62"/>
      <c r="AH1044" s="62"/>
      <c r="AI1044" s="62"/>
      <c r="AJ1044" s="62"/>
      <c r="AK1044" s="62"/>
      <c r="AL1044" s="62"/>
      <c r="AM1044" s="62"/>
      <c r="AN1044" s="62"/>
      <c r="AO1044" s="62"/>
      <c r="AP1044" s="62"/>
      <c r="AQ1044" s="62"/>
    </row>
    <row r="1045" spans="6:43">
      <c r="F1045" s="141"/>
      <c r="G1045" s="141"/>
      <c r="H1045" s="141"/>
      <c r="I1045" s="141"/>
      <c r="J1045" s="141"/>
      <c r="K1045" s="141"/>
      <c r="L1045" s="141"/>
      <c r="M1045" s="141"/>
      <c r="N1045" s="141"/>
      <c r="O1045" s="131"/>
      <c r="P1045" s="141"/>
      <c r="Q1045" s="141"/>
      <c r="R1045" s="141"/>
      <c r="S1045" s="141"/>
      <c r="T1045" s="141"/>
      <c r="U1045" s="141"/>
      <c r="V1045" s="141"/>
      <c r="W1045" s="141"/>
      <c r="X1045" s="141"/>
      <c r="Y1045" s="141"/>
      <c r="Z1045" s="141"/>
      <c r="AA1045" s="141"/>
      <c r="AB1045" s="141"/>
      <c r="AC1045" s="141"/>
      <c r="AD1045" s="141"/>
      <c r="AE1045" s="141"/>
      <c r="AF1045" s="141"/>
      <c r="AG1045" s="141"/>
      <c r="AH1045" s="141"/>
      <c r="AI1045" s="141"/>
      <c r="AJ1045" s="141"/>
      <c r="AK1045" s="141"/>
      <c r="AL1045" s="141"/>
      <c r="AM1045" s="141"/>
      <c r="AN1045" s="141"/>
      <c r="AO1045" s="144"/>
      <c r="AP1045" s="137"/>
      <c r="AQ1045" s="137"/>
    </row>
    <row r="1046" spans="6:43">
      <c r="F1046" s="141"/>
      <c r="G1046" s="141"/>
      <c r="H1046" s="141"/>
      <c r="I1046" s="141"/>
      <c r="J1046" s="141"/>
      <c r="K1046" s="141"/>
      <c r="L1046" s="141"/>
      <c r="M1046" s="141"/>
      <c r="N1046" s="141"/>
      <c r="O1046" s="131"/>
      <c r="P1046" s="141"/>
      <c r="Q1046" s="141"/>
      <c r="R1046" s="141"/>
      <c r="S1046" s="141"/>
      <c r="T1046" s="141"/>
      <c r="U1046" s="141"/>
      <c r="V1046" s="141"/>
      <c r="W1046" s="141"/>
      <c r="X1046" s="141"/>
      <c r="Y1046" s="141"/>
      <c r="Z1046" s="141"/>
      <c r="AA1046" s="141"/>
      <c r="AB1046" s="141"/>
      <c r="AC1046" s="141"/>
      <c r="AD1046" s="141"/>
      <c r="AE1046" s="141"/>
      <c r="AF1046" s="141"/>
      <c r="AG1046" s="141"/>
      <c r="AH1046" s="141"/>
      <c r="AI1046" s="141"/>
      <c r="AJ1046" s="141"/>
      <c r="AK1046" s="141"/>
      <c r="AL1046" s="141"/>
      <c r="AM1046" s="141"/>
      <c r="AN1046" s="141"/>
      <c r="AO1046" s="144"/>
      <c r="AP1046" s="137"/>
      <c r="AQ1046" s="137"/>
    </row>
    <row r="1047" spans="6:43">
      <c r="F1047" s="62"/>
      <c r="G1047" s="62"/>
      <c r="H1047" s="62"/>
      <c r="I1047" s="62"/>
      <c r="J1047" s="62"/>
      <c r="K1047" s="62"/>
      <c r="L1047" s="62"/>
      <c r="M1047" s="62"/>
      <c r="N1047" s="62"/>
      <c r="O1047" s="62"/>
      <c r="P1047" s="62"/>
      <c r="Q1047" s="62"/>
      <c r="R1047" s="62"/>
      <c r="S1047" s="62"/>
      <c r="T1047" s="62"/>
      <c r="U1047" s="62"/>
      <c r="V1047" s="62"/>
      <c r="W1047" s="62"/>
      <c r="X1047" s="62"/>
      <c r="Y1047" s="62"/>
      <c r="Z1047" s="62"/>
      <c r="AA1047" s="62"/>
      <c r="AB1047" s="62"/>
      <c r="AC1047" s="62"/>
      <c r="AD1047" s="62"/>
      <c r="AE1047" s="62"/>
      <c r="AF1047" s="62"/>
      <c r="AG1047" s="62"/>
      <c r="AH1047" s="62"/>
      <c r="AI1047" s="62"/>
      <c r="AJ1047" s="62"/>
      <c r="AK1047" s="62"/>
      <c r="AL1047" s="62"/>
      <c r="AM1047" s="62"/>
      <c r="AN1047" s="62"/>
      <c r="AO1047" s="62"/>
      <c r="AP1047" s="62"/>
      <c r="AQ1047" s="62"/>
    </row>
    <row r="1048" spans="6:43">
      <c r="F1048" s="141"/>
      <c r="G1048" s="141"/>
      <c r="H1048" s="141"/>
      <c r="I1048" s="141"/>
      <c r="J1048" s="141"/>
      <c r="K1048" s="141"/>
      <c r="L1048" s="141"/>
      <c r="M1048" s="141"/>
      <c r="N1048" s="141"/>
      <c r="O1048" s="131"/>
      <c r="P1048" s="141"/>
      <c r="Q1048" s="141"/>
      <c r="R1048" s="141"/>
      <c r="S1048" s="141"/>
      <c r="T1048" s="141"/>
      <c r="U1048" s="141"/>
      <c r="V1048" s="141"/>
      <c r="W1048" s="141"/>
      <c r="X1048" s="141"/>
      <c r="Y1048" s="141"/>
      <c r="Z1048" s="141"/>
      <c r="AA1048" s="141"/>
      <c r="AB1048" s="141"/>
      <c r="AC1048" s="141"/>
      <c r="AD1048" s="141"/>
      <c r="AE1048" s="141"/>
      <c r="AF1048" s="141"/>
      <c r="AG1048" s="141"/>
      <c r="AH1048" s="141"/>
      <c r="AI1048" s="141"/>
      <c r="AJ1048" s="141"/>
      <c r="AK1048" s="141"/>
      <c r="AL1048" s="141"/>
      <c r="AM1048" s="141"/>
      <c r="AN1048" s="141"/>
      <c r="AO1048" s="144"/>
      <c r="AP1048" s="137"/>
      <c r="AQ1048" s="137"/>
    </row>
    <row r="1049" spans="6:43">
      <c r="F1049" s="208"/>
      <c r="G1049" s="208"/>
      <c r="H1049" s="208"/>
      <c r="I1049" s="208"/>
      <c r="J1049" s="208"/>
      <c r="K1049" s="208"/>
      <c r="L1049" s="208"/>
      <c r="M1049" s="208"/>
      <c r="N1049" s="208"/>
      <c r="O1049" s="131"/>
      <c r="P1049" s="208"/>
      <c r="Q1049" s="208"/>
      <c r="R1049" s="208"/>
      <c r="S1049" s="208"/>
      <c r="T1049" s="208"/>
      <c r="U1049" s="208"/>
      <c r="V1049" s="208"/>
      <c r="W1049" s="208"/>
      <c r="X1049" s="208"/>
      <c r="Y1049" s="208"/>
      <c r="Z1049" s="208"/>
      <c r="AA1049" s="208"/>
      <c r="AB1049" s="208"/>
      <c r="AC1049" s="208"/>
      <c r="AD1049" s="208"/>
      <c r="AE1049" s="208"/>
      <c r="AF1049" s="208"/>
      <c r="AG1049" s="208"/>
      <c r="AH1049" s="208"/>
      <c r="AI1049" s="208"/>
      <c r="AJ1049" s="208"/>
      <c r="AK1049" s="208"/>
      <c r="AL1049" s="208"/>
      <c r="AM1049" s="208"/>
      <c r="AN1049" s="208"/>
      <c r="AO1049" s="211"/>
      <c r="AP1049" s="202"/>
      <c r="AQ1049" s="202"/>
    </row>
    <row r="1050" spans="6:43">
      <c r="F1050" s="130"/>
      <c r="G1050" s="130"/>
      <c r="H1050" s="130"/>
      <c r="I1050" s="130"/>
      <c r="J1050" s="130"/>
      <c r="K1050" s="130"/>
      <c r="L1050" s="130"/>
      <c r="M1050" s="130"/>
      <c r="N1050" s="130"/>
      <c r="O1050" s="131"/>
      <c r="P1050" s="130"/>
      <c r="Q1050" s="130"/>
      <c r="R1050" s="130"/>
      <c r="S1050" s="130"/>
      <c r="T1050" s="130"/>
      <c r="U1050" s="130"/>
      <c r="V1050" s="130"/>
      <c r="W1050" s="130"/>
      <c r="X1050" s="130"/>
      <c r="Y1050" s="130"/>
      <c r="Z1050" s="130"/>
      <c r="AA1050" s="130"/>
      <c r="AB1050" s="130"/>
      <c r="AC1050" s="130"/>
      <c r="AD1050" s="130"/>
      <c r="AE1050" s="130"/>
      <c r="AF1050" s="130"/>
      <c r="AG1050" s="130"/>
      <c r="AH1050" s="130"/>
      <c r="AI1050" s="130"/>
      <c r="AJ1050" s="130"/>
      <c r="AK1050" s="130"/>
      <c r="AL1050" s="130"/>
      <c r="AM1050" s="130"/>
      <c r="AN1050" s="130"/>
      <c r="AO1050" s="134"/>
      <c r="AP1050" s="114"/>
      <c r="AQ1050" s="114"/>
    </row>
    <row r="1051" spans="6:43">
      <c r="F1051" s="130"/>
      <c r="G1051" s="130"/>
      <c r="H1051" s="130"/>
      <c r="I1051" s="130"/>
      <c r="J1051" s="130"/>
      <c r="K1051" s="130"/>
      <c r="L1051" s="130"/>
      <c r="M1051" s="130"/>
      <c r="N1051" s="130"/>
      <c r="O1051" s="131"/>
      <c r="P1051" s="130"/>
      <c r="Q1051" s="130"/>
      <c r="R1051" s="130"/>
      <c r="S1051" s="130"/>
      <c r="T1051" s="130"/>
      <c r="U1051" s="130"/>
      <c r="V1051" s="130"/>
      <c r="W1051" s="130"/>
      <c r="X1051" s="130"/>
      <c r="Y1051" s="130"/>
      <c r="Z1051" s="130"/>
      <c r="AA1051" s="130"/>
      <c r="AB1051" s="130"/>
      <c r="AC1051" s="130"/>
      <c r="AD1051" s="130"/>
      <c r="AE1051" s="130"/>
      <c r="AF1051" s="130"/>
      <c r="AG1051" s="130"/>
      <c r="AH1051" s="130"/>
      <c r="AI1051" s="130"/>
      <c r="AJ1051" s="130"/>
      <c r="AK1051" s="130"/>
      <c r="AL1051" s="130"/>
      <c r="AM1051" s="130"/>
      <c r="AN1051" s="130"/>
      <c r="AO1051" s="134"/>
      <c r="AP1051" s="114"/>
      <c r="AQ1051" s="114"/>
    </row>
    <row r="1052" spans="6:43">
      <c r="F1052" s="62"/>
      <c r="G1052" s="62"/>
      <c r="H1052" s="62"/>
      <c r="I1052" s="62"/>
      <c r="J1052" s="62"/>
      <c r="K1052" s="62"/>
      <c r="L1052" s="62"/>
      <c r="M1052" s="62"/>
      <c r="N1052" s="62"/>
      <c r="O1052" s="62"/>
      <c r="P1052" s="62"/>
      <c r="Q1052" s="62"/>
      <c r="R1052" s="62"/>
      <c r="S1052" s="62"/>
      <c r="T1052" s="62"/>
      <c r="U1052" s="62"/>
      <c r="V1052" s="62"/>
      <c r="W1052" s="62"/>
      <c r="X1052" s="62"/>
      <c r="Y1052" s="62"/>
      <c r="Z1052" s="62"/>
      <c r="AA1052" s="62"/>
      <c r="AB1052" s="62"/>
      <c r="AC1052" s="62"/>
      <c r="AD1052" s="62"/>
      <c r="AE1052" s="62"/>
      <c r="AF1052" s="62"/>
      <c r="AG1052" s="62"/>
      <c r="AH1052" s="62"/>
      <c r="AI1052" s="62"/>
      <c r="AJ1052" s="62"/>
      <c r="AK1052" s="62"/>
      <c r="AL1052" s="62"/>
      <c r="AM1052" s="62"/>
      <c r="AN1052" s="62"/>
      <c r="AO1052" s="62"/>
      <c r="AP1052" s="62"/>
      <c r="AQ1052" s="62"/>
    </row>
    <row r="1053" spans="6:43">
      <c r="F1053" s="62"/>
      <c r="G1053" s="62"/>
      <c r="H1053" s="62"/>
      <c r="I1053" s="62"/>
      <c r="J1053" s="62"/>
      <c r="K1053" s="62"/>
      <c r="L1053" s="62"/>
      <c r="M1053" s="62"/>
      <c r="N1053" s="62"/>
      <c r="O1053" s="62"/>
      <c r="P1053" s="62"/>
      <c r="Q1053" s="62"/>
      <c r="R1053" s="62"/>
      <c r="S1053" s="62"/>
      <c r="T1053" s="62"/>
      <c r="U1053" s="62"/>
      <c r="V1053" s="62"/>
      <c r="W1053" s="62"/>
      <c r="X1053" s="62"/>
      <c r="Y1053" s="62"/>
      <c r="Z1053" s="62"/>
      <c r="AA1053" s="62"/>
      <c r="AB1053" s="62"/>
      <c r="AC1053" s="62"/>
      <c r="AD1053" s="62"/>
      <c r="AE1053" s="62"/>
      <c r="AF1053" s="62"/>
      <c r="AG1053" s="62"/>
      <c r="AH1053" s="62"/>
      <c r="AI1053" s="62"/>
      <c r="AJ1053" s="62"/>
      <c r="AK1053" s="62"/>
      <c r="AL1053" s="62"/>
      <c r="AM1053" s="62"/>
      <c r="AN1053" s="62"/>
      <c r="AO1053" s="62"/>
      <c r="AP1053" s="62"/>
      <c r="AQ1053" s="62"/>
    </row>
    <row r="1054" spans="6:43">
      <c r="F1054" s="130"/>
      <c r="G1054" s="130"/>
      <c r="H1054" s="130"/>
      <c r="I1054" s="130"/>
      <c r="J1054" s="130"/>
      <c r="K1054" s="130"/>
      <c r="L1054" s="130"/>
      <c r="M1054" s="130"/>
      <c r="N1054" s="130"/>
      <c r="O1054" s="131"/>
      <c r="P1054" s="130"/>
      <c r="Q1054" s="130"/>
      <c r="R1054" s="130"/>
      <c r="S1054" s="130"/>
      <c r="T1054" s="130"/>
      <c r="U1054" s="130"/>
      <c r="V1054" s="130"/>
      <c r="W1054" s="130"/>
      <c r="X1054" s="130"/>
      <c r="Y1054" s="130"/>
      <c r="Z1054" s="130"/>
      <c r="AA1054" s="130"/>
      <c r="AB1054" s="130"/>
      <c r="AC1054" s="130"/>
      <c r="AD1054" s="130"/>
      <c r="AE1054" s="130"/>
      <c r="AF1054" s="130"/>
      <c r="AG1054" s="130"/>
      <c r="AH1054" s="130"/>
      <c r="AI1054" s="130"/>
      <c r="AJ1054" s="130"/>
      <c r="AK1054" s="130"/>
      <c r="AL1054" s="130"/>
      <c r="AM1054" s="130"/>
      <c r="AN1054" s="130"/>
      <c r="AO1054" s="134"/>
      <c r="AP1054" s="114"/>
      <c r="AQ1054" s="114"/>
    </row>
    <row r="1055" spans="6:43">
      <c r="F1055" s="141"/>
      <c r="G1055" s="141"/>
      <c r="H1055" s="141"/>
      <c r="I1055" s="141"/>
      <c r="J1055" s="141"/>
      <c r="K1055" s="141"/>
      <c r="L1055" s="141"/>
      <c r="M1055" s="141"/>
      <c r="N1055" s="141"/>
      <c r="O1055" s="131"/>
      <c r="P1055" s="141"/>
      <c r="Q1055" s="141"/>
      <c r="R1055" s="141"/>
      <c r="S1055" s="141"/>
      <c r="T1055" s="141"/>
      <c r="U1055" s="141"/>
      <c r="V1055" s="141"/>
      <c r="W1055" s="141"/>
      <c r="X1055" s="141"/>
      <c r="Y1055" s="141"/>
      <c r="Z1055" s="141"/>
      <c r="AA1055" s="141"/>
      <c r="AB1055" s="141"/>
      <c r="AC1055" s="141"/>
      <c r="AD1055" s="141"/>
      <c r="AE1055" s="141"/>
      <c r="AF1055" s="141"/>
      <c r="AG1055" s="141"/>
      <c r="AH1055" s="141"/>
      <c r="AI1055" s="141"/>
      <c r="AJ1055" s="141"/>
      <c r="AK1055" s="141"/>
      <c r="AL1055" s="141"/>
      <c r="AM1055" s="141"/>
      <c r="AN1055" s="141"/>
      <c r="AO1055" s="144"/>
      <c r="AP1055" s="137"/>
      <c r="AQ1055" s="137"/>
    </row>
    <row r="1056" spans="6:43">
      <c r="F1056" s="130"/>
      <c r="G1056" s="130"/>
      <c r="H1056" s="130"/>
      <c r="I1056" s="130"/>
      <c r="J1056" s="130"/>
      <c r="K1056" s="130"/>
      <c r="L1056" s="130"/>
      <c r="M1056" s="130"/>
      <c r="N1056" s="130"/>
      <c r="O1056" s="131"/>
      <c r="P1056" s="130"/>
      <c r="Q1056" s="130"/>
      <c r="R1056" s="130"/>
      <c r="S1056" s="130"/>
      <c r="T1056" s="130"/>
      <c r="U1056" s="130"/>
      <c r="V1056" s="130"/>
      <c r="W1056" s="130"/>
      <c r="X1056" s="130"/>
      <c r="Y1056" s="130"/>
      <c r="Z1056" s="130"/>
      <c r="AA1056" s="130"/>
      <c r="AB1056" s="130"/>
      <c r="AC1056" s="130"/>
      <c r="AD1056" s="130"/>
      <c r="AE1056" s="130"/>
      <c r="AF1056" s="130"/>
      <c r="AG1056" s="130"/>
      <c r="AH1056" s="130"/>
      <c r="AI1056" s="130"/>
      <c r="AJ1056" s="130"/>
      <c r="AK1056" s="130"/>
      <c r="AL1056" s="130"/>
      <c r="AM1056" s="130"/>
      <c r="AN1056" s="130"/>
      <c r="AO1056" s="134"/>
      <c r="AP1056" s="114"/>
      <c r="AQ1056" s="114"/>
    </row>
    <row r="1057" spans="6:43">
      <c r="F1057" s="62"/>
      <c r="G1057" s="62"/>
      <c r="H1057" s="62"/>
      <c r="I1057" s="62"/>
      <c r="J1057" s="62"/>
      <c r="K1057" s="62"/>
      <c r="L1057" s="62"/>
      <c r="M1057" s="62"/>
      <c r="N1057" s="62"/>
      <c r="O1057" s="62"/>
      <c r="P1057" s="62"/>
      <c r="Q1057" s="62"/>
      <c r="R1057" s="62"/>
      <c r="S1057" s="62"/>
      <c r="T1057" s="62"/>
      <c r="U1057" s="62"/>
      <c r="V1057" s="62"/>
      <c r="W1057" s="62"/>
      <c r="X1057" s="62"/>
      <c r="Y1057" s="62"/>
      <c r="Z1057" s="62"/>
      <c r="AA1057" s="62"/>
      <c r="AB1057" s="62"/>
      <c r="AC1057" s="62"/>
      <c r="AD1057" s="62"/>
      <c r="AE1057" s="62"/>
      <c r="AF1057" s="62"/>
      <c r="AG1057" s="62"/>
      <c r="AH1057" s="62"/>
      <c r="AI1057" s="62"/>
      <c r="AJ1057" s="62"/>
      <c r="AK1057" s="62"/>
      <c r="AL1057" s="62"/>
      <c r="AM1057" s="62"/>
      <c r="AN1057" s="62"/>
      <c r="AO1057" s="62"/>
      <c r="AP1057" s="62"/>
      <c r="AQ1057" s="62"/>
    </row>
    <row r="1058" spans="6:43">
      <c r="F1058" s="62"/>
      <c r="G1058" s="62"/>
      <c r="H1058" s="62"/>
      <c r="I1058" s="62"/>
      <c r="J1058" s="62"/>
      <c r="K1058" s="62"/>
      <c r="L1058" s="62"/>
      <c r="M1058" s="62"/>
      <c r="N1058" s="62"/>
      <c r="O1058" s="62"/>
      <c r="P1058" s="62"/>
      <c r="Q1058" s="62"/>
      <c r="R1058" s="62"/>
      <c r="S1058" s="62"/>
      <c r="T1058" s="62"/>
      <c r="U1058" s="62"/>
      <c r="V1058" s="62"/>
      <c r="W1058" s="62"/>
      <c r="X1058" s="62"/>
      <c r="Y1058" s="62"/>
      <c r="Z1058" s="62"/>
      <c r="AA1058" s="62"/>
      <c r="AB1058" s="62"/>
      <c r="AC1058" s="62"/>
      <c r="AD1058" s="62"/>
      <c r="AE1058" s="62"/>
      <c r="AF1058" s="62"/>
      <c r="AG1058" s="62"/>
      <c r="AH1058" s="62"/>
      <c r="AI1058" s="62"/>
      <c r="AJ1058" s="62"/>
      <c r="AK1058" s="62"/>
      <c r="AL1058" s="62"/>
      <c r="AM1058" s="62"/>
      <c r="AN1058" s="62"/>
      <c r="AO1058" s="62"/>
      <c r="AP1058" s="62"/>
      <c r="AQ1058" s="62"/>
    </row>
    <row r="1059" spans="6:43">
      <c r="F1059" s="62"/>
      <c r="G1059" s="62"/>
      <c r="H1059" s="62"/>
      <c r="I1059" s="62"/>
      <c r="J1059" s="62"/>
      <c r="K1059" s="62"/>
      <c r="L1059" s="62"/>
      <c r="M1059" s="62"/>
      <c r="N1059" s="62"/>
      <c r="O1059" s="62"/>
      <c r="P1059" s="62"/>
      <c r="Q1059" s="62"/>
      <c r="R1059" s="62"/>
      <c r="S1059" s="62"/>
      <c r="T1059" s="62"/>
      <c r="U1059" s="62"/>
      <c r="V1059" s="62"/>
      <c r="W1059" s="62"/>
      <c r="X1059" s="62"/>
      <c r="Y1059" s="62"/>
      <c r="Z1059" s="62"/>
      <c r="AA1059" s="62"/>
      <c r="AB1059" s="62"/>
      <c r="AC1059" s="62"/>
      <c r="AD1059" s="62"/>
      <c r="AE1059" s="62"/>
      <c r="AF1059" s="62"/>
      <c r="AG1059" s="62"/>
      <c r="AH1059" s="62"/>
      <c r="AI1059" s="62"/>
      <c r="AJ1059" s="62"/>
      <c r="AK1059" s="62"/>
      <c r="AL1059" s="62"/>
      <c r="AM1059" s="62"/>
      <c r="AN1059" s="62"/>
      <c r="AO1059" s="62"/>
      <c r="AP1059" s="62"/>
      <c r="AQ1059" s="62"/>
    </row>
    <row r="1060" spans="6:43">
      <c r="F1060" s="62"/>
      <c r="G1060" s="62"/>
      <c r="H1060" s="62"/>
      <c r="I1060" s="62"/>
      <c r="J1060" s="62"/>
      <c r="K1060" s="62"/>
      <c r="L1060" s="62"/>
      <c r="M1060" s="62"/>
      <c r="N1060" s="62"/>
      <c r="O1060" s="62"/>
      <c r="P1060" s="62"/>
      <c r="Q1060" s="62"/>
      <c r="R1060" s="62"/>
      <c r="S1060" s="62"/>
      <c r="T1060" s="62"/>
      <c r="U1060" s="62"/>
      <c r="V1060" s="62"/>
      <c r="W1060" s="62"/>
      <c r="X1060" s="62"/>
      <c r="Y1060" s="62"/>
      <c r="Z1060" s="62"/>
      <c r="AA1060" s="62"/>
      <c r="AB1060" s="62"/>
      <c r="AC1060" s="62"/>
      <c r="AD1060" s="62"/>
      <c r="AE1060" s="62"/>
      <c r="AF1060" s="62"/>
      <c r="AG1060" s="62"/>
      <c r="AH1060" s="62"/>
      <c r="AI1060" s="62"/>
      <c r="AJ1060" s="62"/>
      <c r="AK1060" s="62"/>
      <c r="AL1060" s="62"/>
      <c r="AM1060" s="62"/>
      <c r="AN1060" s="62"/>
      <c r="AO1060" s="62"/>
      <c r="AP1060" s="62"/>
      <c r="AQ1060" s="62"/>
    </row>
    <row r="1061" spans="6:43">
      <c r="F1061" s="62"/>
      <c r="G1061" s="62"/>
      <c r="H1061" s="62"/>
      <c r="I1061" s="62"/>
      <c r="J1061" s="62"/>
      <c r="K1061" s="62"/>
      <c r="L1061" s="62"/>
      <c r="M1061" s="62"/>
      <c r="N1061" s="62"/>
      <c r="O1061" s="62"/>
      <c r="P1061" s="62"/>
      <c r="Q1061" s="62"/>
      <c r="R1061" s="62"/>
      <c r="S1061" s="62"/>
      <c r="T1061" s="62"/>
      <c r="U1061" s="62"/>
      <c r="V1061" s="62"/>
      <c r="W1061" s="62"/>
      <c r="X1061" s="62"/>
      <c r="Y1061" s="62"/>
      <c r="Z1061" s="62"/>
      <c r="AA1061" s="62"/>
      <c r="AB1061" s="62"/>
      <c r="AC1061" s="62"/>
      <c r="AD1061" s="62"/>
      <c r="AE1061" s="62"/>
      <c r="AF1061" s="62"/>
      <c r="AG1061" s="62"/>
      <c r="AH1061" s="62"/>
      <c r="AI1061" s="62"/>
      <c r="AJ1061" s="62"/>
      <c r="AK1061" s="62"/>
      <c r="AL1061" s="62"/>
      <c r="AM1061" s="62"/>
      <c r="AN1061" s="62"/>
      <c r="AO1061" s="62"/>
      <c r="AP1061" s="62"/>
      <c r="AQ1061" s="62"/>
    </row>
    <row r="1062" spans="6:43">
      <c r="F1062" s="62"/>
      <c r="G1062" s="62"/>
      <c r="H1062" s="62"/>
      <c r="I1062" s="62"/>
      <c r="J1062" s="62"/>
      <c r="K1062" s="62"/>
      <c r="L1062" s="62"/>
      <c r="M1062" s="62"/>
      <c r="N1062" s="62"/>
      <c r="O1062" s="62"/>
      <c r="P1062" s="62"/>
      <c r="Q1062" s="62"/>
      <c r="R1062" s="62"/>
      <c r="S1062" s="62"/>
      <c r="T1062" s="62"/>
      <c r="U1062" s="62"/>
      <c r="V1062" s="62"/>
      <c r="W1062" s="62"/>
      <c r="X1062" s="62"/>
      <c r="Y1062" s="62"/>
      <c r="Z1062" s="62"/>
      <c r="AA1062" s="62"/>
      <c r="AB1062" s="62"/>
      <c r="AC1062" s="62"/>
      <c r="AD1062" s="62"/>
      <c r="AE1062" s="62"/>
      <c r="AF1062" s="62"/>
      <c r="AG1062" s="62"/>
      <c r="AH1062" s="62"/>
      <c r="AI1062" s="62"/>
      <c r="AJ1062" s="62"/>
      <c r="AK1062" s="62"/>
      <c r="AL1062" s="62"/>
      <c r="AM1062" s="62"/>
      <c r="AN1062" s="62"/>
      <c r="AO1062" s="62"/>
      <c r="AP1062" s="62"/>
      <c r="AQ1062" s="62"/>
    </row>
    <row r="1063" spans="6:43">
      <c r="F1063" s="130"/>
      <c r="G1063" s="130"/>
      <c r="H1063" s="130"/>
      <c r="I1063" s="130"/>
      <c r="J1063" s="130"/>
      <c r="K1063" s="130"/>
      <c r="L1063" s="130"/>
      <c r="M1063" s="130"/>
      <c r="N1063" s="130"/>
      <c r="O1063" s="131"/>
      <c r="P1063" s="130"/>
      <c r="Q1063" s="130"/>
      <c r="R1063" s="130"/>
      <c r="S1063" s="130"/>
      <c r="T1063" s="130"/>
      <c r="U1063" s="130"/>
      <c r="V1063" s="130"/>
      <c r="W1063" s="130"/>
      <c r="X1063" s="130"/>
      <c r="Y1063" s="130"/>
      <c r="Z1063" s="130"/>
      <c r="AA1063" s="130"/>
      <c r="AB1063" s="130"/>
      <c r="AC1063" s="130"/>
      <c r="AD1063" s="130"/>
      <c r="AE1063" s="130"/>
      <c r="AF1063" s="130"/>
      <c r="AG1063" s="130"/>
      <c r="AH1063" s="130"/>
      <c r="AI1063" s="130"/>
      <c r="AJ1063" s="130"/>
      <c r="AK1063" s="130"/>
      <c r="AL1063" s="130"/>
      <c r="AM1063" s="130"/>
      <c r="AN1063" s="130"/>
      <c r="AO1063" s="134"/>
      <c r="AP1063" s="114"/>
      <c r="AQ1063" s="114"/>
    </row>
    <row r="1064" spans="6:43">
      <c r="F1064" s="62"/>
      <c r="G1064" s="62"/>
      <c r="H1064" s="62"/>
      <c r="I1064" s="62"/>
      <c r="J1064" s="62"/>
      <c r="K1064" s="62"/>
      <c r="L1064" s="62"/>
      <c r="M1064" s="62"/>
      <c r="N1064" s="62"/>
      <c r="O1064" s="62"/>
      <c r="P1064" s="62"/>
      <c r="Q1064" s="62"/>
      <c r="R1064" s="62"/>
      <c r="S1064" s="62"/>
      <c r="T1064" s="62"/>
      <c r="U1064" s="62"/>
      <c r="V1064" s="62"/>
      <c r="W1064" s="62"/>
      <c r="X1064" s="62"/>
      <c r="Y1064" s="62"/>
      <c r="Z1064" s="62"/>
      <c r="AA1064" s="62"/>
      <c r="AB1064" s="62"/>
      <c r="AC1064" s="62"/>
      <c r="AD1064" s="62"/>
      <c r="AE1064" s="62"/>
      <c r="AF1064" s="62"/>
      <c r="AG1064" s="62"/>
      <c r="AH1064" s="62"/>
      <c r="AI1064" s="62"/>
      <c r="AJ1064" s="62"/>
      <c r="AK1064" s="62"/>
      <c r="AL1064" s="62"/>
      <c r="AM1064" s="62"/>
      <c r="AN1064" s="62"/>
      <c r="AO1064" s="62"/>
      <c r="AP1064" s="62"/>
      <c r="AQ1064" s="62"/>
    </row>
    <row r="1065" spans="6:43">
      <c r="F1065" s="62"/>
      <c r="G1065" s="62"/>
      <c r="H1065" s="62"/>
      <c r="I1065" s="62"/>
      <c r="J1065" s="62"/>
      <c r="K1065" s="62"/>
      <c r="L1065" s="62"/>
      <c r="M1065" s="62"/>
      <c r="N1065" s="62"/>
      <c r="O1065" s="62"/>
      <c r="P1065" s="62"/>
      <c r="Q1065" s="62"/>
      <c r="R1065" s="62"/>
      <c r="S1065" s="62"/>
      <c r="T1065" s="62"/>
      <c r="U1065" s="62"/>
      <c r="V1065" s="62"/>
      <c r="W1065" s="62"/>
      <c r="X1065" s="62"/>
      <c r="Y1065" s="62"/>
      <c r="Z1065" s="62"/>
      <c r="AA1065" s="62"/>
      <c r="AB1065" s="62"/>
      <c r="AC1065" s="62"/>
      <c r="AD1065" s="62"/>
      <c r="AE1065" s="62"/>
      <c r="AF1065" s="62"/>
      <c r="AG1065" s="62"/>
      <c r="AH1065" s="62"/>
      <c r="AI1065" s="62"/>
      <c r="AJ1065" s="62"/>
      <c r="AK1065" s="62"/>
      <c r="AL1065" s="62"/>
      <c r="AM1065" s="62"/>
      <c r="AN1065" s="62"/>
      <c r="AO1065" s="62"/>
      <c r="AP1065" s="62"/>
      <c r="AQ1065" s="62"/>
    </row>
    <row r="1066" spans="6:43">
      <c r="F1066" s="62"/>
      <c r="G1066" s="62"/>
      <c r="H1066" s="62"/>
      <c r="I1066" s="62"/>
      <c r="J1066" s="62"/>
      <c r="K1066" s="62"/>
      <c r="L1066" s="62"/>
      <c r="M1066" s="62"/>
      <c r="N1066" s="62"/>
      <c r="O1066" s="62"/>
      <c r="P1066" s="62"/>
      <c r="Q1066" s="62"/>
      <c r="R1066" s="62"/>
      <c r="S1066" s="62"/>
      <c r="T1066" s="62"/>
      <c r="U1066" s="62"/>
      <c r="V1066" s="62"/>
      <c r="W1066" s="62"/>
      <c r="X1066" s="62"/>
      <c r="Y1066" s="62"/>
      <c r="Z1066" s="62"/>
      <c r="AA1066" s="62"/>
      <c r="AB1066" s="62"/>
      <c r="AC1066" s="62"/>
      <c r="AD1066" s="62"/>
      <c r="AE1066" s="62"/>
      <c r="AF1066" s="62"/>
      <c r="AG1066" s="62"/>
      <c r="AH1066" s="62"/>
      <c r="AI1066" s="62"/>
      <c r="AJ1066" s="62"/>
      <c r="AK1066" s="62"/>
      <c r="AL1066" s="62"/>
      <c r="AM1066" s="62"/>
      <c r="AN1066" s="62"/>
      <c r="AO1066" s="62"/>
      <c r="AP1066" s="62"/>
      <c r="AQ1066" s="62"/>
    </row>
    <row r="1067" spans="6:43">
      <c r="F1067" s="62"/>
      <c r="G1067" s="62"/>
      <c r="H1067" s="62"/>
      <c r="I1067" s="62"/>
      <c r="J1067" s="62"/>
      <c r="K1067" s="62"/>
      <c r="L1067" s="62"/>
      <c r="M1067" s="62"/>
      <c r="N1067" s="62"/>
      <c r="O1067" s="62"/>
      <c r="P1067" s="62"/>
      <c r="Q1067" s="62"/>
      <c r="R1067" s="62"/>
      <c r="S1067" s="62"/>
      <c r="T1067" s="62"/>
      <c r="U1067" s="62"/>
      <c r="V1067" s="62"/>
      <c r="W1067" s="62"/>
      <c r="X1067" s="62"/>
      <c r="Y1067" s="62"/>
      <c r="Z1067" s="62"/>
      <c r="AA1067" s="62"/>
      <c r="AB1067" s="62"/>
      <c r="AC1067" s="62"/>
      <c r="AD1067" s="62"/>
      <c r="AE1067" s="62"/>
      <c r="AF1067" s="62"/>
      <c r="AG1067" s="62"/>
      <c r="AH1067" s="62"/>
      <c r="AI1067" s="62"/>
      <c r="AJ1067" s="62"/>
      <c r="AK1067" s="62"/>
      <c r="AL1067" s="62"/>
      <c r="AM1067" s="62"/>
      <c r="AN1067" s="62"/>
      <c r="AO1067" s="62"/>
      <c r="AP1067" s="62"/>
      <c r="AQ1067" s="62"/>
    </row>
    <row r="1068" spans="6:43">
      <c r="F1068" s="62"/>
      <c r="G1068" s="62"/>
      <c r="H1068" s="62"/>
      <c r="I1068" s="62"/>
      <c r="J1068" s="62"/>
      <c r="K1068" s="62"/>
      <c r="L1068" s="62"/>
      <c r="M1068" s="62"/>
      <c r="N1068" s="62"/>
      <c r="O1068" s="62"/>
      <c r="P1068" s="62"/>
      <c r="Q1068" s="62"/>
      <c r="R1068" s="62"/>
      <c r="S1068" s="62"/>
      <c r="T1068" s="62"/>
      <c r="U1068" s="62"/>
      <c r="V1068" s="62"/>
      <c r="W1068" s="62"/>
      <c r="X1068" s="62"/>
      <c r="Y1068" s="62"/>
      <c r="Z1068" s="62"/>
      <c r="AA1068" s="62"/>
      <c r="AB1068" s="62"/>
      <c r="AC1068" s="62"/>
      <c r="AD1068" s="62"/>
      <c r="AE1068" s="62"/>
      <c r="AF1068" s="62"/>
      <c r="AG1068" s="62"/>
      <c r="AH1068" s="62"/>
      <c r="AI1068" s="62"/>
      <c r="AJ1068" s="62"/>
      <c r="AK1068" s="62"/>
      <c r="AL1068" s="62"/>
      <c r="AM1068" s="62"/>
      <c r="AN1068" s="62"/>
      <c r="AO1068" s="62"/>
      <c r="AP1068" s="62"/>
      <c r="AQ1068" s="62"/>
    </row>
    <row r="1069" spans="6:43">
      <c r="F1069" s="62"/>
      <c r="G1069" s="62"/>
      <c r="H1069" s="62"/>
      <c r="I1069" s="62"/>
      <c r="J1069" s="62"/>
      <c r="K1069" s="62"/>
      <c r="L1069" s="62"/>
      <c r="M1069" s="62"/>
      <c r="N1069" s="62"/>
      <c r="O1069" s="62"/>
      <c r="P1069" s="62"/>
      <c r="Q1069" s="62"/>
      <c r="R1069" s="62"/>
      <c r="S1069" s="62"/>
      <c r="T1069" s="62"/>
      <c r="U1069" s="62"/>
      <c r="V1069" s="62"/>
      <c r="W1069" s="62"/>
      <c r="X1069" s="62"/>
      <c r="Y1069" s="62"/>
      <c r="Z1069" s="62"/>
      <c r="AA1069" s="62"/>
      <c r="AB1069" s="62"/>
      <c r="AC1069" s="62"/>
      <c r="AD1069" s="62"/>
      <c r="AE1069" s="62"/>
      <c r="AF1069" s="62"/>
      <c r="AG1069" s="62"/>
      <c r="AH1069" s="62"/>
      <c r="AI1069" s="62"/>
      <c r="AJ1069" s="62"/>
      <c r="AK1069" s="62"/>
      <c r="AL1069" s="62"/>
      <c r="AM1069" s="62"/>
      <c r="AN1069" s="62"/>
      <c r="AO1069" s="62"/>
      <c r="AP1069" s="62"/>
      <c r="AQ1069" s="62"/>
    </row>
    <row r="1070" spans="6:43">
      <c r="F1070" s="62"/>
      <c r="G1070" s="62"/>
      <c r="H1070" s="62"/>
      <c r="I1070" s="62"/>
      <c r="J1070" s="62"/>
      <c r="K1070" s="62"/>
      <c r="L1070" s="62"/>
      <c r="M1070" s="62"/>
      <c r="N1070" s="62"/>
      <c r="O1070" s="62"/>
      <c r="P1070" s="62"/>
      <c r="Q1070" s="62"/>
      <c r="R1070" s="62"/>
      <c r="S1070" s="62"/>
      <c r="T1070" s="62"/>
      <c r="U1070" s="62"/>
      <c r="V1070" s="62"/>
      <c r="W1070" s="62"/>
      <c r="X1070" s="62"/>
      <c r="Y1070" s="62"/>
      <c r="Z1070" s="62"/>
      <c r="AA1070" s="62"/>
      <c r="AB1070" s="62"/>
      <c r="AC1070" s="62"/>
      <c r="AD1070" s="62"/>
      <c r="AE1070" s="62"/>
      <c r="AF1070" s="62"/>
      <c r="AG1070" s="62"/>
      <c r="AH1070" s="62"/>
      <c r="AI1070" s="62"/>
      <c r="AJ1070" s="62"/>
      <c r="AK1070" s="62"/>
      <c r="AL1070" s="62"/>
      <c r="AM1070" s="62"/>
      <c r="AN1070" s="62"/>
      <c r="AO1070" s="62"/>
      <c r="AP1070" s="62"/>
      <c r="AQ1070" s="62"/>
    </row>
    <row r="1071" spans="6:43">
      <c r="F1071" s="62"/>
      <c r="G1071" s="62"/>
      <c r="H1071" s="62"/>
      <c r="I1071" s="62"/>
      <c r="J1071" s="62"/>
      <c r="K1071" s="62"/>
      <c r="L1071" s="62"/>
      <c r="M1071" s="62"/>
      <c r="N1071" s="62"/>
      <c r="O1071" s="62"/>
      <c r="P1071" s="62"/>
      <c r="Q1071" s="62"/>
      <c r="R1071" s="62"/>
      <c r="S1071" s="62"/>
      <c r="T1071" s="62"/>
      <c r="U1071" s="62"/>
      <c r="V1071" s="62"/>
      <c r="W1071" s="62"/>
      <c r="X1071" s="62"/>
      <c r="Y1071" s="62"/>
      <c r="Z1071" s="62"/>
      <c r="AA1071" s="62"/>
      <c r="AB1071" s="62"/>
      <c r="AC1071" s="62"/>
      <c r="AD1071" s="62"/>
      <c r="AE1071" s="62"/>
      <c r="AF1071" s="62"/>
      <c r="AG1071" s="62"/>
      <c r="AH1071" s="62"/>
      <c r="AI1071" s="62"/>
      <c r="AJ1071" s="62"/>
      <c r="AK1071" s="62"/>
      <c r="AL1071" s="62"/>
      <c r="AM1071" s="62"/>
      <c r="AN1071" s="62"/>
      <c r="AO1071" s="62"/>
      <c r="AP1071" s="62"/>
      <c r="AQ1071" s="62"/>
    </row>
    <row r="1072" spans="6:43">
      <c r="F1072" s="62"/>
      <c r="G1072" s="62"/>
      <c r="H1072" s="62"/>
      <c r="I1072" s="62"/>
      <c r="J1072" s="62"/>
      <c r="K1072" s="62"/>
      <c r="L1072" s="62"/>
      <c r="M1072" s="62"/>
      <c r="N1072" s="62"/>
      <c r="O1072" s="62"/>
      <c r="P1072" s="62"/>
      <c r="Q1072" s="62"/>
      <c r="R1072" s="62"/>
      <c r="S1072" s="62"/>
      <c r="T1072" s="62"/>
      <c r="U1072" s="62"/>
      <c r="V1072" s="62"/>
      <c r="W1072" s="62"/>
      <c r="X1072" s="62"/>
      <c r="Y1072" s="62"/>
      <c r="Z1072" s="62"/>
      <c r="AA1072" s="62"/>
      <c r="AB1072" s="62"/>
      <c r="AC1072" s="62"/>
      <c r="AD1072" s="62"/>
      <c r="AE1072" s="62"/>
      <c r="AF1072" s="62"/>
      <c r="AG1072" s="62"/>
      <c r="AH1072" s="62"/>
      <c r="AI1072" s="62"/>
      <c r="AJ1072" s="62"/>
      <c r="AK1072" s="62"/>
      <c r="AL1072" s="62"/>
      <c r="AM1072" s="62"/>
      <c r="AN1072" s="62"/>
      <c r="AO1072" s="62"/>
      <c r="AP1072" s="62"/>
      <c r="AQ1072" s="62"/>
    </row>
    <row r="1073" spans="6:43">
      <c r="F1073" s="62"/>
      <c r="G1073" s="62"/>
      <c r="H1073" s="62"/>
      <c r="I1073" s="62"/>
      <c r="J1073" s="62"/>
      <c r="K1073" s="62"/>
      <c r="L1073" s="62"/>
      <c r="M1073" s="62"/>
      <c r="N1073" s="62"/>
      <c r="O1073" s="62"/>
      <c r="P1073" s="62"/>
      <c r="Q1073" s="62"/>
      <c r="R1073" s="62"/>
      <c r="S1073" s="62"/>
      <c r="T1073" s="62"/>
      <c r="U1073" s="62"/>
      <c r="V1073" s="62"/>
      <c r="W1073" s="62"/>
      <c r="X1073" s="62"/>
      <c r="Y1073" s="62"/>
      <c r="Z1073" s="62"/>
      <c r="AA1073" s="62"/>
      <c r="AB1073" s="62"/>
      <c r="AC1073" s="62"/>
      <c r="AD1073" s="62"/>
      <c r="AE1073" s="62"/>
      <c r="AF1073" s="62"/>
      <c r="AG1073" s="62"/>
      <c r="AH1073" s="62"/>
      <c r="AI1073" s="62"/>
      <c r="AJ1073" s="62"/>
      <c r="AK1073" s="62"/>
      <c r="AL1073" s="62"/>
      <c r="AM1073" s="62"/>
      <c r="AN1073" s="62"/>
      <c r="AO1073" s="62"/>
      <c r="AP1073" s="62"/>
      <c r="AQ1073" s="62"/>
    </row>
    <row r="1074" spans="6:43">
      <c r="F1074" s="130"/>
      <c r="G1074" s="130"/>
      <c r="H1074" s="130"/>
      <c r="I1074" s="130"/>
      <c r="J1074" s="130"/>
      <c r="K1074" s="130"/>
      <c r="L1074" s="130"/>
      <c r="M1074" s="130"/>
      <c r="N1074" s="130"/>
      <c r="O1074" s="131"/>
      <c r="P1074" s="130"/>
      <c r="Q1074" s="130"/>
      <c r="R1074" s="130"/>
      <c r="S1074" s="130"/>
      <c r="T1074" s="130"/>
      <c r="U1074" s="130"/>
      <c r="V1074" s="130"/>
      <c r="W1074" s="130"/>
      <c r="X1074" s="130"/>
      <c r="Y1074" s="130"/>
      <c r="Z1074" s="130"/>
      <c r="AA1074" s="130"/>
      <c r="AB1074" s="130"/>
      <c r="AC1074" s="130"/>
      <c r="AD1074" s="130"/>
      <c r="AE1074" s="130"/>
      <c r="AF1074" s="130"/>
      <c r="AG1074" s="130"/>
      <c r="AH1074" s="130"/>
      <c r="AI1074" s="130"/>
      <c r="AJ1074" s="130"/>
      <c r="AK1074" s="130"/>
      <c r="AL1074" s="130"/>
      <c r="AM1074" s="130"/>
      <c r="AN1074" s="130"/>
      <c r="AO1074" s="134"/>
      <c r="AP1074" s="114"/>
      <c r="AQ1074" s="114"/>
    </row>
    <row r="1075" spans="6:43">
      <c r="F1075" s="141"/>
      <c r="G1075" s="141"/>
      <c r="H1075" s="141"/>
      <c r="I1075" s="141"/>
      <c r="J1075" s="141"/>
      <c r="K1075" s="141"/>
      <c r="L1075" s="141"/>
      <c r="M1075" s="141"/>
      <c r="N1075" s="141"/>
      <c r="O1075" s="131"/>
      <c r="P1075" s="141"/>
      <c r="Q1075" s="141"/>
      <c r="R1075" s="141"/>
      <c r="S1075" s="141"/>
      <c r="T1075" s="141"/>
      <c r="U1075" s="141"/>
      <c r="V1075" s="141"/>
      <c r="W1075" s="141"/>
      <c r="X1075" s="141"/>
      <c r="Y1075" s="141"/>
      <c r="Z1075" s="141"/>
      <c r="AA1075" s="141"/>
      <c r="AB1075" s="141"/>
      <c r="AC1075" s="141"/>
      <c r="AD1075" s="141"/>
      <c r="AE1075" s="141"/>
      <c r="AF1075" s="141"/>
      <c r="AG1075" s="141"/>
      <c r="AH1075" s="141"/>
      <c r="AI1075" s="141"/>
      <c r="AJ1075" s="141"/>
      <c r="AK1075" s="141"/>
      <c r="AL1075" s="141"/>
      <c r="AM1075" s="141"/>
      <c r="AN1075" s="141"/>
      <c r="AO1075" s="144"/>
      <c r="AP1075" s="137"/>
      <c r="AQ1075" s="137"/>
    </row>
    <row r="1076" spans="6:43">
      <c r="F1076" s="141"/>
      <c r="G1076" s="141"/>
      <c r="H1076" s="141"/>
      <c r="I1076" s="141"/>
      <c r="J1076" s="141"/>
      <c r="K1076" s="141"/>
      <c r="L1076" s="141"/>
      <c r="M1076" s="141"/>
      <c r="N1076" s="141"/>
      <c r="O1076" s="131"/>
      <c r="P1076" s="141"/>
      <c r="Q1076" s="141"/>
      <c r="R1076" s="141"/>
      <c r="S1076" s="141"/>
      <c r="T1076" s="141"/>
      <c r="U1076" s="141"/>
      <c r="V1076" s="141"/>
      <c r="W1076" s="141"/>
      <c r="X1076" s="141"/>
      <c r="Y1076" s="141"/>
      <c r="Z1076" s="141"/>
      <c r="AA1076" s="141"/>
      <c r="AB1076" s="141"/>
      <c r="AC1076" s="141"/>
      <c r="AD1076" s="141"/>
      <c r="AE1076" s="141"/>
      <c r="AF1076" s="141"/>
      <c r="AG1076" s="141"/>
      <c r="AH1076" s="141"/>
      <c r="AI1076" s="141"/>
      <c r="AJ1076" s="141"/>
      <c r="AK1076" s="141"/>
      <c r="AL1076" s="141"/>
      <c r="AM1076" s="141"/>
      <c r="AN1076" s="141"/>
      <c r="AO1076" s="144"/>
      <c r="AP1076" s="137"/>
      <c r="AQ1076" s="137"/>
    </row>
    <row r="1077" spans="6:43">
      <c r="F1077" s="62"/>
      <c r="G1077" s="62"/>
      <c r="H1077" s="62"/>
      <c r="I1077" s="62"/>
      <c r="J1077" s="62"/>
      <c r="K1077" s="62"/>
      <c r="L1077" s="62"/>
      <c r="M1077" s="62"/>
      <c r="N1077" s="62"/>
      <c r="O1077" s="62"/>
      <c r="P1077" s="62"/>
      <c r="Q1077" s="62"/>
      <c r="R1077" s="62"/>
      <c r="S1077" s="62"/>
      <c r="T1077" s="62"/>
      <c r="U1077" s="62"/>
      <c r="V1077" s="62"/>
      <c r="W1077" s="62"/>
      <c r="X1077" s="62"/>
      <c r="Y1077" s="62"/>
      <c r="Z1077" s="62"/>
      <c r="AA1077" s="62"/>
      <c r="AB1077" s="62"/>
      <c r="AC1077" s="62"/>
      <c r="AD1077" s="62"/>
      <c r="AE1077" s="62"/>
      <c r="AF1077" s="62"/>
      <c r="AG1077" s="62"/>
      <c r="AH1077" s="62"/>
      <c r="AI1077" s="62"/>
      <c r="AJ1077" s="62"/>
      <c r="AK1077" s="62"/>
      <c r="AL1077" s="62"/>
      <c r="AM1077" s="62"/>
      <c r="AN1077" s="62"/>
      <c r="AO1077" s="62"/>
      <c r="AP1077" s="62"/>
      <c r="AQ1077" s="62"/>
    </row>
    <row r="1078" spans="6:43">
      <c r="F1078" s="141"/>
      <c r="G1078" s="141"/>
      <c r="H1078" s="141"/>
      <c r="I1078" s="141"/>
      <c r="J1078" s="141"/>
      <c r="K1078" s="141"/>
      <c r="L1078" s="141"/>
      <c r="M1078" s="141"/>
      <c r="N1078" s="141"/>
      <c r="O1078" s="131"/>
      <c r="P1078" s="141"/>
      <c r="Q1078" s="141"/>
      <c r="R1078" s="141"/>
      <c r="S1078" s="141"/>
      <c r="T1078" s="141"/>
      <c r="U1078" s="141"/>
      <c r="V1078" s="141"/>
      <c r="W1078" s="141"/>
      <c r="X1078" s="141"/>
      <c r="Y1078" s="141"/>
      <c r="Z1078" s="141"/>
      <c r="AA1078" s="141"/>
      <c r="AB1078" s="141"/>
      <c r="AC1078" s="141"/>
      <c r="AD1078" s="141"/>
      <c r="AE1078" s="141"/>
      <c r="AF1078" s="141"/>
      <c r="AG1078" s="141"/>
      <c r="AH1078" s="141"/>
      <c r="AI1078" s="141"/>
      <c r="AJ1078" s="141"/>
      <c r="AK1078" s="141"/>
      <c r="AL1078" s="141"/>
      <c r="AM1078" s="141"/>
      <c r="AN1078" s="141"/>
      <c r="AO1078" s="144"/>
      <c r="AP1078" s="137"/>
      <c r="AQ1078" s="137"/>
    </row>
    <row r="1079" spans="6:43">
      <c r="F1079" s="130"/>
      <c r="G1079" s="130"/>
      <c r="H1079" s="130"/>
      <c r="I1079" s="130"/>
      <c r="J1079" s="130"/>
      <c r="K1079" s="130"/>
      <c r="L1079" s="130"/>
      <c r="M1079" s="130"/>
      <c r="N1079" s="130"/>
      <c r="O1079" s="131"/>
      <c r="P1079" s="130"/>
      <c r="Q1079" s="130"/>
      <c r="R1079" s="130"/>
      <c r="S1079" s="130"/>
      <c r="T1079" s="130"/>
      <c r="U1079" s="130"/>
      <c r="V1079" s="130"/>
      <c r="W1079" s="130"/>
      <c r="X1079" s="130"/>
      <c r="Y1079" s="130"/>
      <c r="Z1079" s="130"/>
      <c r="AA1079" s="130"/>
      <c r="AB1079" s="130"/>
      <c r="AC1079" s="130"/>
      <c r="AD1079" s="130"/>
      <c r="AE1079" s="130"/>
      <c r="AF1079" s="130"/>
      <c r="AG1079" s="130"/>
      <c r="AH1079" s="130"/>
      <c r="AI1079" s="130"/>
      <c r="AJ1079" s="130"/>
      <c r="AK1079" s="130"/>
      <c r="AL1079" s="130"/>
      <c r="AM1079" s="130"/>
      <c r="AN1079" s="130"/>
      <c r="AO1079" s="134"/>
      <c r="AP1079" s="114"/>
      <c r="AQ1079" s="114"/>
    </row>
    <row r="1080" spans="6:43">
      <c r="F1080" s="130"/>
      <c r="G1080" s="130"/>
      <c r="H1080" s="130"/>
      <c r="I1080" s="130"/>
      <c r="J1080" s="130"/>
      <c r="K1080" s="130"/>
      <c r="L1080" s="130"/>
      <c r="M1080" s="130"/>
      <c r="N1080" s="130"/>
      <c r="O1080" s="131"/>
      <c r="P1080" s="130"/>
      <c r="Q1080" s="130"/>
      <c r="R1080" s="130"/>
      <c r="S1080" s="130"/>
      <c r="T1080" s="130"/>
      <c r="U1080" s="130"/>
      <c r="V1080" s="130"/>
      <c r="W1080" s="130"/>
      <c r="X1080" s="130"/>
      <c r="Y1080" s="130"/>
      <c r="Z1080" s="130"/>
      <c r="AA1080" s="130"/>
      <c r="AB1080" s="130"/>
      <c r="AC1080" s="130"/>
      <c r="AD1080" s="130"/>
      <c r="AE1080" s="130"/>
      <c r="AF1080" s="130"/>
      <c r="AG1080" s="130"/>
      <c r="AH1080" s="130"/>
      <c r="AI1080" s="130"/>
      <c r="AJ1080" s="130"/>
      <c r="AK1080" s="130"/>
      <c r="AL1080" s="130"/>
      <c r="AM1080" s="130"/>
      <c r="AN1080" s="130"/>
      <c r="AO1080" s="134"/>
      <c r="AP1080" s="114"/>
      <c r="AQ1080" s="114"/>
    </row>
    <row r="1081" spans="6:43">
      <c r="F1081" s="130"/>
      <c r="G1081" s="130"/>
      <c r="H1081" s="130"/>
      <c r="I1081" s="130"/>
      <c r="J1081" s="130"/>
      <c r="K1081" s="130"/>
      <c r="L1081" s="130"/>
      <c r="M1081" s="130"/>
      <c r="N1081" s="130"/>
      <c r="O1081" s="131"/>
      <c r="P1081" s="130"/>
      <c r="Q1081" s="130"/>
      <c r="R1081" s="130"/>
      <c r="S1081" s="130"/>
      <c r="T1081" s="130"/>
      <c r="U1081" s="130"/>
      <c r="V1081" s="130"/>
      <c r="W1081" s="130"/>
      <c r="X1081" s="130"/>
      <c r="Y1081" s="130"/>
      <c r="Z1081" s="130"/>
      <c r="AA1081" s="130"/>
      <c r="AB1081" s="130"/>
      <c r="AC1081" s="130"/>
      <c r="AD1081" s="130"/>
      <c r="AE1081" s="130"/>
      <c r="AF1081" s="130"/>
      <c r="AG1081" s="130"/>
      <c r="AH1081" s="130"/>
      <c r="AI1081" s="130"/>
      <c r="AJ1081" s="130"/>
      <c r="AK1081" s="130"/>
      <c r="AL1081" s="130"/>
      <c r="AM1081" s="130"/>
      <c r="AN1081" s="130"/>
      <c r="AO1081" s="134"/>
      <c r="AP1081" s="114"/>
      <c r="AQ1081" s="114"/>
    </row>
    <row r="1082" spans="6:43">
      <c r="F1082" s="130"/>
      <c r="G1082" s="130"/>
      <c r="H1082" s="130"/>
      <c r="I1082" s="130"/>
      <c r="J1082" s="130"/>
      <c r="K1082" s="130"/>
      <c r="L1082" s="130"/>
      <c r="M1082" s="130"/>
      <c r="N1082" s="130"/>
      <c r="O1082" s="131"/>
      <c r="P1082" s="130"/>
      <c r="Q1082" s="130"/>
      <c r="R1082" s="130"/>
      <c r="S1082" s="130"/>
      <c r="T1082" s="130"/>
      <c r="U1082" s="130"/>
      <c r="V1082" s="130"/>
      <c r="W1082" s="130"/>
      <c r="X1082" s="130"/>
      <c r="Y1082" s="130"/>
      <c r="Z1082" s="130"/>
      <c r="AA1082" s="130"/>
      <c r="AB1082" s="130"/>
      <c r="AC1082" s="130"/>
      <c r="AD1082" s="130"/>
      <c r="AE1082" s="130"/>
      <c r="AF1082" s="130"/>
      <c r="AG1082" s="130"/>
      <c r="AH1082" s="130"/>
      <c r="AI1082" s="130"/>
      <c r="AJ1082" s="130"/>
      <c r="AK1082" s="130"/>
      <c r="AL1082" s="130"/>
      <c r="AM1082" s="130"/>
      <c r="AN1082" s="130"/>
      <c r="AO1082" s="134"/>
      <c r="AP1082" s="114"/>
      <c r="AQ1082" s="114"/>
    </row>
    <row r="1083" spans="6:43">
      <c r="F1083" s="130"/>
      <c r="G1083" s="130"/>
      <c r="H1083" s="130"/>
      <c r="I1083" s="130"/>
      <c r="J1083" s="130"/>
      <c r="K1083" s="130"/>
      <c r="L1083" s="130"/>
      <c r="M1083" s="130"/>
      <c r="N1083" s="130"/>
      <c r="O1083" s="131"/>
      <c r="P1083" s="130"/>
      <c r="Q1083" s="130"/>
      <c r="R1083" s="130"/>
      <c r="S1083" s="130"/>
      <c r="T1083" s="130"/>
      <c r="U1083" s="130"/>
      <c r="V1083" s="130"/>
      <c r="W1083" s="130"/>
      <c r="X1083" s="130"/>
      <c r="Y1083" s="130"/>
      <c r="Z1083" s="130"/>
      <c r="AA1083" s="130"/>
      <c r="AB1083" s="130"/>
      <c r="AC1083" s="130"/>
      <c r="AD1083" s="130"/>
      <c r="AE1083" s="130"/>
      <c r="AF1083" s="130"/>
      <c r="AG1083" s="130"/>
      <c r="AH1083" s="130"/>
      <c r="AI1083" s="130"/>
      <c r="AJ1083" s="130"/>
      <c r="AK1083" s="130"/>
      <c r="AL1083" s="130"/>
      <c r="AM1083" s="130"/>
      <c r="AN1083" s="130"/>
      <c r="AO1083" s="134"/>
      <c r="AP1083" s="114"/>
      <c r="AQ1083" s="114"/>
    </row>
    <row r="1084" spans="6:43">
      <c r="F1084" s="130"/>
      <c r="G1084" s="130"/>
      <c r="H1084" s="130"/>
      <c r="I1084" s="130"/>
      <c r="J1084" s="130"/>
      <c r="K1084" s="130"/>
      <c r="L1084" s="130"/>
      <c r="M1084" s="130"/>
      <c r="N1084" s="130"/>
      <c r="O1084" s="131"/>
      <c r="P1084" s="130"/>
      <c r="Q1084" s="130"/>
      <c r="R1084" s="130"/>
      <c r="S1084" s="130"/>
      <c r="T1084" s="130"/>
      <c r="U1084" s="130"/>
      <c r="V1084" s="130"/>
      <c r="W1084" s="130"/>
      <c r="X1084" s="130"/>
      <c r="Y1084" s="130"/>
      <c r="Z1084" s="130"/>
      <c r="AA1084" s="130"/>
      <c r="AB1084" s="130"/>
      <c r="AC1084" s="130"/>
      <c r="AD1084" s="130"/>
      <c r="AE1084" s="130"/>
      <c r="AF1084" s="130"/>
      <c r="AG1084" s="130"/>
      <c r="AH1084" s="130"/>
      <c r="AI1084" s="130"/>
      <c r="AJ1084" s="130"/>
      <c r="AK1084" s="130"/>
      <c r="AL1084" s="130"/>
      <c r="AM1084" s="130"/>
      <c r="AN1084" s="130"/>
      <c r="AO1084" s="134"/>
      <c r="AP1084" s="114"/>
      <c r="AQ1084" s="114"/>
    </row>
    <row r="1085" spans="6:43">
      <c r="F1085" s="62"/>
      <c r="G1085" s="62"/>
      <c r="H1085" s="62"/>
      <c r="I1085" s="62"/>
      <c r="J1085" s="62"/>
      <c r="K1085" s="62"/>
      <c r="L1085" s="62"/>
      <c r="M1085" s="62"/>
      <c r="N1085" s="62"/>
      <c r="O1085" s="62"/>
      <c r="P1085" s="62"/>
      <c r="Q1085" s="62"/>
      <c r="R1085" s="62"/>
      <c r="S1085" s="62"/>
      <c r="T1085" s="62"/>
      <c r="U1085" s="62"/>
      <c r="V1085" s="62"/>
      <c r="W1085" s="62"/>
      <c r="X1085" s="62"/>
      <c r="Y1085" s="62"/>
      <c r="Z1085" s="62"/>
      <c r="AA1085" s="62"/>
      <c r="AB1085" s="62"/>
      <c r="AC1085" s="62"/>
      <c r="AD1085" s="62"/>
      <c r="AE1085" s="62"/>
      <c r="AF1085" s="62"/>
      <c r="AG1085" s="62"/>
      <c r="AH1085" s="62"/>
      <c r="AI1085" s="62"/>
      <c r="AJ1085" s="62"/>
      <c r="AK1085" s="62"/>
      <c r="AL1085" s="62"/>
      <c r="AM1085" s="62"/>
      <c r="AN1085" s="62"/>
      <c r="AO1085" s="62"/>
      <c r="AP1085" s="62"/>
      <c r="AQ1085" s="62"/>
    </row>
    <row r="1086" spans="6:43">
      <c r="F1086" s="130"/>
      <c r="G1086" s="130"/>
      <c r="H1086" s="130"/>
      <c r="I1086" s="130"/>
      <c r="J1086" s="130"/>
      <c r="K1086" s="130"/>
      <c r="L1086" s="130"/>
      <c r="M1086" s="130"/>
      <c r="N1086" s="130"/>
      <c r="O1086" s="131"/>
      <c r="P1086" s="130"/>
      <c r="Q1086" s="130"/>
      <c r="R1086" s="130"/>
      <c r="S1086" s="130"/>
      <c r="T1086" s="130"/>
      <c r="U1086" s="130"/>
      <c r="V1086" s="130"/>
      <c r="W1086" s="130"/>
      <c r="X1086" s="130"/>
      <c r="Y1086" s="130"/>
      <c r="Z1086" s="130"/>
      <c r="AA1086" s="130"/>
      <c r="AB1086" s="130"/>
      <c r="AC1086" s="130"/>
      <c r="AD1086" s="130"/>
      <c r="AE1086" s="130"/>
      <c r="AF1086" s="130"/>
      <c r="AG1086" s="130"/>
      <c r="AH1086" s="130"/>
      <c r="AI1086" s="130"/>
      <c r="AJ1086" s="130"/>
      <c r="AK1086" s="130"/>
      <c r="AL1086" s="130"/>
      <c r="AM1086" s="130"/>
      <c r="AN1086" s="130"/>
      <c r="AO1086" s="134"/>
      <c r="AP1086" s="114"/>
      <c r="AQ1086" s="114"/>
    </row>
    <row r="1087" spans="6:43">
      <c r="F1087" s="62"/>
      <c r="G1087" s="62"/>
      <c r="H1087" s="62"/>
      <c r="I1087" s="62"/>
      <c r="J1087" s="62"/>
      <c r="K1087" s="62"/>
      <c r="L1087" s="62"/>
      <c r="M1087" s="62"/>
      <c r="N1087" s="62"/>
      <c r="O1087" s="62"/>
      <c r="P1087" s="62"/>
      <c r="Q1087" s="62"/>
      <c r="R1087" s="62"/>
      <c r="S1087" s="62"/>
      <c r="T1087" s="62"/>
      <c r="U1087" s="62"/>
      <c r="V1087" s="62"/>
      <c r="W1087" s="62"/>
      <c r="X1087" s="62"/>
      <c r="Y1087" s="62"/>
      <c r="Z1087" s="62"/>
      <c r="AA1087" s="62"/>
      <c r="AB1087" s="62"/>
      <c r="AC1087" s="62"/>
      <c r="AD1087" s="62"/>
      <c r="AE1087" s="62"/>
      <c r="AF1087" s="62"/>
      <c r="AG1087" s="62"/>
      <c r="AH1087" s="62"/>
      <c r="AI1087" s="62"/>
      <c r="AJ1087" s="62"/>
      <c r="AK1087" s="62"/>
      <c r="AL1087" s="62"/>
      <c r="AM1087" s="62"/>
      <c r="AN1087" s="62"/>
      <c r="AO1087" s="62"/>
      <c r="AP1087" s="62"/>
      <c r="AQ1087" s="62"/>
    </row>
    <row r="1088" spans="6:43">
      <c r="F1088" s="62"/>
      <c r="G1088" s="62"/>
      <c r="H1088" s="62"/>
      <c r="I1088" s="62"/>
      <c r="J1088" s="62"/>
      <c r="K1088" s="62"/>
      <c r="L1088" s="62"/>
      <c r="M1088" s="62"/>
      <c r="N1088" s="62"/>
      <c r="O1088" s="62"/>
      <c r="P1088" s="62"/>
      <c r="Q1088" s="62"/>
      <c r="R1088" s="62"/>
      <c r="S1088" s="62"/>
      <c r="T1088" s="62"/>
      <c r="U1088" s="62"/>
      <c r="V1088" s="62"/>
      <c r="W1088" s="62"/>
      <c r="X1088" s="62"/>
      <c r="Y1088" s="62"/>
      <c r="Z1088" s="62"/>
      <c r="AA1088" s="62"/>
      <c r="AB1088" s="62"/>
      <c r="AC1088" s="62"/>
      <c r="AD1088" s="62"/>
      <c r="AE1088" s="62"/>
      <c r="AF1088" s="62"/>
      <c r="AG1088" s="62"/>
      <c r="AH1088" s="62"/>
      <c r="AI1088" s="62"/>
      <c r="AJ1088" s="62"/>
      <c r="AK1088" s="62"/>
      <c r="AL1088" s="62"/>
      <c r="AM1088" s="62"/>
      <c r="AN1088" s="62"/>
      <c r="AO1088" s="62"/>
      <c r="AP1088" s="62"/>
      <c r="AQ1088" s="62"/>
    </row>
    <row r="1089" spans="6:43">
      <c r="F1089" s="130"/>
      <c r="G1089" s="130"/>
      <c r="H1089" s="130"/>
      <c r="I1089" s="130"/>
      <c r="J1089" s="130"/>
      <c r="K1089" s="130"/>
      <c r="L1089" s="130"/>
      <c r="M1089" s="130"/>
      <c r="N1089" s="130"/>
      <c r="O1089" s="131"/>
      <c r="P1089" s="130"/>
      <c r="Q1089" s="130"/>
      <c r="R1089" s="130"/>
      <c r="S1089" s="130"/>
      <c r="T1089" s="130"/>
      <c r="U1089" s="130"/>
      <c r="V1089" s="130"/>
      <c r="W1089" s="130"/>
      <c r="X1089" s="130"/>
      <c r="Y1089" s="130"/>
      <c r="Z1089" s="130"/>
      <c r="AA1089" s="130"/>
      <c r="AB1089" s="130"/>
      <c r="AC1089" s="130"/>
      <c r="AD1089" s="130"/>
      <c r="AE1089" s="130"/>
      <c r="AF1089" s="130"/>
      <c r="AG1089" s="130"/>
      <c r="AH1089" s="130"/>
      <c r="AI1089" s="130"/>
      <c r="AJ1089" s="130"/>
      <c r="AK1089" s="130"/>
      <c r="AL1089" s="130"/>
      <c r="AM1089" s="130"/>
      <c r="AN1089" s="130"/>
      <c r="AO1089" s="134"/>
      <c r="AP1089" s="114"/>
      <c r="AQ1089" s="114"/>
    </row>
    <row r="1090" spans="6:43">
      <c r="F1090" s="62"/>
      <c r="G1090" s="62"/>
      <c r="H1090" s="62"/>
      <c r="I1090" s="62"/>
      <c r="J1090" s="62"/>
      <c r="K1090" s="62"/>
      <c r="L1090" s="62"/>
      <c r="M1090" s="62"/>
      <c r="N1090" s="62"/>
      <c r="O1090" s="62"/>
      <c r="P1090" s="62"/>
      <c r="Q1090" s="62"/>
      <c r="R1090" s="62"/>
      <c r="S1090" s="62"/>
      <c r="T1090" s="62"/>
      <c r="U1090" s="62"/>
      <c r="V1090" s="62"/>
      <c r="W1090" s="62"/>
      <c r="X1090" s="62"/>
      <c r="Y1090" s="62"/>
      <c r="Z1090" s="62"/>
      <c r="AA1090" s="62"/>
      <c r="AB1090" s="62"/>
      <c r="AC1090" s="62"/>
      <c r="AD1090" s="62"/>
      <c r="AE1090" s="62"/>
      <c r="AF1090" s="62"/>
      <c r="AG1090" s="62"/>
      <c r="AH1090" s="62"/>
      <c r="AI1090" s="62"/>
      <c r="AJ1090" s="62"/>
      <c r="AK1090" s="62"/>
      <c r="AL1090" s="62"/>
      <c r="AM1090" s="62"/>
      <c r="AN1090" s="62"/>
      <c r="AO1090" s="62"/>
      <c r="AP1090" s="62"/>
      <c r="AQ1090" s="62"/>
    </row>
    <row r="1091" spans="6:43">
      <c r="F1091" s="62"/>
      <c r="G1091" s="62"/>
      <c r="H1091" s="62"/>
      <c r="I1091" s="62"/>
      <c r="J1091" s="62"/>
      <c r="K1091" s="62"/>
      <c r="L1091" s="62"/>
      <c r="M1091" s="62"/>
      <c r="N1091" s="62"/>
      <c r="O1091" s="62"/>
      <c r="P1091" s="62"/>
      <c r="Q1091" s="62"/>
      <c r="R1091" s="62"/>
      <c r="S1091" s="62"/>
      <c r="T1091" s="62"/>
      <c r="U1091" s="62"/>
      <c r="V1091" s="62"/>
      <c r="W1091" s="62"/>
      <c r="X1091" s="62"/>
      <c r="Y1091" s="62"/>
      <c r="Z1091" s="62"/>
      <c r="AA1091" s="62"/>
      <c r="AB1091" s="62"/>
      <c r="AC1091" s="62"/>
      <c r="AD1091" s="62"/>
      <c r="AE1091" s="62"/>
      <c r="AF1091" s="62"/>
      <c r="AG1091" s="62"/>
      <c r="AH1091" s="62"/>
      <c r="AI1091" s="62"/>
      <c r="AJ1091" s="62"/>
      <c r="AK1091" s="62"/>
      <c r="AL1091" s="62"/>
      <c r="AM1091" s="62"/>
      <c r="AN1091" s="62"/>
      <c r="AO1091" s="62"/>
      <c r="AP1091" s="62"/>
      <c r="AQ1091" s="62"/>
    </row>
    <row r="1092" spans="6:43">
      <c r="F1092" s="62"/>
      <c r="G1092" s="62"/>
      <c r="H1092" s="62"/>
      <c r="I1092" s="62"/>
      <c r="J1092" s="62"/>
      <c r="K1092" s="62"/>
      <c r="L1092" s="62"/>
      <c r="M1092" s="62"/>
      <c r="N1092" s="62"/>
      <c r="O1092" s="62"/>
      <c r="P1092" s="62"/>
      <c r="Q1092" s="62"/>
      <c r="R1092" s="62"/>
      <c r="S1092" s="62"/>
      <c r="T1092" s="62"/>
      <c r="U1092" s="62"/>
      <c r="V1092" s="62"/>
      <c r="W1092" s="62"/>
      <c r="X1092" s="62"/>
      <c r="Y1092" s="62"/>
      <c r="Z1092" s="62"/>
      <c r="AA1092" s="62"/>
      <c r="AB1092" s="62"/>
      <c r="AC1092" s="62"/>
      <c r="AD1092" s="62"/>
      <c r="AE1092" s="62"/>
      <c r="AF1092" s="62"/>
      <c r="AG1092" s="62"/>
      <c r="AH1092" s="62"/>
      <c r="AI1092" s="62"/>
      <c r="AJ1092" s="62"/>
      <c r="AK1092" s="62"/>
      <c r="AL1092" s="62"/>
      <c r="AM1092" s="62"/>
      <c r="AN1092" s="62"/>
      <c r="AO1092" s="62"/>
      <c r="AP1092" s="62"/>
      <c r="AQ1092" s="62"/>
    </row>
    <row r="1093" spans="6:43">
      <c r="F1093" s="62"/>
      <c r="G1093" s="62"/>
      <c r="H1093" s="62"/>
      <c r="I1093" s="62"/>
      <c r="J1093" s="62"/>
      <c r="K1093" s="62"/>
      <c r="L1093" s="62"/>
      <c r="M1093" s="62"/>
      <c r="N1093" s="62"/>
      <c r="O1093" s="62"/>
      <c r="P1093" s="62"/>
      <c r="Q1093" s="62"/>
      <c r="R1093" s="62"/>
      <c r="S1093" s="62"/>
      <c r="T1093" s="62"/>
      <c r="U1093" s="62"/>
      <c r="V1093" s="62"/>
      <c r="W1093" s="62"/>
      <c r="X1093" s="62"/>
      <c r="Y1093" s="62"/>
      <c r="Z1093" s="62"/>
      <c r="AA1093" s="62"/>
      <c r="AB1093" s="62"/>
      <c r="AC1093" s="62"/>
      <c r="AD1093" s="62"/>
      <c r="AE1093" s="62"/>
      <c r="AF1093" s="62"/>
      <c r="AG1093" s="62"/>
      <c r="AH1093" s="62"/>
      <c r="AI1093" s="62"/>
      <c r="AJ1093" s="62"/>
      <c r="AK1093" s="62"/>
      <c r="AL1093" s="62"/>
      <c r="AM1093" s="62"/>
      <c r="AN1093" s="62"/>
      <c r="AO1093" s="62"/>
      <c r="AP1093" s="62"/>
      <c r="AQ1093" s="62"/>
    </row>
    <row r="1094" spans="6:43">
      <c r="F1094" s="62"/>
      <c r="G1094" s="62"/>
      <c r="H1094" s="62"/>
      <c r="I1094" s="62"/>
      <c r="J1094" s="62"/>
      <c r="K1094" s="62"/>
      <c r="L1094" s="62"/>
      <c r="M1094" s="62"/>
      <c r="N1094" s="62"/>
      <c r="O1094" s="62"/>
      <c r="P1094" s="62"/>
      <c r="Q1094" s="62"/>
      <c r="R1094" s="62"/>
      <c r="S1094" s="62"/>
      <c r="T1094" s="62"/>
      <c r="U1094" s="62"/>
      <c r="V1094" s="62"/>
      <c r="W1094" s="62"/>
      <c r="X1094" s="62"/>
      <c r="Y1094" s="62"/>
      <c r="Z1094" s="62"/>
      <c r="AA1094" s="62"/>
      <c r="AB1094" s="62"/>
      <c r="AC1094" s="62"/>
      <c r="AD1094" s="62"/>
      <c r="AE1094" s="62"/>
      <c r="AF1094" s="62"/>
      <c r="AG1094" s="62"/>
      <c r="AH1094" s="62"/>
      <c r="AI1094" s="62"/>
      <c r="AJ1094" s="62"/>
      <c r="AK1094" s="62"/>
      <c r="AL1094" s="62"/>
      <c r="AM1094" s="62"/>
      <c r="AN1094" s="62"/>
      <c r="AO1094" s="62"/>
      <c r="AP1094" s="62"/>
      <c r="AQ1094" s="62"/>
    </row>
    <row r="1095" spans="6:43">
      <c r="F1095" s="130"/>
      <c r="G1095" s="130"/>
      <c r="H1095" s="130"/>
      <c r="I1095" s="130"/>
      <c r="J1095" s="130"/>
      <c r="K1095" s="130"/>
      <c r="L1095" s="130"/>
      <c r="M1095" s="130"/>
      <c r="N1095" s="130"/>
      <c r="O1095" s="131"/>
      <c r="P1095" s="130"/>
      <c r="Q1095" s="130"/>
      <c r="R1095" s="130"/>
      <c r="S1095" s="130"/>
      <c r="T1095" s="130"/>
      <c r="U1095" s="130"/>
      <c r="V1095" s="130"/>
      <c r="W1095" s="130"/>
      <c r="X1095" s="130"/>
      <c r="Y1095" s="130"/>
      <c r="Z1095" s="130"/>
      <c r="AA1095" s="130"/>
      <c r="AB1095" s="130"/>
      <c r="AC1095" s="130"/>
      <c r="AD1095" s="130"/>
      <c r="AE1095" s="130"/>
      <c r="AF1095" s="130"/>
      <c r="AG1095" s="130"/>
      <c r="AH1095" s="130"/>
      <c r="AI1095" s="130"/>
      <c r="AJ1095" s="130"/>
      <c r="AK1095" s="130"/>
      <c r="AL1095" s="130"/>
      <c r="AM1095" s="130"/>
      <c r="AN1095" s="130"/>
      <c r="AO1095" s="134"/>
      <c r="AP1095" s="114"/>
      <c r="AQ1095" s="114"/>
    </row>
    <row r="1096" spans="6:43">
      <c r="F1096" s="141"/>
      <c r="G1096" s="141"/>
      <c r="H1096" s="141"/>
      <c r="I1096" s="141"/>
      <c r="J1096" s="141"/>
      <c r="K1096" s="141"/>
      <c r="L1096" s="141"/>
      <c r="M1096" s="141"/>
      <c r="N1096" s="141"/>
      <c r="O1096" s="131"/>
      <c r="P1096" s="141"/>
      <c r="Q1096" s="141"/>
      <c r="R1096" s="141"/>
      <c r="S1096" s="141"/>
      <c r="T1096" s="141"/>
      <c r="U1096" s="141"/>
      <c r="V1096" s="141"/>
      <c r="W1096" s="141"/>
      <c r="X1096" s="141"/>
      <c r="Y1096" s="141"/>
      <c r="Z1096" s="141"/>
      <c r="AA1096" s="141"/>
      <c r="AB1096" s="141"/>
      <c r="AC1096" s="141"/>
      <c r="AD1096" s="141"/>
      <c r="AE1096" s="141"/>
      <c r="AF1096" s="141"/>
      <c r="AG1096" s="141"/>
      <c r="AH1096" s="141"/>
      <c r="AI1096" s="141"/>
      <c r="AJ1096" s="141"/>
      <c r="AK1096" s="141"/>
      <c r="AL1096" s="141"/>
      <c r="AM1096" s="141"/>
      <c r="AN1096" s="141"/>
      <c r="AO1096" s="144"/>
      <c r="AP1096" s="137"/>
      <c r="AQ1096" s="137"/>
    </row>
    <row r="1097" spans="6:43">
      <c r="F1097" s="208"/>
      <c r="G1097" s="208"/>
      <c r="H1097" s="208"/>
      <c r="I1097" s="208"/>
      <c r="J1097" s="208"/>
      <c r="K1097" s="208"/>
      <c r="L1097" s="208"/>
      <c r="M1097" s="208"/>
      <c r="N1097" s="208"/>
      <c r="O1097" s="131"/>
      <c r="P1097" s="208"/>
      <c r="Q1097" s="208"/>
      <c r="R1097" s="208"/>
      <c r="S1097" s="208"/>
      <c r="T1097" s="208"/>
      <c r="U1097" s="208"/>
      <c r="V1097" s="208"/>
      <c r="W1097" s="208"/>
      <c r="X1097" s="208"/>
      <c r="Y1097" s="208"/>
      <c r="Z1097" s="208"/>
      <c r="AA1097" s="208"/>
      <c r="AB1097" s="208"/>
      <c r="AC1097" s="208"/>
      <c r="AD1097" s="208"/>
      <c r="AE1097" s="208"/>
      <c r="AF1097" s="208"/>
      <c r="AG1097" s="208"/>
      <c r="AH1097" s="208"/>
      <c r="AI1097" s="208"/>
      <c r="AJ1097" s="208"/>
      <c r="AK1097" s="208"/>
      <c r="AL1097" s="208"/>
      <c r="AM1097" s="208"/>
      <c r="AN1097" s="208"/>
      <c r="AO1097" s="211"/>
      <c r="AP1097" s="202"/>
      <c r="AQ1097" s="202"/>
    </row>
    <row r="1098" spans="6:43">
      <c r="F1098" s="218"/>
      <c r="G1098" s="218"/>
      <c r="H1098" s="218"/>
      <c r="I1098" s="218"/>
      <c r="J1098" s="218"/>
      <c r="K1098" s="218"/>
      <c r="L1098" s="218"/>
      <c r="M1098" s="218"/>
      <c r="N1098" s="218"/>
      <c r="O1098" s="131"/>
      <c r="P1098" s="218"/>
      <c r="Q1098" s="218"/>
      <c r="R1098" s="218"/>
      <c r="S1098" s="218"/>
      <c r="T1098" s="218"/>
      <c r="U1098" s="218"/>
      <c r="V1098" s="218"/>
      <c r="W1098" s="218"/>
      <c r="X1098" s="218"/>
      <c r="Y1098" s="218"/>
      <c r="Z1098" s="218"/>
      <c r="AA1098" s="218"/>
      <c r="AB1098" s="218"/>
      <c r="AC1098" s="218"/>
      <c r="AD1098" s="218"/>
      <c r="AE1098" s="218"/>
      <c r="AF1098" s="218"/>
      <c r="AG1098" s="218"/>
      <c r="AH1098" s="218"/>
      <c r="AI1098" s="218"/>
      <c r="AJ1098" s="218"/>
      <c r="AK1098" s="218"/>
      <c r="AL1098" s="218"/>
      <c r="AM1098" s="218"/>
      <c r="AN1098" s="218"/>
      <c r="AO1098" s="221"/>
      <c r="AP1098" s="214"/>
      <c r="AQ1098" s="214"/>
    </row>
    <row r="1099" spans="6:43">
      <c r="F1099" s="62"/>
      <c r="G1099" s="62"/>
      <c r="H1099" s="62"/>
      <c r="I1099" s="62"/>
      <c r="J1099" s="62"/>
      <c r="K1099" s="62"/>
      <c r="L1099" s="62"/>
      <c r="M1099" s="62"/>
      <c r="N1099" s="62"/>
      <c r="O1099" s="62"/>
      <c r="P1099" s="62"/>
      <c r="Q1099" s="62"/>
      <c r="R1099" s="62"/>
      <c r="S1099" s="62"/>
      <c r="T1099" s="62"/>
      <c r="U1099" s="62"/>
      <c r="V1099" s="62"/>
      <c r="W1099" s="62"/>
      <c r="X1099" s="62"/>
      <c r="Y1099" s="62"/>
      <c r="Z1099" s="62"/>
      <c r="AA1099" s="62"/>
      <c r="AB1099" s="62"/>
      <c r="AC1099" s="62"/>
      <c r="AD1099" s="62"/>
      <c r="AE1099" s="62"/>
      <c r="AF1099" s="62"/>
      <c r="AG1099" s="62"/>
      <c r="AH1099" s="62"/>
      <c r="AI1099" s="62"/>
      <c r="AJ1099" s="62"/>
      <c r="AK1099" s="62"/>
      <c r="AL1099" s="62"/>
      <c r="AM1099" s="62"/>
      <c r="AN1099" s="62"/>
      <c r="AO1099" s="62"/>
      <c r="AP1099" s="62"/>
      <c r="AQ1099" s="62"/>
    </row>
    <row r="1100" spans="6:43">
      <c r="F1100" s="141"/>
      <c r="G1100" s="141"/>
      <c r="H1100" s="141"/>
      <c r="I1100" s="141"/>
      <c r="J1100" s="141"/>
      <c r="K1100" s="141"/>
      <c r="L1100" s="141"/>
      <c r="M1100" s="141"/>
      <c r="N1100" s="141"/>
      <c r="O1100" s="131"/>
      <c r="P1100" s="141"/>
      <c r="Q1100" s="141"/>
      <c r="R1100" s="141"/>
      <c r="S1100" s="141"/>
      <c r="T1100" s="141"/>
      <c r="U1100" s="141"/>
      <c r="V1100" s="141"/>
      <c r="W1100" s="141"/>
      <c r="X1100" s="141"/>
      <c r="Y1100" s="141"/>
      <c r="Z1100" s="141"/>
      <c r="AA1100" s="141"/>
      <c r="AB1100" s="141"/>
      <c r="AC1100" s="141"/>
      <c r="AD1100" s="141"/>
      <c r="AE1100" s="141"/>
      <c r="AF1100" s="141"/>
      <c r="AG1100" s="141"/>
      <c r="AH1100" s="141"/>
      <c r="AI1100" s="141"/>
      <c r="AJ1100" s="141"/>
      <c r="AK1100" s="141"/>
      <c r="AL1100" s="141"/>
      <c r="AM1100" s="141"/>
      <c r="AN1100" s="141"/>
      <c r="AO1100" s="144"/>
      <c r="AP1100" s="137"/>
      <c r="AQ1100" s="137"/>
    </row>
    <row r="1101" spans="6:43">
      <c r="F1101" s="141"/>
      <c r="G1101" s="141"/>
      <c r="H1101" s="141"/>
      <c r="I1101" s="141"/>
      <c r="J1101" s="141"/>
      <c r="K1101" s="141"/>
      <c r="L1101" s="141"/>
      <c r="M1101" s="141"/>
      <c r="N1101" s="141"/>
      <c r="O1101" s="131"/>
      <c r="P1101" s="141"/>
      <c r="Q1101" s="141"/>
      <c r="R1101" s="141"/>
      <c r="S1101" s="141"/>
      <c r="T1101" s="141"/>
      <c r="U1101" s="141"/>
      <c r="V1101" s="141"/>
      <c r="W1101" s="141"/>
      <c r="X1101" s="141"/>
      <c r="Y1101" s="141"/>
      <c r="Z1101" s="141"/>
      <c r="AA1101" s="141"/>
      <c r="AB1101" s="141"/>
      <c r="AC1101" s="141"/>
      <c r="AD1101" s="141"/>
      <c r="AE1101" s="141"/>
      <c r="AF1101" s="141"/>
      <c r="AG1101" s="141"/>
      <c r="AH1101" s="141"/>
      <c r="AI1101" s="141"/>
      <c r="AJ1101" s="141"/>
      <c r="AK1101" s="141"/>
      <c r="AL1101" s="141"/>
      <c r="AM1101" s="141"/>
      <c r="AN1101" s="141"/>
      <c r="AO1101" s="144"/>
      <c r="AP1101" s="137"/>
      <c r="AQ1101" s="137"/>
    </row>
    <row r="1102" spans="6:43">
      <c r="F1102" s="141"/>
      <c r="G1102" s="141"/>
      <c r="H1102" s="141"/>
      <c r="I1102" s="141"/>
      <c r="J1102" s="141"/>
      <c r="K1102" s="141"/>
      <c r="L1102" s="141"/>
      <c r="M1102" s="141"/>
      <c r="N1102" s="141"/>
      <c r="O1102" s="131"/>
      <c r="P1102" s="141"/>
      <c r="Q1102" s="141"/>
      <c r="R1102" s="141"/>
      <c r="S1102" s="141"/>
      <c r="T1102" s="141"/>
      <c r="U1102" s="141"/>
      <c r="V1102" s="141"/>
      <c r="W1102" s="141"/>
      <c r="X1102" s="141"/>
      <c r="Y1102" s="141"/>
      <c r="Z1102" s="141"/>
      <c r="AA1102" s="141"/>
      <c r="AB1102" s="141"/>
      <c r="AC1102" s="141"/>
      <c r="AD1102" s="141"/>
      <c r="AE1102" s="141"/>
      <c r="AF1102" s="141"/>
      <c r="AG1102" s="141"/>
      <c r="AH1102" s="141"/>
      <c r="AI1102" s="141"/>
      <c r="AJ1102" s="141"/>
      <c r="AK1102" s="141"/>
      <c r="AL1102" s="141"/>
      <c r="AM1102" s="141"/>
      <c r="AN1102" s="141"/>
      <c r="AO1102" s="144"/>
      <c r="AP1102" s="137"/>
      <c r="AQ1102" s="137"/>
    </row>
    <row r="1103" spans="6:43">
      <c r="F1103" s="141"/>
      <c r="G1103" s="141"/>
      <c r="H1103" s="141"/>
      <c r="I1103" s="141"/>
      <c r="J1103" s="141"/>
      <c r="K1103" s="141"/>
      <c r="L1103" s="141"/>
      <c r="M1103" s="141"/>
      <c r="N1103" s="141"/>
      <c r="O1103" s="131"/>
      <c r="P1103" s="141"/>
      <c r="Q1103" s="141"/>
      <c r="R1103" s="141"/>
      <c r="S1103" s="141"/>
      <c r="T1103" s="141"/>
      <c r="U1103" s="141"/>
      <c r="V1103" s="141"/>
      <c r="W1103" s="141"/>
      <c r="X1103" s="141"/>
      <c r="Y1103" s="141"/>
      <c r="Z1103" s="141"/>
      <c r="AA1103" s="141"/>
      <c r="AB1103" s="141"/>
      <c r="AC1103" s="141"/>
      <c r="AD1103" s="141"/>
      <c r="AE1103" s="141"/>
      <c r="AF1103" s="141"/>
      <c r="AG1103" s="141"/>
      <c r="AH1103" s="141"/>
      <c r="AI1103" s="141"/>
      <c r="AJ1103" s="141"/>
      <c r="AK1103" s="141"/>
      <c r="AL1103" s="141"/>
      <c r="AM1103" s="141"/>
      <c r="AN1103" s="141"/>
      <c r="AO1103" s="144"/>
      <c r="AP1103" s="137"/>
      <c r="AQ1103" s="137"/>
    </row>
    <row r="1104" spans="6:43">
      <c r="F1104" s="141"/>
      <c r="G1104" s="141"/>
      <c r="H1104" s="141"/>
      <c r="I1104" s="141"/>
      <c r="J1104" s="141"/>
      <c r="K1104" s="141"/>
      <c r="L1104" s="141"/>
      <c r="M1104" s="141"/>
      <c r="N1104" s="141"/>
      <c r="O1104" s="131"/>
      <c r="P1104" s="141"/>
      <c r="Q1104" s="141"/>
      <c r="R1104" s="141"/>
      <c r="S1104" s="141"/>
      <c r="T1104" s="141"/>
      <c r="U1104" s="141"/>
      <c r="V1104" s="141"/>
      <c r="W1104" s="141"/>
      <c r="X1104" s="141"/>
      <c r="Y1104" s="141"/>
      <c r="Z1104" s="141"/>
      <c r="AA1104" s="141"/>
      <c r="AB1104" s="141"/>
      <c r="AC1104" s="141"/>
      <c r="AD1104" s="141"/>
      <c r="AE1104" s="141"/>
      <c r="AF1104" s="141"/>
      <c r="AG1104" s="141"/>
      <c r="AH1104" s="141"/>
      <c r="AI1104" s="141"/>
      <c r="AJ1104" s="141"/>
      <c r="AK1104" s="141"/>
      <c r="AL1104" s="141"/>
      <c r="AM1104" s="141"/>
      <c r="AN1104" s="141"/>
      <c r="AO1104" s="144"/>
      <c r="AP1104" s="137"/>
      <c r="AQ1104" s="137"/>
    </row>
    <row r="1105" spans="6:43">
      <c r="F1105" s="62"/>
      <c r="G1105" s="62"/>
      <c r="H1105" s="62"/>
      <c r="I1105" s="62"/>
      <c r="J1105" s="62"/>
      <c r="K1105" s="62"/>
      <c r="L1105" s="62"/>
      <c r="M1105" s="62"/>
      <c r="N1105" s="62"/>
      <c r="O1105" s="62"/>
      <c r="P1105" s="62"/>
      <c r="Q1105" s="62"/>
      <c r="R1105" s="62"/>
      <c r="S1105" s="62"/>
      <c r="T1105" s="62"/>
      <c r="U1105" s="62"/>
      <c r="V1105" s="62"/>
      <c r="W1105" s="62"/>
      <c r="X1105" s="62"/>
      <c r="Y1105" s="62"/>
      <c r="Z1105" s="62"/>
      <c r="AA1105" s="62"/>
      <c r="AB1105" s="62"/>
      <c r="AC1105" s="62"/>
      <c r="AD1105" s="62"/>
      <c r="AE1105" s="62"/>
      <c r="AF1105" s="62"/>
      <c r="AG1105" s="62"/>
      <c r="AH1105" s="62"/>
      <c r="AI1105" s="62"/>
      <c r="AJ1105" s="62"/>
      <c r="AK1105" s="62"/>
      <c r="AL1105" s="62"/>
      <c r="AM1105" s="62"/>
      <c r="AN1105" s="62"/>
      <c r="AO1105" s="62"/>
      <c r="AP1105" s="62"/>
      <c r="AQ1105" s="62"/>
    </row>
    <row r="1106" spans="6:43">
      <c r="F1106" s="62"/>
      <c r="G1106" s="62"/>
      <c r="H1106" s="62"/>
      <c r="I1106" s="62"/>
      <c r="J1106" s="62"/>
      <c r="K1106" s="62"/>
      <c r="L1106" s="62"/>
      <c r="M1106" s="62"/>
      <c r="N1106" s="62"/>
      <c r="O1106" s="62"/>
      <c r="P1106" s="62"/>
      <c r="Q1106" s="62"/>
      <c r="R1106" s="62"/>
      <c r="S1106" s="62"/>
      <c r="T1106" s="62"/>
      <c r="U1106" s="62"/>
      <c r="V1106" s="62"/>
      <c r="W1106" s="62"/>
      <c r="X1106" s="62"/>
      <c r="Y1106" s="62"/>
      <c r="Z1106" s="62"/>
      <c r="AA1106" s="62"/>
      <c r="AB1106" s="62"/>
      <c r="AC1106" s="62"/>
      <c r="AD1106" s="62"/>
      <c r="AE1106" s="62"/>
      <c r="AF1106" s="62"/>
      <c r="AG1106" s="62"/>
      <c r="AH1106" s="62"/>
      <c r="AI1106" s="62"/>
      <c r="AJ1106" s="62"/>
      <c r="AK1106" s="62"/>
      <c r="AL1106" s="62"/>
      <c r="AM1106" s="62"/>
      <c r="AN1106" s="62"/>
      <c r="AO1106" s="62"/>
      <c r="AP1106" s="62"/>
      <c r="AQ1106" s="62"/>
    </row>
    <row r="1107" spans="6:43">
      <c r="F1107" s="62"/>
      <c r="G1107" s="62"/>
      <c r="H1107" s="62"/>
      <c r="I1107" s="62"/>
      <c r="J1107" s="62"/>
      <c r="K1107" s="62"/>
      <c r="L1107" s="62"/>
      <c r="M1107" s="62"/>
      <c r="N1107" s="62"/>
      <c r="O1107" s="62"/>
      <c r="P1107" s="62"/>
      <c r="Q1107" s="62"/>
      <c r="R1107" s="62"/>
      <c r="S1107" s="62"/>
      <c r="T1107" s="62"/>
      <c r="U1107" s="62"/>
      <c r="V1107" s="62"/>
      <c r="W1107" s="62"/>
      <c r="X1107" s="62"/>
      <c r="Y1107" s="62"/>
      <c r="Z1107" s="62"/>
      <c r="AA1107" s="62"/>
      <c r="AB1107" s="62"/>
      <c r="AC1107" s="62"/>
      <c r="AD1107" s="62"/>
      <c r="AE1107" s="62"/>
      <c r="AF1107" s="62"/>
      <c r="AG1107" s="62"/>
      <c r="AH1107" s="62"/>
      <c r="AI1107" s="62"/>
      <c r="AJ1107" s="62"/>
      <c r="AK1107" s="62"/>
      <c r="AL1107" s="62"/>
      <c r="AM1107" s="62"/>
      <c r="AN1107" s="62"/>
      <c r="AO1107" s="62"/>
      <c r="AP1107" s="62"/>
      <c r="AQ1107" s="62"/>
    </row>
    <row r="1108" spans="6:43">
      <c r="F1108" s="130"/>
      <c r="G1108" s="130"/>
      <c r="H1108" s="130"/>
      <c r="I1108" s="130"/>
      <c r="J1108" s="130"/>
      <c r="K1108" s="130"/>
      <c r="L1108" s="130"/>
      <c r="M1108" s="130"/>
      <c r="N1108" s="130"/>
      <c r="O1108" s="131"/>
      <c r="P1108" s="130"/>
      <c r="Q1108" s="130"/>
      <c r="R1108" s="130"/>
      <c r="S1108" s="130"/>
      <c r="T1108" s="130"/>
      <c r="U1108" s="130"/>
      <c r="V1108" s="130"/>
      <c r="W1108" s="130"/>
      <c r="X1108" s="130"/>
      <c r="Y1108" s="130"/>
      <c r="Z1108" s="130"/>
      <c r="AA1108" s="130"/>
      <c r="AB1108" s="130"/>
      <c r="AC1108" s="130"/>
      <c r="AD1108" s="130"/>
      <c r="AE1108" s="130"/>
      <c r="AF1108" s="130"/>
      <c r="AG1108" s="130"/>
      <c r="AH1108" s="130"/>
      <c r="AI1108" s="130"/>
      <c r="AJ1108" s="130"/>
      <c r="AK1108" s="130"/>
      <c r="AL1108" s="130"/>
      <c r="AM1108" s="130"/>
      <c r="AN1108" s="130"/>
      <c r="AO1108" s="134"/>
      <c r="AP1108" s="114"/>
      <c r="AQ1108" s="114"/>
    </row>
    <row r="1109" spans="6:43">
      <c r="F1109" s="62"/>
      <c r="G1109" s="62"/>
      <c r="H1109" s="62"/>
      <c r="I1109" s="62"/>
      <c r="J1109" s="62"/>
      <c r="K1109" s="62"/>
      <c r="L1109" s="62"/>
      <c r="M1109" s="62"/>
      <c r="N1109" s="62"/>
      <c r="O1109" s="62"/>
      <c r="P1109" s="62"/>
      <c r="Q1109" s="62"/>
      <c r="R1109" s="62"/>
      <c r="S1109" s="62"/>
      <c r="T1109" s="62"/>
      <c r="U1109" s="62"/>
      <c r="V1109" s="62"/>
      <c r="W1109" s="62"/>
      <c r="X1109" s="62"/>
      <c r="Y1109" s="62"/>
      <c r="Z1109" s="62"/>
      <c r="AA1109" s="62"/>
      <c r="AB1109" s="62"/>
      <c r="AC1109" s="62"/>
      <c r="AD1109" s="62"/>
      <c r="AE1109" s="62"/>
      <c r="AF1109" s="62"/>
      <c r="AG1109" s="62"/>
      <c r="AH1109" s="62"/>
      <c r="AI1109" s="62"/>
      <c r="AJ1109" s="62"/>
      <c r="AK1109" s="62"/>
      <c r="AL1109" s="62"/>
      <c r="AM1109" s="62"/>
      <c r="AN1109" s="62"/>
      <c r="AO1109" s="62"/>
      <c r="AP1109" s="62"/>
      <c r="AQ1109" s="62"/>
    </row>
    <row r="1110" spans="6:43">
      <c r="F1110" s="62"/>
      <c r="G1110" s="62"/>
      <c r="H1110" s="62"/>
      <c r="I1110" s="62"/>
      <c r="J1110" s="62"/>
      <c r="K1110" s="62"/>
      <c r="L1110" s="62"/>
      <c r="M1110" s="62"/>
      <c r="N1110" s="62"/>
      <c r="O1110" s="62"/>
      <c r="P1110" s="62"/>
      <c r="Q1110" s="62"/>
      <c r="R1110" s="62"/>
      <c r="S1110" s="62"/>
      <c r="T1110" s="62"/>
      <c r="U1110" s="62"/>
      <c r="V1110" s="62"/>
      <c r="W1110" s="62"/>
      <c r="X1110" s="62"/>
      <c r="Y1110" s="62"/>
      <c r="Z1110" s="62"/>
      <c r="AA1110" s="62"/>
      <c r="AB1110" s="62"/>
      <c r="AC1110" s="62"/>
      <c r="AD1110" s="62"/>
      <c r="AE1110" s="62"/>
      <c r="AF1110" s="62"/>
      <c r="AG1110" s="62"/>
      <c r="AH1110" s="62"/>
      <c r="AI1110" s="62"/>
      <c r="AJ1110" s="62"/>
      <c r="AK1110" s="62"/>
      <c r="AL1110" s="62"/>
      <c r="AM1110" s="62"/>
      <c r="AN1110" s="62"/>
      <c r="AO1110" s="62"/>
      <c r="AP1110" s="62"/>
      <c r="AQ1110" s="62"/>
    </row>
    <row r="1111" spans="6:43">
      <c r="F1111" s="62"/>
      <c r="G1111" s="62"/>
      <c r="H1111" s="62"/>
      <c r="I1111" s="62"/>
      <c r="J1111" s="62"/>
      <c r="K1111" s="62"/>
      <c r="L1111" s="62"/>
      <c r="M1111" s="62"/>
      <c r="N1111" s="62"/>
      <c r="O1111" s="62"/>
      <c r="P1111" s="62"/>
      <c r="Q1111" s="62"/>
      <c r="R1111" s="62"/>
      <c r="S1111" s="62"/>
      <c r="T1111" s="62"/>
      <c r="U1111" s="62"/>
      <c r="V1111" s="62"/>
      <c r="W1111" s="62"/>
      <c r="X1111" s="62"/>
      <c r="Y1111" s="62"/>
      <c r="Z1111" s="62"/>
      <c r="AA1111" s="62"/>
      <c r="AB1111" s="62"/>
      <c r="AC1111" s="62"/>
      <c r="AD1111" s="62"/>
      <c r="AE1111" s="62"/>
      <c r="AF1111" s="62"/>
      <c r="AG1111" s="62"/>
      <c r="AH1111" s="62"/>
      <c r="AI1111" s="62"/>
      <c r="AJ1111" s="62"/>
      <c r="AK1111" s="62"/>
      <c r="AL1111" s="62"/>
      <c r="AM1111" s="62"/>
      <c r="AN1111" s="62"/>
      <c r="AO1111" s="62"/>
      <c r="AP1111" s="62"/>
      <c r="AQ1111" s="62"/>
    </row>
    <row r="1112" spans="6:43">
      <c r="F1112" s="62"/>
      <c r="G1112" s="62"/>
      <c r="H1112" s="62"/>
      <c r="I1112" s="62"/>
      <c r="J1112" s="62"/>
      <c r="K1112" s="62"/>
      <c r="L1112" s="62"/>
      <c r="M1112" s="62"/>
      <c r="N1112" s="62"/>
      <c r="O1112" s="62"/>
      <c r="P1112" s="62"/>
      <c r="Q1112" s="62"/>
      <c r="R1112" s="62"/>
      <c r="S1112" s="62"/>
      <c r="T1112" s="62"/>
      <c r="U1112" s="62"/>
      <c r="V1112" s="62"/>
      <c r="W1112" s="62"/>
      <c r="X1112" s="62"/>
      <c r="Y1112" s="62"/>
      <c r="Z1112" s="62"/>
      <c r="AA1112" s="62"/>
      <c r="AB1112" s="62"/>
      <c r="AC1112" s="62"/>
      <c r="AD1112" s="62"/>
      <c r="AE1112" s="62"/>
      <c r="AF1112" s="62"/>
      <c r="AG1112" s="62"/>
      <c r="AH1112" s="62"/>
      <c r="AI1112" s="62"/>
      <c r="AJ1112" s="62"/>
      <c r="AK1112" s="62"/>
      <c r="AL1112" s="62"/>
      <c r="AM1112" s="62"/>
      <c r="AN1112" s="62"/>
      <c r="AO1112" s="62"/>
      <c r="AP1112" s="62"/>
      <c r="AQ1112" s="62"/>
    </row>
    <row r="1113" spans="6:43">
      <c r="F1113" s="62"/>
      <c r="G1113" s="62"/>
      <c r="H1113" s="62"/>
      <c r="I1113" s="62"/>
      <c r="J1113" s="62"/>
      <c r="K1113" s="62"/>
      <c r="L1113" s="62"/>
      <c r="M1113" s="62"/>
      <c r="N1113" s="62"/>
      <c r="O1113" s="62"/>
      <c r="P1113" s="62"/>
      <c r="Q1113" s="62"/>
      <c r="R1113" s="62"/>
      <c r="S1113" s="62"/>
      <c r="T1113" s="62"/>
      <c r="U1113" s="62"/>
      <c r="V1113" s="62"/>
      <c r="W1113" s="62"/>
      <c r="X1113" s="62"/>
      <c r="Y1113" s="62"/>
      <c r="Z1113" s="62"/>
      <c r="AA1113" s="62"/>
      <c r="AB1113" s="62"/>
      <c r="AC1113" s="62"/>
      <c r="AD1113" s="62"/>
      <c r="AE1113" s="62"/>
      <c r="AF1113" s="62"/>
      <c r="AG1113" s="62"/>
      <c r="AH1113" s="62"/>
      <c r="AI1113" s="62"/>
      <c r="AJ1113" s="62"/>
      <c r="AK1113" s="62"/>
      <c r="AL1113" s="62"/>
      <c r="AM1113" s="62"/>
      <c r="AN1113" s="62"/>
      <c r="AO1113" s="62"/>
      <c r="AP1113" s="62"/>
      <c r="AQ1113" s="62"/>
    </row>
    <row r="1114" spans="6:43">
      <c r="F1114" s="62"/>
      <c r="G1114" s="62"/>
      <c r="H1114" s="62"/>
      <c r="I1114" s="62"/>
      <c r="J1114" s="62"/>
      <c r="K1114" s="62"/>
      <c r="L1114" s="62"/>
      <c r="M1114" s="62"/>
      <c r="N1114" s="62"/>
      <c r="O1114" s="62"/>
      <c r="P1114" s="62"/>
      <c r="Q1114" s="62"/>
      <c r="R1114" s="62"/>
      <c r="S1114" s="62"/>
      <c r="T1114" s="62"/>
      <c r="U1114" s="62"/>
      <c r="V1114" s="62"/>
      <c r="W1114" s="62"/>
      <c r="X1114" s="62"/>
      <c r="Y1114" s="62"/>
      <c r="Z1114" s="62"/>
      <c r="AA1114" s="62"/>
      <c r="AB1114" s="62"/>
      <c r="AC1114" s="62"/>
      <c r="AD1114" s="62"/>
      <c r="AE1114" s="62"/>
      <c r="AF1114" s="62"/>
      <c r="AG1114" s="62"/>
      <c r="AH1114" s="62"/>
      <c r="AI1114" s="62"/>
      <c r="AJ1114" s="62"/>
      <c r="AK1114" s="62"/>
      <c r="AL1114" s="62"/>
      <c r="AM1114" s="62"/>
      <c r="AN1114" s="62"/>
      <c r="AO1114" s="62"/>
      <c r="AP1114" s="62"/>
      <c r="AQ1114" s="62"/>
    </row>
    <row r="1115" spans="6:43">
      <c r="F1115" s="62"/>
      <c r="G1115" s="62"/>
      <c r="H1115" s="62"/>
      <c r="I1115" s="62"/>
      <c r="J1115" s="62"/>
      <c r="K1115" s="62"/>
      <c r="L1115" s="62"/>
      <c r="M1115" s="62"/>
      <c r="N1115" s="62"/>
      <c r="O1115" s="62"/>
      <c r="P1115" s="62"/>
      <c r="Q1115" s="62"/>
      <c r="R1115" s="62"/>
      <c r="S1115" s="62"/>
      <c r="T1115" s="62"/>
      <c r="U1115" s="62"/>
      <c r="V1115" s="62"/>
      <c r="W1115" s="62"/>
      <c r="X1115" s="62"/>
      <c r="Y1115" s="62"/>
      <c r="Z1115" s="62"/>
      <c r="AA1115" s="62"/>
      <c r="AB1115" s="62"/>
      <c r="AC1115" s="62"/>
      <c r="AD1115" s="62"/>
      <c r="AE1115" s="62"/>
      <c r="AF1115" s="62"/>
      <c r="AG1115" s="62"/>
      <c r="AH1115" s="62"/>
      <c r="AI1115" s="62"/>
      <c r="AJ1115" s="62"/>
      <c r="AK1115" s="62"/>
      <c r="AL1115" s="62"/>
      <c r="AM1115" s="62"/>
      <c r="AN1115" s="62"/>
      <c r="AO1115" s="62"/>
      <c r="AP1115" s="62"/>
      <c r="AQ1115" s="62"/>
    </row>
    <row r="1116" spans="6:43">
      <c r="F1116" s="62"/>
      <c r="G1116" s="62"/>
      <c r="H1116" s="62"/>
      <c r="I1116" s="62"/>
      <c r="J1116" s="62"/>
      <c r="K1116" s="62"/>
      <c r="L1116" s="62"/>
      <c r="M1116" s="62"/>
      <c r="N1116" s="62"/>
      <c r="O1116" s="62"/>
      <c r="P1116" s="62"/>
      <c r="Q1116" s="62"/>
      <c r="R1116" s="62"/>
      <c r="S1116" s="62"/>
      <c r="T1116" s="62"/>
      <c r="U1116" s="62"/>
      <c r="V1116" s="62"/>
      <c r="W1116" s="62"/>
      <c r="X1116" s="62"/>
      <c r="Y1116" s="62"/>
      <c r="Z1116" s="62"/>
      <c r="AA1116" s="62"/>
      <c r="AB1116" s="62"/>
      <c r="AC1116" s="62"/>
      <c r="AD1116" s="62"/>
      <c r="AE1116" s="62"/>
      <c r="AF1116" s="62"/>
      <c r="AG1116" s="62"/>
      <c r="AH1116" s="62"/>
      <c r="AI1116" s="62"/>
      <c r="AJ1116" s="62"/>
      <c r="AK1116" s="62"/>
      <c r="AL1116" s="62"/>
      <c r="AM1116" s="62"/>
      <c r="AN1116" s="62"/>
      <c r="AO1116" s="62"/>
      <c r="AP1116" s="62"/>
      <c r="AQ1116" s="62"/>
    </row>
    <row r="1117" spans="6:43">
      <c r="F1117" s="62"/>
      <c r="G1117" s="62"/>
      <c r="H1117" s="62"/>
      <c r="I1117" s="62"/>
      <c r="J1117" s="62"/>
      <c r="K1117" s="62"/>
      <c r="L1117" s="62"/>
      <c r="M1117" s="62"/>
      <c r="N1117" s="62"/>
      <c r="O1117" s="62"/>
      <c r="P1117" s="62"/>
      <c r="Q1117" s="62"/>
      <c r="R1117" s="62"/>
      <c r="S1117" s="62"/>
      <c r="T1117" s="62"/>
      <c r="U1117" s="62"/>
      <c r="V1117" s="62"/>
      <c r="W1117" s="62"/>
      <c r="X1117" s="62"/>
      <c r="Y1117" s="62"/>
      <c r="Z1117" s="62"/>
      <c r="AA1117" s="62"/>
      <c r="AB1117" s="62"/>
      <c r="AC1117" s="62"/>
      <c r="AD1117" s="62"/>
      <c r="AE1117" s="62"/>
      <c r="AF1117" s="62"/>
      <c r="AG1117" s="62"/>
      <c r="AH1117" s="62"/>
      <c r="AI1117" s="62"/>
      <c r="AJ1117" s="62"/>
      <c r="AK1117" s="62"/>
      <c r="AL1117" s="62"/>
      <c r="AM1117" s="62"/>
      <c r="AN1117" s="62"/>
      <c r="AO1117" s="62"/>
      <c r="AP1117" s="62"/>
      <c r="AQ1117" s="62"/>
    </row>
    <row r="1118" spans="6:43">
      <c r="F1118" s="62"/>
      <c r="G1118" s="62"/>
      <c r="H1118" s="62"/>
      <c r="I1118" s="62"/>
      <c r="J1118" s="62"/>
      <c r="K1118" s="62"/>
      <c r="L1118" s="62"/>
      <c r="M1118" s="62"/>
      <c r="N1118" s="62"/>
      <c r="O1118" s="62"/>
      <c r="P1118" s="62"/>
      <c r="Q1118" s="62"/>
      <c r="R1118" s="62"/>
      <c r="S1118" s="62"/>
      <c r="T1118" s="62"/>
      <c r="U1118" s="62"/>
      <c r="V1118" s="62"/>
      <c r="W1118" s="62"/>
      <c r="X1118" s="62"/>
      <c r="Y1118" s="62"/>
      <c r="Z1118" s="62"/>
      <c r="AA1118" s="62"/>
      <c r="AB1118" s="62"/>
      <c r="AC1118" s="62"/>
      <c r="AD1118" s="62"/>
      <c r="AE1118" s="62"/>
      <c r="AF1118" s="62"/>
      <c r="AG1118" s="62"/>
      <c r="AH1118" s="62"/>
      <c r="AI1118" s="62"/>
      <c r="AJ1118" s="62"/>
      <c r="AK1118" s="62"/>
      <c r="AL1118" s="62"/>
      <c r="AM1118" s="62"/>
      <c r="AN1118" s="62"/>
      <c r="AO1118" s="62"/>
      <c r="AP1118" s="62"/>
      <c r="AQ1118" s="62"/>
    </row>
    <row r="1119" spans="6:43">
      <c r="F1119" s="130"/>
      <c r="G1119" s="130"/>
      <c r="H1119" s="130"/>
      <c r="I1119" s="130"/>
      <c r="J1119" s="130"/>
      <c r="K1119" s="130"/>
      <c r="L1119" s="130"/>
      <c r="M1119" s="130"/>
      <c r="N1119" s="130"/>
      <c r="O1119" s="131"/>
      <c r="P1119" s="130"/>
      <c r="Q1119" s="130"/>
      <c r="R1119" s="130"/>
      <c r="S1119" s="130"/>
      <c r="T1119" s="130"/>
      <c r="U1119" s="130"/>
      <c r="V1119" s="130"/>
      <c r="W1119" s="130"/>
      <c r="X1119" s="130"/>
      <c r="Y1119" s="130"/>
      <c r="Z1119" s="130"/>
      <c r="AA1119" s="130"/>
      <c r="AB1119" s="130"/>
      <c r="AC1119" s="130"/>
      <c r="AD1119" s="130"/>
      <c r="AE1119" s="130"/>
      <c r="AF1119" s="130"/>
      <c r="AG1119" s="130"/>
      <c r="AH1119" s="130"/>
      <c r="AI1119" s="130"/>
      <c r="AJ1119" s="130"/>
      <c r="AK1119" s="130"/>
      <c r="AL1119" s="130"/>
      <c r="AM1119" s="130"/>
      <c r="AN1119" s="130"/>
      <c r="AO1119" s="134"/>
      <c r="AP1119" s="114"/>
      <c r="AQ1119" s="114"/>
    </row>
    <row r="1120" spans="6:43">
      <c r="F1120" s="141"/>
      <c r="G1120" s="141"/>
      <c r="H1120" s="141"/>
      <c r="I1120" s="141"/>
      <c r="J1120" s="141"/>
      <c r="K1120" s="141"/>
      <c r="L1120" s="141"/>
      <c r="M1120" s="141"/>
      <c r="N1120" s="141"/>
      <c r="O1120" s="131"/>
      <c r="P1120" s="141"/>
      <c r="Q1120" s="141"/>
      <c r="R1120" s="141"/>
      <c r="S1120" s="141"/>
      <c r="T1120" s="141"/>
      <c r="U1120" s="141"/>
      <c r="V1120" s="141"/>
      <c r="W1120" s="141"/>
      <c r="X1120" s="141"/>
      <c r="Y1120" s="141"/>
      <c r="Z1120" s="141"/>
      <c r="AA1120" s="141"/>
      <c r="AB1120" s="141"/>
      <c r="AC1120" s="141"/>
      <c r="AD1120" s="141"/>
      <c r="AE1120" s="141"/>
      <c r="AF1120" s="141"/>
      <c r="AG1120" s="141"/>
      <c r="AH1120" s="141"/>
      <c r="AI1120" s="141"/>
      <c r="AJ1120" s="141"/>
      <c r="AK1120" s="141"/>
      <c r="AL1120" s="141"/>
      <c r="AM1120" s="141"/>
      <c r="AN1120" s="141"/>
      <c r="AO1120" s="144"/>
      <c r="AP1120" s="137"/>
      <c r="AQ1120" s="137"/>
    </row>
    <row r="1121" spans="6:43">
      <c r="F1121" s="141"/>
      <c r="G1121" s="141"/>
      <c r="H1121" s="141"/>
      <c r="I1121" s="141"/>
      <c r="J1121" s="141"/>
      <c r="K1121" s="141"/>
      <c r="L1121" s="141"/>
      <c r="M1121" s="141"/>
      <c r="N1121" s="141"/>
      <c r="O1121" s="131"/>
      <c r="P1121" s="141"/>
      <c r="Q1121" s="141"/>
      <c r="R1121" s="141"/>
      <c r="S1121" s="141"/>
      <c r="T1121" s="141"/>
      <c r="U1121" s="141"/>
      <c r="V1121" s="141"/>
      <c r="W1121" s="141"/>
      <c r="X1121" s="141"/>
      <c r="Y1121" s="141"/>
      <c r="Z1121" s="141"/>
      <c r="AA1121" s="141"/>
      <c r="AB1121" s="141"/>
      <c r="AC1121" s="141"/>
      <c r="AD1121" s="141"/>
      <c r="AE1121" s="141"/>
      <c r="AF1121" s="141"/>
      <c r="AG1121" s="141"/>
      <c r="AH1121" s="141"/>
      <c r="AI1121" s="141"/>
      <c r="AJ1121" s="141"/>
      <c r="AK1121" s="141"/>
      <c r="AL1121" s="141"/>
      <c r="AM1121" s="141"/>
      <c r="AN1121" s="141"/>
      <c r="AO1121" s="144"/>
      <c r="AP1121" s="137"/>
      <c r="AQ1121" s="137"/>
    </row>
    <row r="1122" spans="6:43">
      <c r="F1122" s="141"/>
      <c r="G1122" s="141"/>
      <c r="H1122" s="141"/>
      <c r="I1122" s="141"/>
      <c r="J1122" s="141"/>
      <c r="K1122" s="141"/>
      <c r="L1122" s="141"/>
      <c r="M1122" s="141"/>
      <c r="N1122" s="141"/>
      <c r="O1122" s="131"/>
      <c r="P1122" s="141"/>
      <c r="Q1122" s="141"/>
      <c r="R1122" s="141"/>
      <c r="S1122" s="141"/>
      <c r="T1122" s="141"/>
      <c r="U1122" s="141"/>
      <c r="V1122" s="141"/>
      <c r="W1122" s="141"/>
      <c r="X1122" s="141"/>
      <c r="Y1122" s="141"/>
      <c r="Z1122" s="141"/>
      <c r="AA1122" s="141"/>
      <c r="AB1122" s="141"/>
      <c r="AC1122" s="141"/>
      <c r="AD1122" s="141"/>
      <c r="AE1122" s="141"/>
      <c r="AF1122" s="141"/>
      <c r="AG1122" s="141"/>
      <c r="AH1122" s="141"/>
      <c r="AI1122" s="141"/>
      <c r="AJ1122" s="141"/>
      <c r="AK1122" s="141"/>
      <c r="AL1122" s="141"/>
      <c r="AM1122" s="141"/>
      <c r="AN1122" s="141"/>
      <c r="AO1122" s="144"/>
      <c r="AP1122" s="137"/>
      <c r="AQ1122" s="137"/>
    </row>
    <row r="1123" spans="6:43">
      <c r="F1123" s="141"/>
      <c r="G1123" s="141"/>
      <c r="H1123" s="141"/>
      <c r="I1123" s="141"/>
      <c r="J1123" s="141"/>
      <c r="K1123" s="141"/>
      <c r="L1123" s="141"/>
      <c r="M1123" s="141"/>
      <c r="N1123" s="141"/>
      <c r="O1123" s="131"/>
      <c r="P1123" s="141"/>
      <c r="Q1123" s="141"/>
      <c r="R1123" s="141"/>
      <c r="S1123" s="141"/>
      <c r="T1123" s="141"/>
      <c r="U1123" s="141"/>
      <c r="V1123" s="141"/>
      <c r="W1123" s="141"/>
      <c r="X1123" s="141"/>
      <c r="Y1123" s="141"/>
      <c r="Z1123" s="141"/>
      <c r="AA1123" s="141"/>
      <c r="AB1123" s="141"/>
      <c r="AC1123" s="141"/>
      <c r="AD1123" s="141"/>
      <c r="AE1123" s="141"/>
      <c r="AF1123" s="141"/>
      <c r="AG1123" s="141"/>
      <c r="AH1123" s="141"/>
      <c r="AI1123" s="141"/>
      <c r="AJ1123" s="141"/>
      <c r="AK1123" s="141"/>
      <c r="AL1123" s="141"/>
      <c r="AM1123" s="141"/>
      <c r="AN1123" s="141"/>
      <c r="AO1123" s="144"/>
      <c r="AP1123" s="137"/>
      <c r="AQ1123" s="137"/>
    </row>
    <row r="1124" spans="6:43">
      <c r="F1124" s="141"/>
      <c r="G1124" s="141"/>
      <c r="H1124" s="141"/>
      <c r="I1124" s="141"/>
      <c r="J1124" s="141"/>
      <c r="K1124" s="141"/>
      <c r="L1124" s="141"/>
      <c r="M1124" s="141"/>
      <c r="N1124" s="141"/>
      <c r="O1124" s="131"/>
      <c r="P1124" s="141"/>
      <c r="Q1124" s="141"/>
      <c r="R1124" s="141"/>
      <c r="S1124" s="141"/>
      <c r="T1124" s="141"/>
      <c r="U1124" s="141"/>
      <c r="V1124" s="141"/>
      <c r="W1124" s="141"/>
      <c r="X1124" s="141"/>
      <c r="Y1124" s="141"/>
      <c r="Z1124" s="141"/>
      <c r="AA1124" s="141"/>
      <c r="AB1124" s="141"/>
      <c r="AC1124" s="141"/>
      <c r="AD1124" s="141"/>
      <c r="AE1124" s="141"/>
      <c r="AF1124" s="141"/>
      <c r="AG1124" s="141"/>
      <c r="AH1124" s="141"/>
      <c r="AI1124" s="141"/>
      <c r="AJ1124" s="141"/>
      <c r="AK1124" s="141"/>
      <c r="AL1124" s="141"/>
      <c r="AM1124" s="141"/>
      <c r="AN1124" s="141"/>
      <c r="AO1124" s="144"/>
      <c r="AP1124" s="137"/>
      <c r="AQ1124" s="137"/>
    </row>
    <row r="1125" spans="6:43">
      <c r="F1125" s="130"/>
      <c r="G1125" s="130"/>
      <c r="H1125" s="130"/>
      <c r="I1125" s="130"/>
      <c r="J1125" s="130"/>
      <c r="K1125" s="130"/>
      <c r="L1125" s="130"/>
      <c r="M1125" s="130"/>
      <c r="N1125" s="130"/>
      <c r="O1125" s="131"/>
      <c r="P1125" s="130"/>
      <c r="Q1125" s="130"/>
      <c r="R1125" s="130"/>
      <c r="S1125" s="130"/>
      <c r="T1125" s="130"/>
      <c r="U1125" s="130"/>
      <c r="V1125" s="130"/>
      <c r="W1125" s="130"/>
      <c r="X1125" s="130"/>
      <c r="Y1125" s="130"/>
      <c r="Z1125" s="130"/>
      <c r="AA1125" s="130"/>
      <c r="AB1125" s="130"/>
      <c r="AC1125" s="130"/>
      <c r="AD1125" s="130"/>
      <c r="AE1125" s="130"/>
      <c r="AF1125" s="130"/>
      <c r="AG1125" s="130"/>
      <c r="AH1125" s="130"/>
      <c r="AI1125" s="130"/>
      <c r="AJ1125" s="130"/>
      <c r="AK1125" s="130"/>
      <c r="AL1125" s="130"/>
      <c r="AM1125" s="130"/>
      <c r="AN1125" s="130"/>
      <c r="AO1125" s="134"/>
      <c r="AP1125" s="114"/>
      <c r="AQ1125" s="114"/>
    </row>
    <row r="1126" spans="6:43">
      <c r="F1126" s="62"/>
      <c r="G1126" s="62"/>
      <c r="H1126" s="62"/>
      <c r="I1126" s="62"/>
      <c r="J1126" s="62"/>
      <c r="K1126" s="62"/>
      <c r="L1126" s="62"/>
      <c r="M1126" s="62"/>
      <c r="N1126" s="62"/>
      <c r="O1126" s="62"/>
      <c r="P1126" s="62"/>
      <c r="Q1126" s="62"/>
      <c r="R1126" s="62"/>
      <c r="S1126" s="62"/>
      <c r="T1126" s="62"/>
      <c r="U1126" s="62"/>
      <c r="V1126" s="62"/>
      <c r="W1126" s="62"/>
      <c r="X1126" s="62"/>
      <c r="Y1126" s="62"/>
      <c r="Z1126" s="62"/>
      <c r="AA1126" s="62"/>
      <c r="AB1126" s="62"/>
      <c r="AC1126" s="62"/>
      <c r="AD1126" s="62"/>
      <c r="AE1126" s="62"/>
      <c r="AF1126" s="62"/>
      <c r="AG1126" s="62"/>
      <c r="AH1126" s="62"/>
      <c r="AI1126" s="62"/>
      <c r="AJ1126" s="62"/>
      <c r="AK1126" s="62"/>
      <c r="AL1126" s="62"/>
      <c r="AM1126" s="62"/>
      <c r="AN1126" s="62"/>
      <c r="AO1126" s="62"/>
      <c r="AP1126" s="62"/>
      <c r="AQ1126" s="62"/>
    </row>
    <row r="1127" spans="6:43">
      <c r="F1127" s="62"/>
      <c r="G1127" s="62"/>
      <c r="H1127" s="62"/>
      <c r="I1127" s="62"/>
      <c r="J1127" s="62"/>
      <c r="K1127" s="62"/>
      <c r="L1127" s="62"/>
      <c r="M1127" s="62"/>
      <c r="N1127" s="62"/>
      <c r="O1127" s="62"/>
      <c r="P1127" s="62"/>
      <c r="Q1127" s="62"/>
      <c r="R1127" s="62"/>
      <c r="S1127" s="62"/>
      <c r="T1127" s="62"/>
      <c r="U1127" s="62"/>
      <c r="V1127" s="62"/>
      <c r="W1127" s="62"/>
      <c r="X1127" s="62"/>
      <c r="Y1127" s="62"/>
      <c r="Z1127" s="62"/>
      <c r="AA1127" s="62"/>
      <c r="AB1127" s="62"/>
      <c r="AC1127" s="62"/>
      <c r="AD1127" s="62"/>
      <c r="AE1127" s="62"/>
      <c r="AF1127" s="62"/>
      <c r="AG1127" s="62"/>
      <c r="AH1127" s="62"/>
      <c r="AI1127" s="62"/>
      <c r="AJ1127" s="62"/>
      <c r="AK1127" s="62"/>
      <c r="AL1127" s="62"/>
      <c r="AM1127" s="62"/>
      <c r="AN1127" s="62"/>
      <c r="AO1127" s="62"/>
      <c r="AP1127" s="62"/>
      <c r="AQ1127" s="62"/>
    </row>
    <row r="1128" spans="6:43">
      <c r="F1128" s="130"/>
      <c r="G1128" s="130"/>
      <c r="H1128" s="130"/>
      <c r="I1128" s="130"/>
      <c r="J1128" s="130"/>
      <c r="K1128" s="130"/>
      <c r="L1128" s="130"/>
      <c r="M1128" s="130"/>
      <c r="N1128" s="130"/>
      <c r="O1128" s="131"/>
      <c r="P1128" s="130"/>
      <c r="Q1128" s="130"/>
      <c r="R1128" s="130"/>
      <c r="S1128" s="130"/>
      <c r="T1128" s="130"/>
      <c r="U1128" s="130"/>
      <c r="V1128" s="130"/>
      <c r="W1128" s="130"/>
      <c r="X1128" s="130"/>
      <c r="Y1128" s="130"/>
      <c r="Z1128" s="130"/>
      <c r="AA1128" s="130"/>
      <c r="AB1128" s="130"/>
      <c r="AC1128" s="130"/>
      <c r="AD1128" s="130"/>
      <c r="AE1128" s="130"/>
      <c r="AF1128" s="130"/>
      <c r="AG1128" s="130"/>
      <c r="AH1128" s="130"/>
      <c r="AI1128" s="130"/>
      <c r="AJ1128" s="130"/>
      <c r="AK1128" s="130"/>
      <c r="AL1128" s="130"/>
      <c r="AM1128" s="130"/>
      <c r="AN1128" s="130"/>
      <c r="AO1128" s="134"/>
      <c r="AP1128" s="114"/>
      <c r="AQ1128" s="114"/>
    </row>
    <row r="1129" spans="6:43">
      <c r="F1129" s="62"/>
      <c r="G1129" s="62"/>
      <c r="H1129" s="62"/>
      <c r="I1129" s="62"/>
      <c r="J1129" s="62"/>
      <c r="K1129" s="62"/>
      <c r="L1129" s="62"/>
      <c r="M1129" s="62"/>
      <c r="N1129" s="62"/>
      <c r="O1129" s="62"/>
      <c r="P1129" s="62"/>
      <c r="Q1129" s="62"/>
      <c r="R1129" s="62"/>
      <c r="S1129" s="62"/>
      <c r="T1129" s="62"/>
      <c r="U1129" s="62"/>
      <c r="V1129" s="62"/>
      <c r="W1129" s="62"/>
      <c r="X1129" s="62"/>
      <c r="Y1129" s="62"/>
      <c r="Z1129" s="62"/>
      <c r="AA1129" s="62"/>
      <c r="AB1129" s="62"/>
      <c r="AC1129" s="62"/>
      <c r="AD1129" s="62"/>
      <c r="AE1129" s="62"/>
      <c r="AF1129" s="62"/>
      <c r="AG1129" s="62"/>
      <c r="AH1129" s="62"/>
      <c r="AI1129" s="62"/>
      <c r="AJ1129" s="62"/>
      <c r="AK1129" s="62"/>
      <c r="AL1129" s="62"/>
      <c r="AM1129" s="62"/>
      <c r="AN1129" s="62"/>
      <c r="AO1129" s="62"/>
      <c r="AP1129" s="62"/>
      <c r="AQ1129" s="62"/>
    </row>
    <row r="1130" spans="6:43">
      <c r="F1130" s="62"/>
      <c r="G1130" s="62"/>
      <c r="H1130" s="62"/>
      <c r="I1130" s="62"/>
      <c r="J1130" s="62"/>
      <c r="K1130" s="62"/>
      <c r="L1130" s="62"/>
      <c r="M1130" s="62"/>
      <c r="N1130" s="62"/>
      <c r="O1130" s="62"/>
      <c r="P1130" s="62"/>
      <c r="Q1130" s="62"/>
      <c r="R1130" s="62"/>
      <c r="S1130" s="62"/>
      <c r="T1130" s="62"/>
      <c r="U1130" s="62"/>
      <c r="V1130" s="62"/>
      <c r="W1130" s="62"/>
      <c r="X1130" s="62"/>
      <c r="Y1130" s="62"/>
      <c r="Z1130" s="62"/>
      <c r="AA1130" s="62"/>
      <c r="AB1130" s="62"/>
      <c r="AC1130" s="62"/>
      <c r="AD1130" s="62"/>
      <c r="AE1130" s="62"/>
      <c r="AF1130" s="62"/>
      <c r="AG1130" s="62"/>
      <c r="AH1130" s="62"/>
      <c r="AI1130" s="62"/>
      <c r="AJ1130" s="62"/>
      <c r="AK1130" s="62"/>
      <c r="AL1130" s="62"/>
      <c r="AM1130" s="62"/>
      <c r="AN1130" s="62"/>
      <c r="AO1130" s="62"/>
      <c r="AP1130" s="62"/>
      <c r="AQ1130" s="62"/>
    </row>
    <row r="1131" spans="6:43">
      <c r="F1131" s="62"/>
      <c r="G1131" s="62"/>
      <c r="H1131" s="62"/>
      <c r="I1131" s="62"/>
      <c r="J1131" s="62"/>
      <c r="K1131" s="62"/>
      <c r="L1131" s="62"/>
      <c r="M1131" s="62"/>
      <c r="N1131" s="62"/>
      <c r="O1131" s="62"/>
      <c r="P1131" s="62"/>
      <c r="Q1131" s="62"/>
      <c r="R1131" s="62"/>
      <c r="S1131" s="62"/>
      <c r="T1131" s="62"/>
      <c r="U1131" s="62"/>
      <c r="V1131" s="62"/>
      <c r="W1131" s="62"/>
      <c r="X1131" s="62"/>
      <c r="Y1131" s="62"/>
      <c r="Z1131" s="62"/>
      <c r="AA1131" s="62"/>
      <c r="AB1131" s="62"/>
      <c r="AC1131" s="62"/>
      <c r="AD1131" s="62"/>
      <c r="AE1131" s="62"/>
      <c r="AF1131" s="62"/>
      <c r="AG1131" s="62"/>
      <c r="AH1131" s="62"/>
      <c r="AI1131" s="62"/>
      <c r="AJ1131" s="62"/>
      <c r="AK1131" s="62"/>
      <c r="AL1131" s="62"/>
      <c r="AM1131" s="62"/>
      <c r="AN1131" s="62"/>
      <c r="AO1131" s="62"/>
      <c r="AP1131" s="62"/>
      <c r="AQ1131" s="62"/>
    </row>
    <row r="1132" spans="6:43">
      <c r="F1132" s="62"/>
      <c r="G1132" s="62"/>
      <c r="H1132" s="62"/>
      <c r="I1132" s="62"/>
      <c r="J1132" s="62"/>
      <c r="K1132" s="62"/>
      <c r="L1132" s="62"/>
      <c r="M1132" s="62"/>
      <c r="N1132" s="62"/>
      <c r="O1132" s="62"/>
      <c r="P1132" s="62"/>
      <c r="Q1132" s="62"/>
      <c r="R1132" s="62"/>
      <c r="S1132" s="62"/>
      <c r="T1132" s="62"/>
      <c r="U1132" s="62"/>
      <c r="V1132" s="62"/>
      <c r="W1132" s="62"/>
      <c r="X1132" s="62"/>
      <c r="Y1132" s="62"/>
      <c r="Z1132" s="62"/>
      <c r="AA1132" s="62"/>
      <c r="AB1132" s="62"/>
      <c r="AC1132" s="62"/>
      <c r="AD1132" s="62"/>
      <c r="AE1132" s="62"/>
      <c r="AF1132" s="62"/>
      <c r="AG1132" s="62"/>
      <c r="AH1132" s="62"/>
      <c r="AI1132" s="62"/>
      <c r="AJ1132" s="62"/>
      <c r="AK1132" s="62"/>
      <c r="AL1132" s="62"/>
      <c r="AM1132" s="62"/>
      <c r="AN1132" s="62"/>
      <c r="AO1132" s="62"/>
      <c r="AP1132" s="62"/>
      <c r="AQ1132" s="62"/>
    </row>
    <row r="1133" spans="6:43">
      <c r="F1133" s="62"/>
      <c r="G1133" s="62"/>
      <c r="H1133" s="62"/>
      <c r="I1133" s="62"/>
      <c r="J1133" s="62"/>
      <c r="K1133" s="62"/>
      <c r="L1133" s="62"/>
      <c r="M1133" s="62"/>
      <c r="N1133" s="62"/>
      <c r="O1133" s="62"/>
      <c r="P1133" s="62"/>
      <c r="Q1133" s="62"/>
      <c r="R1133" s="62"/>
      <c r="S1133" s="62"/>
      <c r="T1133" s="62"/>
      <c r="U1133" s="62"/>
      <c r="V1133" s="62"/>
      <c r="W1133" s="62"/>
      <c r="X1133" s="62"/>
      <c r="Y1133" s="62"/>
      <c r="Z1133" s="62"/>
      <c r="AA1133" s="62"/>
      <c r="AB1133" s="62"/>
      <c r="AC1133" s="62"/>
      <c r="AD1133" s="62"/>
      <c r="AE1133" s="62"/>
      <c r="AF1133" s="62"/>
      <c r="AG1133" s="62"/>
      <c r="AH1133" s="62"/>
      <c r="AI1133" s="62"/>
      <c r="AJ1133" s="62"/>
      <c r="AK1133" s="62"/>
      <c r="AL1133" s="62"/>
      <c r="AM1133" s="62"/>
      <c r="AN1133" s="62"/>
      <c r="AO1133" s="62"/>
      <c r="AP1133" s="62"/>
      <c r="AQ1133" s="62"/>
    </row>
    <row r="1134" spans="6:43">
      <c r="F1134" s="224"/>
      <c r="G1134" s="130"/>
      <c r="H1134" s="130"/>
      <c r="I1134" s="130"/>
      <c r="J1134" s="130"/>
      <c r="K1134" s="130"/>
      <c r="L1134" s="130"/>
      <c r="M1134" s="130"/>
      <c r="N1134" s="130"/>
      <c r="O1134" s="131"/>
      <c r="P1134" s="224"/>
      <c r="Q1134" s="130"/>
      <c r="R1134" s="130"/>
      <c r="S1134" s="130"/>
      <c r="T1134" s="130"/>
      <c r="U1134" s="130"/>
      <c r="V1134" s="224"/>
      <c r="W1134" s="130"/>
      <c r="X1134" s="130"/>
      <c r="Y1134" s="130"/>
      <c r="Z1134" s="130"/>
      <c r="AA1134" s="224"/>
      <c r="AB1134" s="130"/>
      <c r="AC1134" s="130"/>
      <c r="AD1134" s="130"/>
      <c r="AE1134" s="130"/>
      <c r="AF1134" s="130"/>
      <c r="AG1134" s="224"/>
      <c r="AH1134" s="130"/>
      <c r="AI1134" s="130"/>
      <c r="AJ1134" s="130"/>
      <c r="AK1134" s="130"/>
      <c r="AL1134" s="224"/>
      <c r="AM1134" s="130"/>
      <c r="AN1134" s="130"/>
      <c r="AO1134" s="134"/>
      <c r="AP1134" s="114"/>
      <c r="AQ1134" s="114"/>
    </row>
    <row r="1135" spans="6:43">
      <c r="F1135" s="130"/>
      <c r="G1135" s="130"/>
      <c r="H1135" s="130"/>
      <c r="I1135" s="130"/>
      <c r="J1135" s="130"/>
      <c r="K1135" s="130"/>
      <c r="L1135" s="130"/>
      <c r="M1135" s="130"/>
      <c r="N1135" s="130"/>
      <c r="O1135" s="131"/>
      <c r="P1135" s="130"/>
      <c r="Q1135" s="130"/>
      <c r="R1135" s="130"/>
      <c r="S1135" s="130"/>
      <c r="T1135" s="130"/>
      <c r="U1135" s="130"/>
      <c r="V1135" s="130"/>
      <c r="W1135" s="130"/>
      <c r="X1135" s="130"/>
      <c r="Y1135" s="130"/>
      <c r="Z1135" s="130"/>
      <c r="AA1135" s="130"/>
      <c r="AB1135" s="130"/>
      <c r="AC1135" s="130"/>
      <c r="AD1135" s="130"/>
      <c r="AE1135" s="130"/>
      <c r="AF1135" s="130"/>
      <c r="AG1135" s="130"/>
      <c r="AH1135" s="130"/>
      <c r="AI1135" s="130"/>
      <c r="AJ1135" s="130"/>
      <c r="AK1135" s="130"/>
      <c r="AL1135" s="130"/>
      <c r="AM1135" s="130"/>
      <c r="AN1135" s="130"/>
      <c r="AO1135" s="134"/>
      <c r="AP1135" s="114"/>
      <c r="AQ1135" s="114"/>
    </row>
    <row r="1136" spans="6:43">
      <c r="F1136" s="62"/>
      <c r="G1136" s="62"/>
      <c r="H1136" s="62"/>
      <c r="I1136" s="62"/>
      <c r="J1136" s="62"/>
      <c r="K1136" s="62"/>
      <c r="L1136" s="62"/>
      <c r="M1136" s="62"/>
      <c r="N1136" s="62"/>
      <c r="O1136" s="62"/>
      <c r="P1136" s="62"/>
      <c r="Q1136" s="62"/>
      <c r="R1136" s="62"/>
      <c r="S1136" s="62"/>
      <c r="T1136" s="62"/>
      <c r="U1136" s="62"/>
      <c r="V1136" s="62"/>
      <c r="W1136" s="62"/>
      <c r="X1136" s="62"/>
      <c r="Y1136" s="62"/>
      <c r="Z1136" s="62"/>
      <c r="AA1136" s="62"/>
      <c r="AB1136" s="62"/>
      <c r="AC1136" s="62"/>
      <c r="AD1136" s="62"/>
      <c r="AE1136" s="62"/>
      <c r="AF1136" s="62"/>
      <c r="AG1136" s="62"/>
      <c r="AH1136" s="62"/>
      <c r="AI1136" s="62"/>
      <c r="AJ1136" s="62"/>
      <c r="AK1136" s="62"/>
      <c r="AL1136" s="62"/>
      <c r="AM1136" s="62"/>
      <c r="AN1136" s="62"/>
      <c r="AO1136" s="62"/>
      <c r="AP1136" s="62"/>
      <c r="AQ1136" s="62"/>
    </row>
    <row r="1137" spans="6:43">
      <c r="F1137" s="130"/>
      <c r="G1137" s="130"/>
      <c r="H1137" s="130"/>
      <c r="I1137" s="130"/>
      <c r="J1137" s="130"/>
      <c r="K1137" s="130"/>
      <c r="L1137" s="130"/>
      <c r="M1137" s="130"/>
      <c r="N1137" s="130"/>
      <c r="O1137" s="131"/>
      <c r="P1137" s="130"/>
      <c r="Q1137" s="130"/>
      <c r="R1137" s="130"/>
      <c r="S1137" s="130"/>
      <c r="T1137" s="130"/>
      <c r="U1137" s="130"/>
      <c r="V1137" s="130"/>
      <c r="W1137" s="130"/>
      <c r="X1137" s="130"/>
      <c r="Y1137" s="130"/>
      <c r="Z1137" s="130"/>
      <c r="AA1137" s="130"/>
      <c r="AB1137" s="130"/>
      <c r="AC1137" s="130"/>
      <c r="AD1137" s="130"/>
      <c r="AE1137" s="130"/>
      <c r="AF1137" s="130"/>
      <c r="AG1137" s="130"/>
      <c r="AH1137" s="130"/>
      <c r="AI1137" s="130"/>
      <c r="AJ1137" s="130"/>
      <c r="AK1137" s="130"/>
      <c r="AL1137" s="130"/>
      <c r="AM1137" s="130"/>
      <c r="AN1137" s="130"/>
      <c r="AO1137" s="134"/>
      <c r="AP1137" s="114"/>
      <c r="AQ1137" s="114"/>
    </row>
    <row r="1138" spans="6:43">
      <c r="F1138" s="130"/>
      <c r="G1138" s="130"/>
      <c r="H1138" s="130"/>
      <c r="I1138" s="130"/>
      <c r="J1138" s="130"/>
      <c r="K1138" s="130"/>
      <c r="L1138" s="130"/>
      <c r="M1138" s="130"/>
      <c r="N1138" s="130"/>
      <c r="O1138" s="131"/>
      <c r="P1138" s="130"/>
      <c r="Q1138" s="130"/>
      <c r="R1138" s="130"/>
      <c r="S1138" s="130"/>
      <c r="T1138" s="130"/>
      <c r="U1138" s="130"/>
      <c r="V1138" s="130"/>
      <c r="W1138" s="130"/>
      <c r="X1138" s="130"/>
      <c r="Y1138" s="130"/>
      <c r="Z1138" s="130"/>
      <c r="AA1138" s="130"/>
      <c r="AB1138" s="130"/>
      <c r="AC1138" s="130"/>
      <c r="AD1138" s="130"/>
      <c r="AE1138" s="130"/>
      <c r="AF1138" s="130"/>
      <c r="AG1138" s="130"/>
      <c r="AH1138" s="130"/>
      <c r="AI1138" s="130"/>
      <c r="AJ1138" s="130"/>
      <c r="AK1138" s="130"/>
      <c r="AL1138" s="130"/>
      <c r="AM1138" s="130"/>
      <c r="AN1138" s="130"/>
      <c r="AO1138" s="134"/>
      <c r="AP1138" s="114"/>
      <c r="AQ1138" s="114"/>
    </row>
    <row r="1139" spans="6:43">
      <c r="F1139" s="130"/>
      <c r="G1139" s="130"/>
      <c r="H1139" s="130"/>
      <c r="I1139" s="130"/>
      <c r="J1139" s="130"/>
      <c r="K1139" s="130"/>
      <c r="L1139" s="130"/>
      <c r="M1139" s="130"/>
      <c r="N1139" s="130"/>
      <c r="O1139" s="131"/>
      <c r="P1139" s="130"/>
      <c r="Q1139" s="130"/>
      <c r="R1139" s="130"/>
      <c r="S1139" s="130"/>
      <c r="T1139" s="130"/>
      <c r="U1139" s="130"/>
      <c r="V1139" s="130"/>
      <c r="W1139" s="130"/>
      <c r="X1139" s="130"/>
      <c r="Y1139" s="130"/>
      <c r="Z1139" s="130"/>
      <c r="AA1139" s="130"/>
      <c r="AB1139" s="130"/>
      <c r="AC1139" s="130"/>
      <c r="AD1139" s="130"/>
      <c r="AE1139" s="130"/>
      <c r="AF1139" s="130"/>
      <c r="AG1139" s="130"/>
      <c r="AH1139" s="130"/>
      <c r="AI1139" s="130"/>
      <c r="AJ1139" s="130"/>
      <c r="AK1139" s="130"/>
      <c r="AL1139" s="130"/>
      <c r="AM1139" s="130"/>
      <c r="AN1139" s="130"/>
      <c r="AO1139" s="134"/>
      <c r="AP1139" s="114"/>
      <c r="AQ1139" s="114"/>
    </row>
    <row r="1140" spans="6:43">
      <c r="F1140" s="130"/>
      <c r="G1140" s="130"/>
      <c r="H1140" s="130"/>
      <c r="I1140" s="130"/>
      <c r="J1140" s="130"/>
      <c r="K1140" s="130"/>
      <c r="L1140" s="130"/>
      <c r="M1140" s="130"/>
      <c r="N1140" s="130"/>
      <c r="O1140" s="131"/>
      <c r="P1140" s="130"/>
      <c r="Q1140" s="130"/>
      <c r="R1140" s="130"/>
      <c r="S1140" s="130"/>
      <c r="T1140" s="130"/>
      <c r="U1140" s="130"/>
      <c r="V1140" s="130"/>
      <c r="W1140" s="130"/>
      <c r="X1140" s="130"/>
      <c r="Y1140" s="130"/>
      <c r="Z1140" s="130"/>
      <c r="AA1140" s="130"/>
      <c r="AB1140" s="130"/>
      <c r="AC1140" s="130"/>
      <c r="AD1140" s="130"/>
      <c r="AE1140" s="130"/>
      <c r="AF1140" s="130"/>
      <c r="AG1140" s="130"/>
      <c r="AH1140" s="130"/>
      <c r="AI1140" s="130"/>
      <c r="AJ1140" s="130"/>
      <c r="AK1140" s="130"/>
      <c r="AL1140" s="130"/>
      <c r="AM1140" s="130"/>
      <c r="AN1140" s="130"/>
      <c r="AO1140" s="134"/>
      <c r="AP1140" s="114"/>
      <c r="AQ1140" s="114"/>
    </row>
    <row r="1141" spans="6:43">
      <c r="F1141" s="62"/>
      <c r="G1141" s="62"/>
      <c r="H1141" s="62"/>
      <c r="I1141" s="62"/>
      <c r="J1141" s="62"/>
      <c r="K1141" s="62"/>
      <c r="L1141" s="62"/>
      <c r="M1141" s="62"/>
      <c r="N1141" s="62"/>
      <c r="O1141" s="62"/>
      <c r="P1141" s="62"/>
      <c r="Q1141" s="62"/>
      <c r="R1141" s="62"/>
      <c r="S1141" s="62"/>
      <c r="T1141" s="62"/>
      <c r="U1141" s="62"/>
      <c r="V1141" s="62"/>
      <c r="W1141" s="62"/>
      <c r="X1141" s="62"/>
      <c r="Y1141" s="62"/>
      <c r="Z1141" s="62"/>
      <c r="AA1141" s="62"/>
      <c r="AB1141" s="62"/>
      <c r="AC1141" s="62"/>
      <c r="AD1141" s="62"/>
      <c r="AE1141" s="62"/>
      <c r="AF1141" s="62"/>
      <c r="AG1141" s="62"/>
      <c r="AH1141" s="62"/>
      <c r="AI1141" s="62"/>
      <c r="AJ1141" s="62"/>
      <c r="AK1141" s="62"/>
      <c r="AL1141" s="62"/>
      <c r="AM1141" s="62"/>
      <c r="AN1141" s="62"/>
      <c r="AO1141" s="62"/>
      <c r="AP1141" s="62"/>
      <c r="AQ1141" s="62"/>
    </row>
    <row r="1142" spans="6:43">
      <c r="F1142" s="62"/>
      <c r="G1142" s="62"/>
      <c r="H1142" s="62"/>
      <c r="I1142" s="62"/>
      <c r="J1142" s="62"/>
      <c r="K1142" s="62"/>
      <c r="L1142" s="62"/>
      <c r="M1142" s="62"/>
      <c r="N1142" s="62"/>
      <c r="O1142" s="62"/>
      <c r="P1142" s="62"/>
      <c r="Q1142" s="62"/>
      <c r="R1142" s="62"/>
      <c r="S1142" s="62"/>
      <c r="T1142" s="62"/>
      <c r="U1142" s="62"/>
      <c r="V1142" s="62"/>
      <c r="W1142" s="62"/>
      <c r="X1142" s="62"/>
      <c r="Y1142" s="62"/>
      <c r="Z1142" s="62"/>
      <c r="AA1142" s="62"/>
      <c r="AB1142" s="62"/>
      <c r="AC1142" s="62"/>
      <c r="AD1142" s="62"/>
      <c r="AE1142" s="62"/>
      <c r="AF1142" s="62"/>
      <c r="AG1142" s="62"/>
      <c r="AH1142" s="62"/>
      <c r="AI1142" s="62"/>
      <c r="AJ1142" s="62"/>
      <c r="AK1142" s="62"/>
      <c r="AL1142" s="62"/>
      <c r="AM1142" s="62"/>
      <c r="AN1142" s="62"/>
      <c r="AO1142" s="62"/>
      <c r="AP1142" s="62"/>
      <c r="AQ1142" s="62"/>
    </row>
    <row r="1143" spans="6:43">
      <c r="F1143" s="62"/>
      <c r="G1143" s="62"/>
      <c r="H1143" s="62"/>
      <c r="I1143" s="62"/>
      <c r="J1143" s="62"/>
      <c r="K1143" s="62"/>
      <c r="L1143" s="62"/>
      <c r="M1143" s="62"/>
      <c r="N1143" s="62"/>
      <c r="O1143" s="62"/>
      <c r="P1143" s="62"/>
      <c r="Q1143" s="62"/>
      <c r="R1143" s="62"/>
      <c r="S1143" s="62"/>
      <c r="T1143" s="62"/>
      <c r="U1143" s="62"/>
      <c r="V1143" s="62"/>
      <c r="W1143" s="62"/>
      <c r="X1143" s="62"/>
      <c r="Y1143" s="62"/>
      <c r="Z1143" s="62"/>
      <c r="AA1143" s="62"/>
      <c r="AB1143" s="62"/>
      <c r="AC1143" s="62"/>
      <c r="AD1143" s="62"/>
      <c r="AE1143" s="62"/>
      <c r="AF1143" s="62"/>
      <c r="AG1143" s="62"/>
      <c r="AH1143" s="62"/>
      <c r="AI1143" s="62"/>
      <c r="AJ1143" s="62"/>
      <c r="AK1143" s="62"/>
      <c r="AL1143" s="62"/>
      <c r="AM1143" s="62"/>
      <c r="AN1143" s="62"/>
      <c r="AO1143" s="62"/>
      <c r="AP1143" s="62"/>
      <c r="AQ1143" s="62"/>
    </row>
    <row r="1144" spans="6:43">
      <c r="F1144" s="130"/>
      <c r="G1144" s="130"/>
      <c r="H1144" s="130"/>
      <c r="I1144" s="130"/>
      <c r="J1144" s="130"/>
      <c r="K1144" s="130"/>
      <c r="L1144" s="130"/>
      <c r="M1144" s="130"/>
      <c r="N1144" s="130"/>
      <c r="O1144" s="131"/>
      <c r="P1144" s="130"/>
      <c r="Q1144" s="130"/>
      <c r="R1144" s="130"/>
      <c r="S1144" s="130"/>
      <c r="T1144" s="130"/>
      <c r="U1144" s="130"/>
      <c r="V1144" s="130"/>
      <c r="W1144" s="130"/>
      <c r="X1144" s="130"/>
      <c r="Y1144" s="130"/>
      <c r="Z1144" s="130"/>
      <c r="AA1144" s="130"/>
      <c r="AB1144" s="130"/>
      <c r="AC1144" s="130"/>
      <c r="AD1144" s="130"/>
      <c r="AE1144" s="130"/>
      <c r="AF1144" s="130"/>
      <c r="AG1144" s="130"/>
      <c r="AH1144" s="130"/>
      <c r="AI1144" s="130"/>
      <c r="AJ1144" s="130"/>
      <c r="AK1144" s="130"/>
      <c r="AL1144" s="130"/>
      <c r="AM1144" s="130"/>
      <c r="AN1144" s="130"/>
      <c r="AO1144" s="134"/>
      <c r="AP1144" s="114"/>
      <c r="AQ1144" s="114"/>
    </row>
    <row r="1145" spans="6:43">
      <c r="F1145" s="130"/>
      <c r="G1145" s="130"/>
      <c r="H1145" s="130"/>
      <c r="I1145" s="130"/>
      <c r="J1145" s="130"/>
      <c r="K1145" s="130"/>
      <c r="L1145" s="130"/>
      <c r="M1145" s="130"/>
      <c r="N1145" s="130"/>
      <c r="O1145" s="131"/>
      <c r="P1145" s="130"/>
      <c r="Q1145" s="130"/>
      <c r="R1145" s="130"/>
      <c r="S1145" s="130"/>
      <c r="T1145" s="130"/>
      <c r="U1145" s="130"/>
      <c r="V1145" s="130"/>
      <c r="W1145" s="130"/>
      <c r="X1145" s="130"/>
      <c r="Y1145" s="130"/>
      <c r="Z1145" s="130"/>
      <c r="AA1145" s="130"/>
      <c r="AB1145" s="130"/>
      <c r="AC1145" s="130"/>
      <c r="AD1145" s="130"/>
      <c r="AE1145" s="130"/>
      <c r="AF1145" s="130"/>
      <c r="AG1145" s="130"/>
      <c r="AH1145" s="130"/>
      <c r="AI1145" s="130"/>
      <c r="AJ1145" s="130"/>
      <c r="AK1145" s="130"/>
      <c r="AL1145" s="130"/>
      <c r="AM1145" s="130"/>
      <c r="AN1145" s="130"/>
      <c r="AO1145" s="134"/>
      <c r="AP1145" s="114"/>
      <c r="AQ1145" s="114"/>
    </row>
    <row r="1146" spans="6:43">
      <c r="F1146" s="130"/>
      <c r="G1146" s="130"/>
      <c r="H1146" s="130"/>
      <c r="I1146" s="130"/>
      <c r="J1146" s="130"/>
      <c r="K1146" s="130"/>
      <c r="L1146" s="130"/>
      <c r="M1146" s="130"/>
      <c r="N1146" s="130"/>
      <c r="O1146" s="131"/>
      <c r="P1146" s="130"/>
      <c r="Q1146" s="130"/>
      <c r="R1146" s="130"/>
      <c r="S1146" s="130"/>
      <c r="T1146" s="130"/>
      <c r="U1146" s="130"/>
      <c r="V1146" s="130"/>
      <c r="W1146" s="130"/>
      <c r="X1146" s="130"/>
      <c r="Y1146" s="130"/>
      <c r="Z1146" s="130"/>
      <c r="AA1146" s="130"/>
      <c r="AB1146" s="130"/>
      <c r="AC1146" s="130"/>
      <c r="AD1146" s="130"/>
      <c r="AE1146" s="130"/>
      <c r="AF1146" s="130"/>
      <c r="AG1146" s="130"/>
      <c r="AH1146" s="130"/>
      <c r="AI1146" s="130"/>
      <c r="AJ1146" s="130"/>
      <c r="AK1146" s="130"/>
      <c r="AL1146" s="130"/>
      <c r="AM1146" s="130"/>
      <c r="AN1146" s="130"/>
      <c r="AO1146" s="134"/>
      <c r="AP1146" s="137"/>
      <c r="AQ1146" s="137"/>
    </row>
    <row r="1147" spans="6:43">
      <c r="F1147" s="130"/>
      <c r="G1147" s="130"/>
      <c r="H1147" s="130"/>
      <c r="I1147" s="130"/>
      <c r="J1147" s="130"/>
      <c r="K1147" s="130"/>
      <c r="L1147" s="130"/>
      <c r="M1147" s="130"/>
      <c r="N1147" s="130"/>
      <c r="O1147" s="131"/>
      <c r="P1147" s="130"/>
      <c r="Q1147" s="130"/>
      <c r="R1147" s="130"/>
      <c r="S1147" s="130"/>
      <c r="T1147" s="130"/>
      <c r="U1147" s="130"/>
      <c r="V1147" s="130"/>
      <c r="W1147" s="130"/>
      <c r="X1147" s="130"/>
      <c r="Y1147" s="130"/>
      <c r="Z1147" s="130"/>
      <c r="AA1147" s="130"/>
      <c r="AB1147" s="130"/>
      <c r="AC1147" s="130"/>
      <c r="AD1147" s="130"/>
      <c r="AE1147" s="130"/>
      <c r="AF1147" s="130"/>
      <c r="AG1147" s="130"/>
      <c r="AH1147" s="130"/>
      <c r="AI1147" s="130"/>
      <c r="AJ1147" s="130"/>
      <c r="AK1147" s="130"/>
      <c r="AL1147" s="130"/>
      <c r="AM1147" s="130"/>
      <c r="AN1147" s="130"/>
      <c r="AO1147" s="134"/>
      <c r="AP1147" s="114"/>
      <c r="AQ1147" s="114"/>
    </row>
    <row r="1148" spans="6:43">
      <c r="F1148" s="141"/>
      <c r="G1148" s="141"/>
      <c r="H1148" s="141"/>
      <c r="I1148" s="141"/>
      <c r="J1148" s="141"/>
      <c r="K1148" s="141"/>
      <c r="L1148" s="141"/>
      <c r="M1148" s="141"/>
      <c r="N1148" s="141"/>
      <c r="O1148" s="131"/>
      <c r="P1148" s="141"/>
      <c r="Q1148" s="141"/>
      <c r="R1148" s="141"/>
      <c r="S1148" s="141"/>
      <c r="T1148" s="141"/>
      <c r="U1148" s="141"/>
      <c r="V1148" s="141"/>
      <c r="W1148" s="141"/>
      <c r="X1148" s="141"/>
      <c r="Y1148" s="141"/>
      <c r="Z1148" s="141"/>
      <c r="AA1148" s="141"/>
      <c r="AB1148" s="141"/>
      <c r="AC1148" s="141"/>
      <c r="AD1148" s="141"/>
      <c r="AE1148" s="141"/>
      <c r="AF1148" s="141"/>
      <c r="AG1148" s="141"/>
      <c r="AH1148" s="141"/>
      <c r="AI1148" s="141"/>
      <c r="AJ1148" s="141"/>
      <c r="AK1148" s="141"/>
      <c r="AL1148" s="141"/>
      <c r="AM1148" s="141"/>
      <c r="AN1148" s="141"/>
      <c r="AO1148" s="144"/>
      <c r="AP1148" s="137"/>
      <c r="AQ1148" s="137"/>
    </row>
    <row r="1149" spans="6:43">
      <c r="F1149" s="141"/>
      <c r="G1149" s="141"/>
      <c r="H1149" s="141"/>
      <c r="I1149" s="141"/>
      <c r="J1149" s="141"/>
      <c r="K1149" s="141"/>
      <c r="L1149" s="141"/>
      <c r="M1149" s="141"/>
      <c r="N1149" s="141"/>
      <c r="O1149" s="131"/>
      <c r="P1149" s="141"/>
      <c r="Q1149" s="141"/>
      <c r="R1149" s="141"/>
      <c r="S1149" s="141"/>
      <c r="T1149" s="141"/>
      <c r="U1149" s="141"/>
      <c r="V1149" s="141"/>
      <c r="W1149" s="141"/>
      <c r="X1149" s="141"/>
      <c r="Y1149" s="141"/>
      <c r="Z1149" s="141"/>
      <c r="AA1149" s="141"/>
      <c r="AB1149" s="141"/>
      <c r="AC1149" s="141"/>
      <c r="AD1149" s="141"/>
      <c r="AE1149" s="141"/>
      <c r="AF1149" s="141"/>
      <c r="AG1149" s="141"/>
      <c r="AH1149" s="141"/>
      <c r="AI1149" s="141"/>
      <c r="AJ1149" s="141"/>
      <c r="AK1149" s="141"/>
      <c r="AL1149" s="141"/>
      <c r="AM1149" s="141"/>
      <c r="AN1149" s="141"/>
      <c r="AO1149" s="144"/>
      <c r="AP1149" s="114"/>
      <c r="AQ1149" s="114"/>
    </row>
    <row r="1150" spans="6:43">
      <c r="F1150" s="130"/>
      <c r="G1150" s="130"/>
      <c r="H1150" s="130"/>
      <c r="I1150" s="130"/>
      <c r="J1150" s="130"/>
      <c r="K1150" s="130"/>
      <c r="L1150" s="130"/>
      <c r="M1150" s="130"/>
      <c r="N1150" s="130"/>
      <c r="O1150" s="131"/>
      <c r="P1150" s="130"/>
      <c r="Q1150" s="130"/>
      <c r="R1150" s="130"/>
      <c r="S1150" s="130"/>
      <c r="T1150" s="130"/>
      <c r="U1150" s="130"/>
      <c r="V1150" s="130"/>
      <c r="W1150" s="130"/>
      <c r="X1150" s="130"/>
      <c r="Y1150" s="130"/>
      <c r="Z1150" s="130"/>
      <c r="AA1150" s="130"/>
      <c r="AB1150" s="130"/>
      <c r="AC1150" s="130"/>
      <c r="AD1150" s="130"/>
      <c r="AE1150" s="130"/>
      <c r="AF1150" s="130"/>
      <c r="AG1150" s="130"/>
      <c r="AH1150" s="130"/>
      <c r="AI1150" s="130"/>
      <c r="AJ1150" s="130"/>
      <c r="AK1150" s="130"/>
      <c r="AL1150" s="130"/>
      <c r="AM1150" s="130"/>
      <c r="AN1150" s="130"/>
      <c r="AO1150" s="134"/>
      <c r="AP1150" s="114"/>
      <c r="AQ1150" s="114"/>
    </row>
    <row r="1151" spans="6:43">
      <c r="F1151" s="130"/>
      <c r="G1151" s="130"/>
      <c r="H1151" s="130"/>
      <c r="I1151" s="130"/>
      <c r="J1151" s="130"/>
      <c r="K1151" s="130"/>
      <c r="L1151" s="130"/>
      <c r="M1151" s="130"/>
      <c r="N1151" s="130"/>
      <c r="O1151" s="131"/>
      <c r="P1151" s="130"/>
      <c r="Q1151" s="130"/>
      <c r="R1151" s="130"/>
      <c r="S1151" s="130"/>
      <c r="T1151" s="130"/>
      <c r="U1151" s="130"/>
      <c r="V1151" s="130"/>
      <c r="W1151" s="130"/>
      <c r="X1151" s="130"/>
      <c r="Y1151" s="130"/>
      <c r="Z1151" s="130"/>
      <c r="AA1151" s="130"/>
      <c r="AB1151" s="130"/>
      <c r="AC1151" s="130"/>
      <c r="AD1151" s="130"/>
      <c r="AE1151" s="130"/>
      <c r="AF1151" s="130"/>
      <c r="AG1151" s="130"/>
      <c r="AH1151" s="130"/>
      <c r="AI1151" s="130"/>
      <c r="AJ1151" s="130"/>
      <c r="AK1151" s="130"/>
      <c r="AL1151" s="130"/>
      <c r="AM1151" s="130"/>
      <c r="AN1151" s="130"/>
      <c r="AO1151" s="134"/>
      <c r="AP1151" s="114"/>
      <c r="AQ1151" s="114"/>
    </row>
    <row r="1152" spans="6:43">
      <c r="F1152" s="130"/>
      <c r="G1152" s="130"/>
      <c r="H1152" s="130"/>
      <c r="I1152" s="130"/>
      <c r="J1152" s="130"/>
      <c r="K1152" s="130"/>
      <c r="L1152" s="130"/>
      <c r="M1152" s="130"/>
      <c r="N1152" s="130"/>
      <c r="O1152" s="131"/>
      <c r="P1152" s="130"/>
      <c r="Q1152" s="130"/>
      <c r="R1152" s="130"/>
      <c r="S1152" s="130"/>
      <c r="T1152" s="130"/>
      <c r="U1152" s="130"/>
      <c r="V1152" s="130"/>
      <c r="W1152" s="130"/>
      <c r="X1152" s="130"/>
      <c r="Y1152" s="130"/>
      <c r="Z1152" s="130"/>
      <c r="AA1152" s="130"/>
      <c r="AB1152" s="130"/>
      <c r="AC1152" s="130"/>
      <c r="AD1152" s="130"/>
      <c r="AE1152" s="130"/>
      <c r="AF1152" s="130"/>
      <c r="AG1152" s="130"/>
      <c r="AH1152" s="130"/>
      <c r="AI1152" s="130"/>
      <c r="AJ1152" s="130"/>
      <c r="AK1152" s="130"/>
      <c r="AL1152" s="130"/>
      <c r="AM1152" s="130"/>
      <c r="AN1152" s="130"/>
      <c r="AO1152" s="134"/>
      <c r="AP1152" s="137"/>
      <c r="AQ1152" s="137"/>
    </row>
    <row r="1153" spans="6:43">
      <c r="F1153" s="130"/>
      <c r="G1153" s="130"/>
      <c r="H1153" s="130"/>
      <c r="I1153" s="130"/>
      <c r="J1153" s="130"/>
      <c r="K1153" s="130"/>
      <c r="L1153" s="130"/>
      <c r="M1153" s="130"/>
      <c r="N1153" s="130"/>
      <c r="O1153" s="131"/>
      <c r="P1153" s="130"/>
      <c r="Q1153" s="130"/>
      <c r="R1153" s="130"/>
      <c r="S1153" s="130"/>
      <c r="T1153" s="130"/>
      <c r="U1153" s="130"/>
      <c r="V1153" s="130"/>
      <c r="W1153" s="130"/>
      <c r="X1153" s="130"/>
      <c r="Y1153" s="130"/>
      <c r="Z1153" s="130"/>
      <c r="AA1153" s="130"/>
      <c r="AB1153" s="130"/>
      <c r="AC1153" s="130"/>
      <c r="AD1153" s="130"/>
      <c r="AE1153" s="130"/>
      <c r="AF1153" s="130"/>
      <c r="AG1153" s="130"/>
      <c r="AH1153" s="130"/>
      <c r="AI1153" s="130"/>
      <c r="AJ1153" s="130"/>
      <c r="AK1153" s="130"/>
      <c r="AL1153" s="130"/>
      <c r="AM1153" s="130"/>
      <c r="AN1153" s="130"/>
      <c r="AO1153" s="134"/>
      <c r="AP1153" s="137"/>
      <c r="AQ1153" s="137"/>
    </row>
    <row r="1154" spans="6:43">
      <c r="F1154" s="130"/>
      <c r="G1154" s="130"/>
      <c r="H1154" s="130"/>
      <c r="I1154" s="130"/>
      <c r="J1154" s="130"/>
      <c r="K1154" s="130"/>
      <c r="L1154" s="130"/>
      <c r="M1154" s="130"/>
      <c r="N1154" s="130"/>
      <c r="O1154" s="131"/>
      <c r="P1154" s="130"/>
      <c r="Q1154" s="130"/>
      <c r="R1154" s="130"/>
      <c r="S1154" s="130"/>
      <c r="T1154" s="130"/>
      <c r="U1154" s="130"/>
      <c r="V1154" s="130"/>
      <c r="W1154" s="130"/>
      <c r="X1154" s="130"/>
      <c r="Y1154" s="130"/>
      <c r="Z1154" s="130"/>
      <c r="AA1154" s="130"/>
      <c r="AB1154" s="130"/>
      <c r="AC1154" s="130"/>
      <c r="AD1154" s="130"/>
      <c r="AE1154" s="130"/>
      <c r="AF1154" s="130"/>
      <c r="AG1154" s="130"/>
      <c r="AH1154" s="130"/>
      <c r="AI1154" s="130"/>
      <c r="AJ1154" s="130"/>
      <c r="AK1154" s="130"/>
      <c r="AL1154" s="130"/>
      <c r="AM1154" s="130"/>
      <c r="AN1154" s="130"/>
      <c r="AO1154" s="134"/>
      <c r="AP1154" s="114"/>
      <c r="AQ1154" s="114"/>
    </row>
    <row r="1155" spans="6:43">
      <c r="F1155" s="141"/>
      <c r="G1155" s="141"/>
      <c r="H1155" s="141"/>
      <c r="I1155" s="141"/>
      <c r="J1155" s="141"/>
      <c r="K1155" s="141"/>
      <c r="L1155" s="141"/>
      <c r="M1155" s="141"/>
      <c r="N1155" s="141"/>
      <c r="O1155" s="131"/>
      <c r="P1155" s="141"/>
      <c r="Q1155" s="141"/>
      <c r="R1155" s="141"/>
      <c r="S1155" s="141"/>
      <c r="T1155" s="141"/>
      <c r="U1155" s="141"/>
      <c r="V1155" s="141"/>
      <c r="W1155" s="141"/>
      <c r="X1155" s="141"/>
      <c r="Y1155" s="141"/>
      <c r="Z1155" s="141"/>
      <c r="AA1155" s="141"/>
      <c r="AB1155" s="141"/>
      <c r="AC1155" s="141"/>
      <c r="AD1155" s="141"/>
      <c r="AE1155" s="141"/>
      <c r="AF1155" s="141"/>
      <c r="AG1155" s="141"/>
      <c r="AH1155" s="141"/>
      <c r="AI1155" s="141"/>
      <c r="AJ1155" s="141"/>
      <c r="AK1155" s="141"/>
      <c r="AL1155" s="141"/>
      <c r="AM1155" s="141"/>
      <c r="AN1155" s="141"/>
      <c r="AO1155" s="144"/>
      <c r="AP1155" s="114"/>
      <c r="AQ1155" s="114"/>
    </row>
    <row r="1156" spans="6:43">
      <c r="F1156" s="141"/>
      <c r="G1156" s="141"/>
      <c r="H1156" s="141"/>
      <c r="I1156" s="141"/>
      <c r="J1156" s="141"/>
      <c r="K1156" s="141"/>
      <c r="L1156" s="141"/>
      <c r="M1156" s="141"/>
      <c r="N1156" s="141"/>
      <c r="O1156" s="131"/>
      <c r="P1156" s="141"/>
      <c r="Q1156" s="141"/>
      <c r="R1156" s="141"/>
      <c r="S1156" s="141"/>
      <c r="T1156" s="141"/>
      <c r="U1156" s="141"/>
      <c r="V1156" s="141"/>
      <c r="W1156" s="141"/>
      <c r="X1156" s="141"/>
      <c r="Y1156" s="141"/>
      <c r="Z1156" s="141"/>
      <c r="AA1156" s="141"/>
      <c r="AB1156" s="141"/>
      <c r="AC1156" s="141"/>
      <c r="AD1156" s="141"/>
      <c r="AE1156" s="141"/>
      <c r="AF1156" s="141"/>
      <c r="AG1156" s="141"/>
      <c r="AH1156" s="141"/>
      <c r="AI1156" s="141"/>
      <c r="AJ1156" s="141"/>
      <c r="AK1156" s="141"/>
      <c r="AL1156" s="141"/>
      <c r="AM1156" s="141"/>
      <c r="AN1156" s="141"/>
      <c r="AO1156" s="144"/>
      <c r="AP1156" s="137"/>
      <c r="AQ1156" s="137"/>
    </row>
    <row r="1157" spans="6:43">
      <c r="F1157" s="141"/>
      <c r="G1157" s="141"/>
      <c r="H1157" s="141"/>
      <c r="I1157" s="141"/>
      <c r="J1157" s="141"/>
      <c r="K1157" s="141"/>
      <c r="L1157" s="141"/>
      <c r="M1157" s="141"/>
      <c r="N1157" s="141"/>
      <c r="O1157" s="131"/>
      <c r="P1157" s="141"/>
      <c r="Q1157" s="141"/>
      <c r="R1157" s="141"/>
      <c r="S1157" s="141"/>
      <c r="T1157" s="141"/>
      <c r="U1157" s="141"/>
      <c r="V1157" s="141"/>
      <c r="W1157" s="141"/>
      <c r="X1157" s="141"/>
      <c r="Y1157" s="141"/>
      <c r="Z1157" s="141"/>
      <c r="AA1157" s="141"/>
      <c r="AB1157" s="141"/>
      <c r="AC1157" s="141"/>
      <c r="AD1157" s="141"/>
      <c r="AE1157" s="141"/>
      <c r="AF1157" s="141"/>
      <c r="AG1157" s="141"/>
      <c r="AH1157" s="141"/>
      <c r="AI1157" s="141"/>
      <c r="AJ1157" s="141"/>
      <c r="AK1157" s="141"/>
      <c r="AL1157" s="141"/>
      <c r="AM1157" s="141"/>
      <c r="AN1157" s="141"/>
      <c r="AO1157" s="144"/>
      <c r="AP1157" s="114"/>
      <c r="AQ1157" s="114"/>
    </row>
    <row r="1158" spans="6:43">
      <c r="F1158" s="141"/>
      <c r="G1158" s="141"/>
      <c r="H1158" s="141"/>
      <c r="I1158" s="141"/>
      <c r="J1158" s="141"/>
      <c r="K1158" s="141"/>
      <c r="L1158" s="141"/>
      <c r="M1158" s="141"/>
      <c r="N1158" s="141"/>
      <c r="O1158" s="131"/>
      <c r="P1158" s="141"/>
      <c r="Q1158" s="141"/>
      <c r="R1158" s="141"/>
      <c r="S1158" s="141"/>
      <c r="T1158" s="141"/>
      <c r="U1158" s="141"/>
      <c r="V1158" s="141"/>
      <c r="W1158" s="141"/>
      <c r="X1158" s="141"/>
      <c r="Y1158" s="141"/>
      <c r="Z1158" s="141"/>
      <c r="AA1158" s="141"/>
      <c r="AB1158" s="141"/>
      <c r="AC1158" s="141"/>
      <c r="AD1158" s="141"/>
      <c r="AE1158" s="141"/>
      <c r="AF1158" s="141"/>
      <c r="AG1158" s="141"/>
      <c r="AH1158" s="141"/>
      <c r="AI1158" s="141"/>
      <c r="AJ1158" s="141"/>
      <c r="AK1158" s="141"/>
      <c r="AL1158" s="141"/>
      <c r="AM1158" s="141"/>
      <c r="AN1158" s="141"/>
      <c r="AO1158" s="144"/>
      <c r="AP1158" s="137"/>
      <c r="AQ1158" s="137"/>
    </row>
    <row r="1159" spans="6:43">
      <c r="F1159" s="141"/>
      <c r="G1159" s="141"/>
      <c r="H1159" s="141"/>
      <c r="I1159" s="141"/>
      <c r="J1159" s="141"/>
      <c r="K1159" s="141"/>
      <c r="L1159" s="141"/>
      <c r="M1159" s="141"/>
      <c r="N1159" s="141"/>
      <c r="O1159" s="131"/>
      <c r="P1159" s="141"/>
      <c r="Q1159" s="141"/>
      <c r="R1159" s="141"/>
      <c r="S1159" s="141"/>
      <c r="T1159" s="141"/>
      <c r="U1159" s="141"/>
      <c r="V1159" s="141"/>
      <c r="W1159" s="141"/>
      <c r="X1159" s="141"/>
      <c r="Y1159" s="141"/>
      <c r="Z1159" s="141"/>
      <c r="AA1159" s="141"/>
      <c r="AB1159" s="141"/>
      <c r="AC1159" s="141"/>
      <c r="AD1159" s="141"/>
      <c r="AE1159" s="141"/>
      <c r="AF1159" s="141"/>
      <c r="AG1159" s="141"/>
      <c r="AH1159" s="141"/>
      <c r="AI1159" s="141"/>
      <c r="AJ1159" s="141"/>
      <c r="AK1159" s="141"/>
      <c r="AL1159" s="141"/>
      <c r="AM1159" s="141"/>
      <c r="AN1159" s="141"/>
      <c r="AO1159" s="144"/>
      <c r="AP1159" s="137"/>
      <c r="AQ1159" s="137"/>
    </row>
    <row r="1160" spans="6:43">
      <c r="F1160" s="130"/>
      <c r="G1160" s="130"/>
      <c r="H1160" s="130"/>
      <c r="I1160" s="130"/>
      <c r="J1160" s="130"/>
      <c r="K1160" s="130"/>
      <c r="L1160" s="130"/>
      <c r="M1160" s="130"/>
      <c r="N1160" s="130"/>
      <c r="O1160" s="131"/>
      <c r="P1160" s="130"/>
      <c r="Q1160" s="130"/>
      <c r="R1160" s="130"/>
      <c r="S1160" s="130"/>
      <c r="T1160" s="130"/>
      <c r="U1160" s="130"/>
      <c r="V1160" s="130"/>
      <c r="W1160" s="130"/>
      <c r="X1160" s="130"/>
      <c r="Y1160" s="130"/>
      <c r="Z1160" s="130"/>
      <c r="AA1160" s="130"/>
      <c r="AB1160" s="130"/>
      <c r="AC1160" s="130"/>
      <c r="AD1160" s="130"/>
      <c r="AE1160" s="130"/>
      <c r="AF1160" s="130"/>
      <c r="AG1160" s="130"/>
      <c r="AH1160" s="130"/>
      <c r="AI1160" s="130"/>
      <c r="AJ1160" s="130"/>
      <c r="AK1160" s="130"/>
      <c r="AL1160" s="130"/>
      <c r="AM1160" s="130"/>
      <c r="AN1160" s="130"/>
      <c r="AO1160" s="134"/>
      <c r="AP1160" s="114"/>
      <c r="AQ1160" s="114"/>
    </row>
    <row r="1161" spans="6:43">
      <c r="F1161" s="130"/>
      <c r="G1161" s="130"/>
      <c r="H1161" s="130"/>
      <c r="I1161" s="130"/>
      <c r="J1161" s="130"/>
      <c r="K1161" s="130"/>
      <c r="L1161" s="130"/>
      <c r="M1161" s="130"/>
      <c r="N1161" s="130"/>
      <c r="O1161" s="131"/>
      <c r="P1161" s="130"/>
      <c r="Q1161" s="130"/>
      <c r="R1161" s="130"/>
      <c r="S1161" s="130"/>
      <c r="T1161" s="130"/>
      <c r="U1161" s="130"/>
      <c r="V1161" s="130"/>
      <c r="W1161" s="130"/>
      <c r="X1161" s="130"/>
      <c r="Y1161" s="130"/>
      <c r="Z1161" s="130"/>
      <c r="AA1161" s="130"/>
      <c r="AB1161" s="130"/>
      <c r="AC1161" s="130"/>
      <c r="AD1161" s="130"/>
      <c r="AE1161" s="130"/>
      <c r="AF1161" s="130"/>
      <c r="AG1161" s="130"/>
      <c r="AH1161" s="130"/>
      <c r="AI1161" s="130"/>
      <c r="AJ1161" s="130"/>
      <c r="AK1161" s="130"/>
      <c r="AL1161" s="130"/>
      <c r="AM1161" s="130"/>
      <c r="AN1161" s="130"/>
      <c r="AO1161" s="134"/>
      <c r="AP1161" s="114"/>
      <c r="AQ1161" s="114"/>
    </row>
    <row r="1162" spans="6:43">
      <c r="F1162" s="130"/>
      <c r="G1162" s="130"/>
      <c r="H1162" s="130"/>
      <c r="I1162" s="130"/>
      <c r="J1162" s="130"/>
      <c r="K1162" s="130"/>
      <c r="L1162" s="130"/>
      <c r="M1162" s="130"/>
      <c r="N1162" s="130"/>
      <c r="O1162" s="131"/>
      <c r="P1162" s="130"/>
      <c r="Q1162" s="130"/>
      <c r="R1162" s="130"/>
      <c r="S1162" s="130"/>
      <c r="T1162" s="130"/>
      <c r="U1162" s="130"/>
      <c r="V1162" s="130"/>
      <c r="W1162" s="130"/>
      <c r="X1162" s="130"/>
      <c r="Y1162" s="130"/>
      <c r="Z1162" s="130"/>
      <c r="AA1162" s="130"/>
      <c r="AB1162" s="130"/>
      <c r="AC1162" s="130"/>
      <c r="AD1162" s="130"/>
      <c r="AE1162" s="130"/>
      <c r="AF1162" s="130"/>
      <c r="AG1162" s="130"/>
      <c r="AH1162" s="130"/>
      <c r="AI1162" s="130"/>
      <c r="AJ1162" s="130"/>
      <c r="AK1162" s="130"/>
      <c r="AL1162" s="130"/>
      <c r="AM1162" s="130"/>
      <c r="AN1162" s="130"/>
      <c r="AO1162" s="134"/>
      <c r="AP1162" s="114"/>
      <c r="AQ1162" s="114"/>
    </row>
    <row r="1163" spans="6:43">
      <c r="F1163" s="62"/>
      <c r="G1163" s="62"/>
      <c r="H1163" s="62"/>
      <c r="I1163" s="62"/>
      <c r="J1163" s="62"/>
      <c r="K1163" s="62"/>
      <c r="L1163" s="62"/>
      <c r="M1163" s="62"/>
      <c r="N1163" s="62"/>
      <c r="O1163" s="62"/>
      <c r="P1163" s="62"/>
      <c r="Q1163" s="62"/>
      <c r="R1163" s="62"/>
      <c r="S1163" s="62"/>
      <c r="T1163" s="62"/>
      <c r="U1163" s="62"/>
      <c r="V1163" s="62"/>
      <c r="W1163" s="62"/>
      <c r="X1163" s="62"/>
      <c r="Y1163" s="62"/>
      <c r="Z1163" s="62"/>
      <c r="AA1163" s="62"/>
      <c r="AB1163" s="62"/>
      <c r="AC1163" s="62"/>
      <c r="AD1163" s="62"/>
      <c r="AE1163" s="62"/>
      <c r="AF1163" s="62"/>
      <c r="AG1163" s="62"/>
      <c r="AH1163" s="62"/>
      <c r="AI1163" s="62"/>
      <c r="AJ1163" s="62"/>
      <c r="AK1163" s="62"/>
      <c r="AL1163" s="62"/>
      <c r="AM1163" s="62"/>
      <c r="AN1163" s="62"/>
      <c r="AO1163" s="62"/>
      <c r="AP1163" s="62"/>
      <c r="AQ1163" s="62"/>
    </row>
    <row r="1164" spans="6:43">
      <c r="F1164" s="141"/>
      <c r="G1164" s="141"/>
      <c r="H1164" s="141"/>
      <c r="I1164" s="141"/>
      <c r="J1164" s="141"/>
      <c r="K1164" s="141"/>
      <c r="L1164" s="141"/>
      <c r="M1164" s="141"/>
      <c r="N1164" s="141"/>
      <c r="O1164" s="131"/>
      <c r="P1164" s="141"/>
      <c r="Q1164" s="141"/>
      <c r="R1164" s="141"/>
      <c r="S1164" s="141"/>
      <c r="T1164" s="141"/>
      <c r="U1164" s="141"/>
      <c r="V1164" s="141"/>
      <c r="W1164" s="141"/>
      <c r="X1164" s="141"/>
      <c r="Y1164" s="141"/>
      <c r="Z1164" s="141"/>
      <c r="AA1164" s="141"/>
      <c r="AB1164" s="141"/>
      <c r="AC1164" s="141"/>
      <c r="AD1164" s="141"/>
      <c r="AE1164" s="141"/>
      <c r="AF1164" s="141"/>
      <c r="AG1164" s="141"/>
      <c r="AH1164" s="141"/>
      <c r="AI1164" s="141"/>
      <c r="AJ1164" s="141"/>
      <c r="AK1164" s="141"/>
      <c r="AL1164" s="141"/>
      <c r="AM1164" s="141"/>
      <c r="AN1164" s="141"/>
      <c r="AO1164" s="144"/>
      <c r="AP1164" s="137"/>
      <c r="AQ1164" s="137"/>
    </row>
    <row r="1165" spans="6:43">
      <c r="F1165" s="141"/>
      <c r="G1165" s="141"/>
      <c r="H1165" s="141"/>
      <c r="I1165" s="141"/>
      <c r="J1165" s="141"/>
      <c r="K1165" s="141"/>
      <c r="L1165" s="141"/>
      <c r="M1165" s="141"/>
      <c r="N1165" s="141"/>
      <c r="O1165" s="131"/>
      <c r="P1165" s="141"/>
      <c r="Q1165" s="141"/>
      <c r="R1165" s="141"/>
      <c r="S1165" s="141"/>
      <c r="T1165" s="141"/>
      <c r="U1165" s="141"/>
      <c r="V1165" s="141"/>
      <c r="W1165" s="141"/>
      <c r="X1165" s="141"/>
      <c r="Y1165" s="141"/>
      <c r="Z1165" s="141"/>
      <c r="AA1165" s="141"/>
      <c r="AB1165" s="141"/>
      <c r="AC1165" s="141"/>
      <c r="AD1165" s="141"/>
      <c r="AE1165" s="141"/>
      <c r="AF1165" s="141"/>
      <c r="AG1165" s="141"/>
      <c r="AH1165" s="141"/>
      <c r="AI1165" s="141"/>
      <c r="AJ1165" s="141"/>
      <c r="AK1165" s="141"/>
      <c r="AL1165" s="141"/>
      <c r="AM1165" s="141"/>
      <c r="AN1165" s="141"/>
      <c r="AO1165" s="144"/>
      <c r="AP1165" s="137"/>
      <c r="AQ1165" s="137"/>
    </row>
    <row r="1166" spans="6:43">
      <c r="F1166" s="62"/>
      <c r="G1166" s="62"/>
      <c r="H1166" s="62"/>
      <c r="I1166" s="62"/>
      <c r="J1166" s="62"/>
      <c r="K1166" s="62"/>
      <c r="L1166" s="62"/>
      <c r="M1166" s="62"/>
      <c r="N1166" s="62"/>
      <c r="O1166" s="62"/>
      <c r="P1166" s="62"/>
      <c r="Q1166" s="62"/>
      <c r="R1166" s="62"/>
      <c r="S1166" s="62"/>
      <c r="T1166" s="62"/>
      <c r="U1166" s="62"/>
      <c r="V1166" s="62"/>
      <c r="W1166" s="62"/>
      <c r="X1166" s="62"/>
      <c r="Y1166" s="62"/>
      <c r="Z1166" s="62"/>
      <c r="AA1166" s="62"/>
      <c r="AB1166" s="62"/>
      <c r="AC1166" s="62"/>
      <c r="AD1166" s="62"/>
      <c r="AE1166" s="62"/>
      <c r="AF1166" s="62"/>
      <c r="AG1166" s="62"/>
      <c r="AH1166" s="62"/>
      <c r="AI1166" s="62"/>
      <c r="AJ1166" s="62"/>
      <c r="AK1166" s="62"/>
      <c r="AL1166" s="62"/>
      <c r="AM1166" s="62"/>
      <c r="AN1166" s="62"/>
      <c r="AO1166" s="62"/>
      <c r="AP1166" s="62"/>
      <c r="AQ1166" s="62"/>
    </row>
    <row r="1167" spans="6:43">
      <c r="F1167" s="141"/>
      <c r="G1167" s="141"/>
      <c r="H1167" s="141"/>
      <c r="I1167" s="141"/>
      <c r="J1167" s="141"/>
      <c r="K1167" s="141"/>
      <c r="L1167" s="141"/>
      <c r="M1167" s="141"/>
      <c r="N1167" s="141"/>
      <c r="O1167" s="131"/>
      <c r="P1167" s="141"/>
      <c r="Q1167" s="141"/>
      <c r="R1167" s="141"/>
      <c r="S1167" s="141"/>
      <c r="T1167" s="141"/>
      <c r="U1167" s="141"/>
      <c r="V1167" s="141"/>
      <c r="W1167" s="141"/>
      <c r="X1167" s="141"/>
      <c r="Y1167" s="141"/>
      <c r="Z1167" s="141"/>
      <c r="AA1167" s="141"/>
      <c r="AB1167" s="141"/>
      <c r="AC1167" s="141"/>
      <c r="AD1167" s="141"/>
      <c r="AE1167" s="141"/>
      <c r="AF1167" s="141"/>
      <c r="AG1167" s="141"/>
      <c r="AH1167" s="141"/>
      <c r="AI1167" s="141"/>
      <c r="AJ1167" s="141"/>
      <c r="AK1167" s="141"/>
      <c r="AL1167" s="141"/>
      <c r="AM1167" s="141"/>
      <c r="AN1167" s="141"/>
      <c r="AO1167" s="144"/>
      <c r="AP1167" s="137"/>
      <c r="AQ1167" s="137"/>
    </row>
    <row r="1168" spans="6:43">
      <c r="F1168" s="141"/>
      <c r="G1168" s="141"/>
      <c r="H1168" s="141"/>
      <c r="I1168" s="141"/>
      <c r="J1168" s="141"/>
      <c r="K1168" s="141"/>
      <c r="L1168" s="141"/>
      <c r="M1168" s="141"/>
      <c r="N1168" s="141"/>
      <c r="O1168" s="131"/>
      <c r="P1168" s="141"/>
      <c r="Q1168" s="141"/>
      <c r="R1168" s="141"/>
      <c r="S1168" s="141"/>
      <c r="T1168" s="141"/>
      <c r="U1168" s="141"/>
      <c r="V1168" s="141"/>
      <c r="W1168" s="141"/>
      <c r="X1168" s="141"/>
      <c r="Y1168" s="141"/>
      <c r="Z1168" s="141"/>
      <c r="AA1168" s="141"/>
      <c r="AB1168" s="141"/>
      <c r="AC1168" s="141"/>
      <c r="AD1168" s="141"/>
      <c r="AE1168" s="141"/>
      <c r="AF1168" s="141"/>
      <c r="AG1168" s="141"/>
      <c r="AH1168" s="141"/>
      <c r="AI1168" s="141"/>
      <c r="AJ1168" s="141"/>
      <c r="AK1168" s="141"/>
      <c r="AL1168" s="141"/>
      <c r="AM1168" s="141"/>
      <c r="AN1168" s="141"/>
      <c r="AO1168" s="144"/>
      <c r="AP1168" s="137"/>
      <c r="AQ1168" s="137"/>
    </row>
    <row r="1169" spans="6:43">
      <c r="F1169" s="141"/>
      <c r="G1169" s="141"/>
      <c r="H1169" s="141"/>
      <c r="I1169" s="141"/>
      <c r="J1169" s="141"/>
      <c r="K1169" s="141"/>
      <c r="L1169" s="141"/>
      <c r="M1169" s="141"/>
      <c r="N1169" s="141"/>
      <c r="O1169" s="131"/>
      <c r="P1169" s="141"/>
      <c r="Q1169" s="141"/>
      <c r="R1169" s="141"/>
      <c r="S1169" s="141"/>
      <c r="T1169" s="141"/>
      <c r="U1169" s="141"/>
      <c r="V1169" s="141"/>
      <c r="W1169" s="141"/>
      <c r="X1169" s="141"/>
      <c r="Y1169" s="141"/>
      <c r="Z1169" s="141"/>
      <c r="AA1169" s="141"/>
      <c r="AB1169" s="141"/>
      <c r="AC1169" s="141"/>
      <c r="AD1169" s="141"/>
      <c r="AE1169" s="141"/>
      <c r="AF1169" s="141"/>
      <c r="AG1169" s="141"/>
      <c r="AH1169" s="141"/>
      <c r="AI1169" s="141"/>
      <c r="AJ1169" s="141"/>
      <c r="AK1169" s="141"/>
      <c r="AL1169" s="141"/>
      <c r="AM1169" s="141"/>
      <c r="AN1169" s="141"/>
      <c r="AO1169" s="144"/>
      <c r="AP1169" s="137"/>
      <c r="AQ1169" s="137"/>
    </row>
    <row r="1170" spans="6:43">
      <c r="F1170" s="208"/>
      <c r="G1170" s="208"/>
      <c r="H1170" s="208"/>
      <c r="I1170" s="208"/>
      <c r="J1170" s="208"/>
      <c r="K1170" s="208"/>
      <c r="L1170" s="208"/>
      <c r="M1170" s="208"/>
      <c r="N1170" s="208"/>
      <c r="O1170" s="131"/>
      <c r="P1170" s="208"/>
      <c r="Q1170" s="208"/>
      <c r="R1170" s="208"/>
      <c r="S1170" s="208"/>
      <c r="T1170" s="208"/>
      <c r="U1170" s="208"/>
      <c r="V1170" s="208"/>
      <c r="W1170" s="208"/>
      <c r="X1170" s="208"/>
      <c r="Y1170" s="208"/>
      <c r="Z1170" s="208"/>
      <c r="AA1170" s="208"/>
      <c r="AB1170" s="208"/>
      <c r="AC1170" s="208"/>
      <c r="AD1170" s="208"/>
      <c r="AE1170" s="208"/>
      <c r="AF1170" s="208"/>
      <c r="AG1170" s="208"/>
      <c r="AH1170" s="208"/>
      <c r="AI1170" s="208"/>
      <c r="AJ1170" s="208"/>
      <c r="AK1170" s="208"/>
      <c r="AL1170" s="208"/>
      <c r="AM1170" s="208"/>
      <c r="AN1170" s="208"/>
      <c r="AO1170" s="211"/>
      <c r="AP1170" s="202"/>
      <c r="AQ1170" s="202"/>
    </row>
    <row r="1171" spans="6:43">
      <c r="F1171" s="208"/>
      <c r="G1171" s="208"/>
      <c r="H1171" s="208"/>
      <c r="I1171" s="208"/>
      <c r="J1171" s="208"/>
      <c r="K1171" s="208"/>
      <c r="L1171" s="208"/>
      <c r="M1171" s="208"/>
      <c r="N1171" s="208"/>
      <c r="O1171" s="131"/>
      <c r="P1171" s="208"/>
      <c r="Q1171" s="208"/>
      <c r="R1171" s="208"/>
      <c r="S1171" s="208"/>
      <c r="T1171" s="208"/>
      <c r="U1171" s="208"/>
      <c r="V1171" s="208"/>
      <c r="W1171" s="208"/>
      <c r="X1171" s="208"/>
      <c r="Y1171" s="208"/>
      <c r="Z1171" s="208"/>
      <c r="AA1171" s="208"/>
      <c r="AB1171" s="208"/>
      <c r="AC1171" s="208"/>
      <c r="AD1171" s="208"/>
      <c r="AE1171" s="208"/>
      <c r="AF1171" s="208"/>
      <c r="AG1171" s="208"/>
      <c r="AH1171" s="208"/>
      <c r="AI1171" s="208"/>
      <c r="AJ1171" s="208"/>
      <c r="AK1171" s="208"/>
      <c r="AL1171" s="208"/>
      <c r="AM1171" s="208"/>
      <c r="AN1171" s="208"/>
      <c r="AO1171" s="211"/>
      <c r="AP1171" s="202"/>
      <c r="AQ1171" s="202"/>
    </row>
    <row r="1172" spans="6:43">
      <c r="F1172" s="208"/>
      <c r="G1172" s="208"/>
      <c r="H1172" s="208"/>
      <c r="I1172" s="208"/>
      <c r="J1172" s="208"/>
      <c r="K1172" s="208"/>
      <c r="L1172" s="208"/>
      <c r="M1172" s="208"/>
      <c r="N1172" s="208"/>
      <c r="O1172" s="131"/>
      <c r="P1172" s="208"/>
      <c r="Q1172" s="208"/>
      <c r="R1172" s="208"/>
      <c r="S1172" s="208"/>
      <c r="T1172" s="208"/>
      <c r="U1172" s="208"/>
      <c r="V1172" s="208"/>
      <c r="W1172" s="208"/>
      <c r="X1172" s="208"/>
      <c r="Y1172" s="208"/>
      <c r="Z1172" s="208"/>
      <c r="AA1172" s="208"/>
      <c r="AB1172" s="208"/>
      <c r="AC1172" s="208"/>
      <c r="AD1172" s="208"/>
      <c r="AE1172" s="208"/>
      <c r="AF1172" s="208"/>
      <c r="AG1172" s="208"/>
      <c r="AH1172" s="208"/>
      <c r="AI1172" s="208"/>
      <c r="AJ1172" s="208"/>
      <c r="AK1172" s="208"/>
      <c r="AL1172" s="208"/>
      <c r="AM1172" s="208"/>
      <c r="AN1172" s="208"/>
      <c r="AO1172" s="211"/>
      <c r="AP1172" s="202"/>
      <c r="AQ1172" s="202"/>
    </row>
    <row r="1173" spans="6:43">
      <c r="F1173" s="208"/>
      <c r="G1173" s="208"/>
      <c r="H1173" s="208"/>
      <c r="I1173" s="208"/>
      <c r="J1173" s="208"/>
      <c r="K1173" s="208"/>
      <c r="L1173" s="208"/>
      <c r="M1173" s="208"/>
      <c r="N1173" s="208"/>
      <c r="O1173" s="131"/>
      <c r="P1173" s="208"/>
      <c r="Q1173" s="208"/>
      <c r="R1173" s="208"/>
      <c r="S1173" s="208"/>
      <c r="T1173" s="208"/>
      <c r="U1173" s="208"/>
      <c r="V1173" s="208"/>
      <c r="W1173" s="208"/>
      <c r="X1173" s="208"/>
      <c r="Y1173" s="208"/>
      <c r="Z1173" s="208"/>
      <c r="AA1173" s="208"/>
      <c r="AB1173" s="208"/>
      <c r="AC1173" s="208"/>
      <c r="AD1173" s="208"/>
      <c r="AE1173" s="208"/>
      <c r="AF1173" s="208"/>
      <c r="AG1173" s="208"/>
      <c r="AH1173" s="208"/>
      <c r="AI1173" s="208"/>
      <c r="AJ1173" s="208"/>
      <c r="AK1173" s="208"/>
      <c r="AL1173" s="208"/>
      <c r="AM1173" s="208"/>
      <c r="AN1173" s="208"/>
      <c r="AO1173" s="211"/>
      <c r="AP1173" s="202"/>
      <c r="AQ1173" s="202"/>
    </row>
    <row r="1174" spans="6:43">
      <c r="F1174" s="130"/>
      <c r="G1174" s="130"/>
      <c r="H1174" s="130"/>
      <c r="I1174" s="130"/>
      <c r="J1174" s="130"/>
      <c r="K1174" s="130"/>
      <c r="L1174" s="130"/>
      <c r="M1174" s="130"/>
      <c r="N1174" s="130"/>
      <c r="O1174" s="131"/>
      <c r="P1174" s="130"/>
      <c r="Q1174" s="130"/>
      <c r="R1174" s="130"/>
      <c r="S1174" s="130"/>
      <c r="T1174" s="130"/>
      <c r="U1174" s="130"/>
      <c r="V1174" s="130"/>
      <c r="W1174" s="130"/>
      <c r="X1174" s="130"/>
      <c r="Y1174" s="130"/>
      <c r="Z1174" s="130"/>
      <c r="AA1174" s="130"/>
      <c r="AB1174" s="130"/>
      <c r="AC1174" s="130"/>
      <c r="AD1174" s="130"/>
      <c r="AE1174" s="130"/>
      <c r="AF1174" s="130"/>
      <c r="AG1174" s="130"/>
      <c r="AH1174" s="130"/>
      <c r="AI1174" s="130"/>
      <c r="AJ1174" s="130"/>
      <c r="AK1174" s="130"/>
      <c r="AL1174" s="130"/>
      <c r="AM1174" s="130"/>
      <c r="AN1174" s="130"/>
      <c r="AO1174" s="134"/>
      <c r="AP1174" s="114"/>
      <c r="AQ1174" s="114"/>
    </row>
    <row r="1175" spans="6:43">
      <c r="F1175" s="130"/>
      <c r="G1175" s="130"/>
      <c r="H1175" s="130"/>
      <c r="I1175" s="130"/>
      <c r="J1175" s="130"/>
      <c r="K1175" s="130"/>
      <c r="L1175" s="130"/>
      <c r="M1175" s="130"/>
      <c r="N1175" s="130"/>
      <c r="O1175" s="131"/>
      <c r="P1175" s="130"/>
      <c r="Q1175" s="130"/>
      <c r="R1175" s="130"/>
      <c r="S1175" s="130"/>
      <c r="T1175" s="130"/>
      <c r="U1175" s="130"/>
      <c r="V1175" s="130"/>
      <c r="W1175" s="130"/>
      <c r="X1175" s="130"/>
      <c r="Y1175" s="130"/>
      <c r="Z1175" s="130"/>
      <c r="AA1175" s="130"/>
      <c r="AB1175" s="130"/>
      <c r="AC1175" s="130"/>
      <c r="AD1175" s="130"/>
      <c r="AE1175" s="130"/>
      <c r="AF1175" s="130"/>
      <c r="AG1175" s="130"/>
      <c r="AH1175" s="130"/>
      <c r="AI1175" s="130"/>
      <c r="AJ1175" s="130"/>
      <c r="AK1175" s="130"/>
      <c r="AL1175" s="130"/>
      <c r="AM1175" s="130"/>
      <c r="AN1175" s="130"/>
      <c r="AO1175" s="134"/>
      <c r="AP1175" s="114"/>
      <c r="AQ1175" s="114"/>
    </row>
    <row r="1176" spans="6:43">
      <c r="F1176" s="130"/>
      <c r="G1176" s="130"/>
      <c r="H1176" s="130"/>
      <c r="I1176" s="130"/>
      <c r="J1176" s="130"/>
      <c r="K1176" s="130"/>
      <c r="L1176" s="130"/>
      <c r="M1176" s="130"/>
      <c r="N1176" s="130"/>
      <c r="O1176" s="131"/>
      <c r="P1176" s="130"/>
      <c r="Q1176" s="130"/>
      <c r="R1176" s="130"/>
      <c r="S1176" s="130"/>
      <c r="T1176" s="130"/>
      <c r="U1176" s="130"/>
      <c r="V1176" s="130"/>
      <c r="W1176" s="130"/>
      <c r="X1176" s="130"/>
      <c r="Y1176" s="130"/>
      <c r="Z1176" s="130"/>
      <c r="AA1176" s="130"/>
      <c r="AB1176" s="130"/>
      <c r="AC1176" s="130"/>
      <c r="AD1176" s="130"/>
      <c r="AE1176" s="130"/>
      <c r="AF1176" s="130"/>
      <c r="AG1176" s="130"/>
      <c r="AH1176" s="130"/>
      <c r="AI1176" s="130"/>
      <c r="AJ1176" s="130"/>
      <c r="AK1176" s="130"/>
      <c r="AL1176" s="130"/>
      <c r="AM1176" s="130"/>
      <c r="AN1176" s="130"/>
      <c r="AO1176" s="134"/>
      <c r="AP1176" s="114"/>
      <c r="AQ1176" s="114"/>
    </row>
    <row r="1177" spans="6:43">
      <c r="F1177" s="62"/>
      <c r="G1177" s="62"/>
      <c r="H1177" s="62"/>
      <c r="I1177" s="62"/>
      <c r="J1177" s="62"/>
      <c r="K1177" s="62"/>
      <c r="L1177" s="62"/>
      <c r="M1177" s="62"/>
      <c r="N1177" s="62"/>
      <c r="O1177" s="62"/>
      <c r="P1177" s="62"/>
      <c r="Q1177" s="62"/>
      <c r="R1177" s="62"/>
      <c r="S1177" s="62"/>
      <c r="T1177" s="62"/>
      <c r="U1177" s="62"/>
      <c r="V1177" s="62"/>
      <c r="W1177" s="62"/>
      <c r="X1177" s="62"/>
      <c r="Y1177" s="62"/>
      <c r="Z1177" s="62"/>
      <c r="AA1177" s="62"/>
      <c r="AB1177" s="62"/>
      <c r="AC1177" s="62"/>
      <c r="AD1177" s="62"/>
      <c r="AE1177" s="62"/>
      <c r="AF1177" s="62"/>
      <c r="AG1177" s="62"/>
      <c r="AH1177" s="62"/>
      <c r="AI1177" s="62"/>
      <c r="AJ1177" s="62"/>
      <c r="AK1177" s="62"/>
      <c r="AL1177" s="62"/>
      <c r="AM1177" s="62"/>
      <c r="AN1177" s="62"/>
      <c r="AO1177" s="62"/>
      <c r="AP1177" s="62"/>
      <c r="AQ1177" s="62"/>
    </row>
    <row r="1178" spans="6:43">
      <c r="F1178" s="208"/>
      <c r="G1178" s="208"/>
      <c r="H1178" s="208"/>
      <c r="I1178" s="208"/>
      <c r="J1178" s="208"/>
      <c r="K1178" s="208"/>
      <c r="L1178" s="208"/>
      <c r="M1178" s="208"/>
      <c r="N1178" s="208"/>
      <c r="O1178" s="131"/>
      <c r="P1178" s="208"/>
      <c r="Q1178" s="208"/>
      <c r="R1178" s="208"/>
      <c r="S1178" s="208"/>
      <c r="T1178" s="208"/>
      <c r="U1178" s="208"/>
      <c r="V1178" s="208"/>
      <c r="W1178" s="208"/>
      <c r="X1178" s="208"/>
      <c r="Y1178" s="208"/>
      <c r="Z1178" s="208"/>
      <c r="AA1178" s="208"/>
      <c r="AB1178" s="208"/>
      <c r="AC1178" s="208"/>
      <c r="AD1178" s="208"/>
      <c r="AE1178" s="208"/>
      <c r="AF1178" s="208"/>
      <c r="AG1178" s="208"/>
      <c r="AH1178" s="208"/>
      <c r="AI1178" s="208"/>
      <c r="AJ1178" s="208"/>
      <c r="AK1178" s="208"/>
      <c r="AL1178" s="208"/>
      <c r="AM1178" s="208"/>
      <c r="AN1178" s="208"/>
      <c r="AO1178" s="211"/>
      <c r="AP1178" s="202"/>
      <c r="AQ1178" s="202"/>
    </row>
    <row r="1179" spans="6:43">
      <c r="F1179" s="62"/>
      <c r="G1179" s="62"/>
      <c r="H1179" s="62"/>
      <c r="I1179" s="62"/>
      <c r="J1179" s="62"/>
      <c r="K1179" s="62"/>
      <c r="L1179" s="62"/>
      <c r="M1179" s="62"/>
      <c r="N1179" s="62"/>
      <c r="O1179" s="62"/>
      <c r="P1179" s="62"/>
      <c r="Q1179" s="62"/>
      <c r="R1179" s="62"/>
      <c r="S1179" s="62"/>
      <c r="T1179" s="62"/>
      <c r="U1179" s="62"/>
      <c r="V1179" s="62"/>
      <c r="W1179" s="62"/>
      <c r="X1179" s="62"/>
      <c r="Y1179" s="62"/>
      <c r="Z1179" s="62"/>
      <c r="AA1179" s="62"/>
      <c r="AB1179" s="62"/>
      <c r="AC1179" s="62"/>
      <c r="AD1179" s="62"/>
      <c r="AE1179" s="62"/>
      <c r="AF1179" s="62"/>
      <c r="AG1179" s="62"/>
      <c r="AH1179" s="62"/>
      <c r="AI1179" s="62"/>
      <c r="AJ1179" s="62"/>
      <c r="AK1179" s="62"/>
      <c r="AL1179" s="62"/>
      <c r="AM1179" s="62"/>
      <c r="AN1179" s="62"/>
      <c r="AO1179" s="62"/>
      <c r="AP1179" s="62"/>
      <c r="AQ1179" s="62"/>
    </row>
    <row r="1180" spans="6:43">
      <c r="F1180" s="62"/>
      <c r="G1180" s="62"/>
      <c r="H1180" s="62"/>
      <c r="I1180" s="62"/>
      <c r="J1180" s="62"/>
      <c r="K1180" s="62"/>
      <c r="L1180" s="62"/>
      <c r="M1180" s="62"/>
      <c r="N1180" s="62"/>
      <c r="O1180" s="62"/>
      <c r="P1180" s="62"/>
      <c r="Q1180" s="62"/>
      <c r="R1180" s="62"/>
      <c r="S1180" s="62"/>
      <c r="T1180" s="62"/>
      <c r="U1180" s="62"/>
      <c r="V1180" s="62"/>
      <c r="W1180" s="62"/>
      <c r="X1180" s="62"/>
      <c r="Y1180" s="62"/>
      <c r="Z1180" s="62"/>
      <c r="AA1180" s="62"/>
      <c r="AB1180" s="62"/>
      <c r="AC1180" s="62"/>
      <c r="AD1180" s="62"/>
      <c r="AE1180" s="62"/>
      <c r="AF1180" s="62"/>
      <c r="AG1180" s="62"/>
      <c r="AH1180" s="62"/>
      <c r="AI1180" s="62"/>
      <c r="AJ1180" s="62"/>
      <c r="AK1180" s="62"/>
      <c r="AL1180" s="62"/>
      <c r="AM1180" s="62"/>
      <c r="AN1180" s="62"/>
      <c r="AO1180" s="62"/>
      <c r="AP1180" s="62"/>
      <c r="AQ1180" s="62"/>
    </row>
    <row r="1181" spans="6:43">
      <c r="F1181" s="130"/>
      <c r="G1181" s="130"/>
      <c r="H1181" s="130"/>
      <c r="I1181" s="130"/>
      <c r="J1181" s="130"/>
      <c r="K1181" s="130"/>
      <c r="L1181" s="130"/>
      <c r="M1181" s="130"/>
      <c r="N1181" s="130"/>
      <c r="O1181" s="131"/>
      <c r="P1181" s="130"/>
      <c r="Q1181" s="130"/>
      <c r="R1181" s="130"/>
      <c r="S1181" s="130"/>
      <c r="T1181" s="130"/>
      <c r="U1181" s="130"/>
      <c r="V1181" s="130"/>
      <c r="W1181" s="130"/>
      <c r="X1181" s="130"/>
      <c r="Y1181" s="130"/>
      <c r="Z1181" s="130"/>
      <c r="AA1181" s="130"/>
      <c r="AB1181" s="130"/>
      <c r="AC1181" s="130"/>
      <c r="AD1181" s="130"/>
      <c r="AE1181" s="130"/>
      <c r="AF1181" s="130"/>
      <c r="AG1181" s="130"/>
      <c r="AH1181" s="130"/>
      <c r="AI1181" s="130"/>
      <c r="AJ1181" s="130"/>
      <c r="AK1181" s="130"/>
      <c r="AL1181" s="130"/>
      <c r="AM1181" s="130"/>
      <c r="AN1181" s="130"/>
      <c r="AO1181" s="134"/>
      <c r="AP1181" s="137"/>
      <c r="AQ1181" s="137"/>
    </row>
    <row r="1182" spans="6:43">
      <c r="F1182" s="141"/>
      <c r="G1182" s="141"/>
      <c r="H1182" s="141"/>
      <c r="I1182" s="141"/>
      <c r="J1182" s="141"/>
      <c r="K1182" s="141"/>
      <c r="L1182" s="141"/>
      <c r="M1182" s="141"/>
      <c r="N1182" s="141"/>
      <c r="O1182" s="131"/>
      <c r="P1182" s="141"/>
      <c r="Q1182" s="141"/>
      <c r="R1182" s="141"/>
      <c r="S1182" s="141"/>
      <c r="T1182" s="141"/>
      <c r="U1182" s="141"/>
      <c r="V1182" s="141"/>
      <c r="W1182" s="141"/>
      <c r="X1182" s="141"/>
      <c r="Y1182" s="141"/>
      <c r="Z1182" s="141"/>
      <c r="AA1182" s="141"/>
      <c r="AB1182" s="141"/>
      <c r="AC1182" s="141"/>
      <c r="AD1182" s="141"/>
      <c r="AE1182" s="141"/>
      <c r="AF1182" s="141"/>
      <c r="AG1182" s="141"/>
      <c r="AH1182" s="141"/>
      <c r="AI1182" s="141"/>
      <c r="AJ1182" s="141"/>
      <c r="AK1182" s="141"/>
      <c r="AL1182" s="141"/>
      <c r="AM1182" s="141"/>
      <c r="AN1182" s="141"/>
      <c r="AO1182" s="144"/>
      <c r="AP1182" s="137"/>
      <c r="AQ1182" s="137"/>
    </row>
    <row r="1183" spans="6:43">
      <c r="F1183" s="141"/>
      <c r="G1183" s="141"/>
      <c r="H1183" s="141"/>
      <c r="I1183" s="141"/>
      <c r="J1183" s="141"/>
      <c r="K1183" s="141"/>
      <c r="L1183" s="141"/>
      <c r="M1183" s="141"/>
      <c r="N1183" s="141"/>
      <c r="O1183" s="131"/>
      <c r="P1183" s="141"/>
      <c r="Q1183" s="141"/>
      <c r="R1183" s="141"/>
      <c r="S1183" s="141"/>
      <c r="T1183" s="141"/>
      <c r="U1183" s="141"/>
      <c r="V1183" s="141"/>
      <c r="W1183" s="141"/>
      <c r="X1183" s="141"/>
      <c r="Y1183" s="141"/>
      <c r="Z1183" s="141"/>
      <c r="AA1183" s="141"/>
      <c r="AB1183" s="141"/>
      <c r="AC1183" s="141"/>
      <c r="AD1183" s="141"/>
      <c r="AE1183" s="141"/>
      <c r="AF1183" s="141"/>
      <c r="AG1183" s="141"/>
      <c r="AH1183" s="141"/>
      <c r="AI1183" s="141"/>
      <c r="AJ1183" s="141"/>
      <c r="AK1183" s="141"/>
      <c r="AL1183" s="141"/>
      <c r="AM1183" s="141"/>
      <c r="AN1183" s="141"/>
      <c r="AO1183" s="144"/>
      <c r="AP1183" s="137"/>
      <c r="AQ1183" s="137"/>
    </row>
    <row r="1184" spans="6:43">
      <c r="F1184" s="130"/>
      <c r="G1184" s="130"/>
      <c r="H1184" s="130"/>
      <c r="I1184" s="130"/>
      <c r="J1184" s="130"/>
      <c r="K1184" s="130"/>
      <c r="L1184" s="130"/>
      <c r="M1184" s="130"/>
      <c r="N1184" s="130"/>
      <c r="O1184" s="131"/>
      <c r="P1184" s="130"/>
      <c r="Q1184" s="130"/>
      <c r="R1184" s="130"/>
      <c r="S1184" s="130"/>
      <c r="T1184" s="130"/>
      <c r="U1184" s="130"/>
      <c r="V1184" s="130"/>
      <c r="W1184" s="130"/>
      <c r="X1184" s="130"/>
      <c r="Y1184" s="130"/>
      <c r="Z1184" s="130"/>
      <c r="AA1184" s="130"/>
      <c r="AB1184" s="130"/>
      <c r="AC1184" s="130"/>
      <c r="AD1184" s="130"/>
      <c r="AE1184" s="130"/>
      <c r="AF1184" s="130"/>
      <c r="AG1184" s="130"/>
      <c r="AH1184" s="130"/>
      <c r="AI1184" s="130"/>
      <c r="AJ1184" s="130"/>
      <c r="AK1184" s="130"/>
      <c r="AL1184" s="130"/>
      <c r="AM1184" s="130"/>
      <c r="AN1184" s="130"/>
      <c r="AO1184" s="134"/>
      <c r="AP1184" s="114"/>
      <c r="AQ1184" s="114"/>
    </row>
    <row r="1185" spans="6:43">
      <c r="F1185" s="130"/>
      <c r="G1185" s="130"/>
      <c r="H1185" s="130"/>
      <c r="I1185" s="130"/>
      <c r="J1185" s="130"/>
      <c r="K1185" s="130"/>
      <c r="L1185" s="130"/>
      <c r="M1185" s="130"/>
      <c r="N1185" s="130"/>
      <c r="O1185" s="131"/>
      <c r="P1185" s="130"/>
      <c r="Q1185" s="130"/>
      <c r="R1185" s="130"/>
      <c r="S1185" s="130"/>
      <c r="T1185" s="130"/>
      <c r="U1185" s="130"/>
      <c r="V1185" s="130"/>
      <c r="W1185" s="130"/>
      <c r="X1185" s="130"/>
      <c r="Y1185" s="130"/>
      <c r="Z1185" s="130"/>
      <c r="AA1185" s="130"/>
      <c r="AB1185" s="130"/>
      <c r="AC1185" s="130"/>
      <c r="AD1185" s="130"/>
      <c r="AE1185" s="130"/>
      <c r="AF1185" s="130"/>
      <c r="AG1185" s="130"/>
      <c r="AH1185" s="130"/>
      <c r="AI1185" s="130"/>
      <c r="AJ1185" s="130"/>
      <c r="AK1185" s="130"/>
      <c r="AL1185" s="130"/>
      <c r="AM1185" s="130"/>
      <c r="AN1185" s="130"/>
      <c r="AO1185" s="134"/>
      <c r="AP1185" s="114"/>
      <c r="AQ1185" s="114"/>
    </row>
    <row r="1186" spans="6:43">
      <c r="F1186" s="130"/>
      <c r="G1186" s="130"/>
      <c r="H1186" s="130"/>
      <c r="I1186" s="130"/>
      <c r="J1186" s="130"/>
      <c r="K1186" s="130"/>
      <c r="L1186" s="130"/>
      <c r="M1186" s="130"/>
      <c r="N1186" s="130"/>
      <c r="O1186" s="131"/>
      <c r="P1186" s="130"/>
      <c r="Q1186" s="130"/>
      <c r="R1186" s="130"/>
      <c r="S1186" s="130"/>
      <c r="T1186" s="130"/>
      <c r="U1186" s="130"/>
      <c r="V1186" s="130"/>
      <c r="W1186" s="130"/>
      <c r="X1186" s="130"/>
      <c r="Y1186" s="130"/>
      <c r="Z1186" s="130"/>
      <c r="AA1186" s="130"/>
      <c r="AB1186" s="130"/>
      <c r="AC1186" s="130"/>
      <c r="AD1186" s="130"/>
      <c r="AE1186" s="130"/>
      <c r="AF1186" s="130"/>
      <c r="AG1186" s="130"/>
      <c r="AH1186" s="130"/>
      <c r="AI1186" s="130"/>
      <c r="AJ1186" s="130"/>
      <c r="AK1186" s="130"/>
      <c r="AL1186" s="130"/>
      <c r="AM1186" s="130"/>
      <c r="AN1186" s="130"/>
      <c r="AO1186" s="134"/>
      <c r="AP1186" s="114"/>
      <c r="AQ1186" s="114"/>
    </row>
    <row r="1187" spans="6:43">
      <c r="F1187" s="62"/>
      <c r="G1187" s="62"/>
      <c r="H1187" s="62"/>
      <c r="I1187" s="62"/>
      <c r="J1187" s="62"/>
      <c r="K1187" s="62"/>
      <c r="L1187" s="62"/>
      <c r="M1187" s="62"/>
      <c r="N1187" s="62"/>
      <c r="O1187" s="62"/>
      <c r="P1187" s="62"/>
      <c r="Q1187" s="62"/>
      <c r="R1187" s="62"/>
      <c r="S1187" s="62"/>
      <c r="T1187" s="62"/>
      <c r="U1187" s="62"/>
      <c r="V1187" s="62"/>
      <c r="W1187" s="62"/>
      <c r="X1187" s="62"/>
      <c r="Y1187" s="62"/>
      <c r="Z1187" s="62"/>
      <c r="AA1187" s="62"/>
      <c r="AB1187" s="62"/>
      <c r="AC1187" s="62"/>
      <c r="AD1187" s="62"/>
      <c r="AE1187" s="62"/>
      <c r="AF1187" s="62"/>
      <c r="AG1187" s="62"/>
      <c r="AH1187" s="62"/>
      <c r="AI1187" s="62"/>
      <c r="AJ1187" s="62"/>
      <c r="AK1187" s="62"/>
      <c r="AL1187" s="62"/>
      <c r="AM1187" s="62"/>
      <c r="AN1187" s="62"/>
      <c r="AO1187" s="62"/>
      <c r="AP1187" s="62"/>
      <c r="AQ1187" s="62"/>
    </row>
    <row r="1188" spans="6:43">
      <c r="F1188" s="62"/>
      <c r="G1188" s="62"/>
      <c r="H1188" s="62"/>
      <c r="I1188" s="62"/>
      <c r="J1188" s="62"/>
      <c r="K1188" s="62"/>
      <c r="L1188" s="62"/>
      <c r="M1188" s="62"/>
      <c r="N1188" s="62"/>
      <c r="O1188" s="62"/>
      <c r="P1188" s="62"/>
      <c r="Q1188" s="62"/>
      <c r="R1188" s="62"/>
      <c r="S1188" s="62"/>
      <c r="T1188" s="62"/>
      <c r="U1188" s="62"/>
      <c r="V1188" s="62"/>
      <c r="W1188" s="62"/>
      <c r="X1188" s="62"/>
      <c r="Y1188" s="62"/>
      <c r="Z1188" s="62"/>
      <c r="AA1188" s="62"/>
      <c r="AB1188" s="62"/>
      <c r="AC1188" s="62"/>
      <c r="AD1188" s="62"/>
      <c r="AE1188" s="62"/>
      <c r="AF1188" s="62"/>
      <c r="AG1188" s="62"/>
      <c r="AH1188" s="62"/>
      <c r="AI1188" s="62"/>
      <c r="AJ1188" s="62"/>
      <c r="AK1188" s="62"/>
      <c r="AL1188" s="62"/>
      <c r="AM1188" s="62"/>
      <c r="AN1188" s="62"/>
      <c r="AO1188" s="62"/>
      <c r="AP1188" s="62"/>
      <c r="AQ1188" s="62"/>
    </row>
    <row r="1189" spans="6:43">
      <c r="F1189" s="130"/>
      <c r="G1189" s="130"/>
      <c r="H1189" s="130"/>
      <c r="I1189" s="130"/>
      <c r="J1189" s="130"/>
      <c r="K1189" s="130"/>
      <c r="L1189" s="130"/>
      <c r="M1189" s="130"/>
      <c r="N1189" s="130"/>
      <c r="O1189" s="131"/>
      <c r="P1189" s="130"/>
      <c r="Q1189" s="130"/>
      <c r="R1189" s="130"/>
      <c r="S1189" s="130"/>
      <c r="T1189" s="130"/>
      <c r="U1189" s="130"/>
      <c r="V1189" s="130"/>
      <c r="W1189" s="130"/>
      <c r="X1189" s="130"/>
      <c r="Y1189" s="130"/>
      <c r="Z1189" s="130"/>
      <c r="AA1189" s="130"/>
      <c r="AB1189" s="130"/>
      <c r="AC1189" s="130"/>
      <c r="AD1189" s="130"/>
      <c r="AE1189" s="130"/>
      <c r="AF1189" s="130"/>
      <c r="AG1189" s="130"/>
      <c r="AH1189" s="130"/>
      <c r="AI1189" s="130"/>
      <c r="AJ1189" s="130"/>
      <c r="AK1189" s="130"/>
      <c r="AL1189" s="130"/>
      <c r="AM1189" s="130"/>
      <c r="AN1189" s="130"/>
      <c r="AO1189" s="134"/>
      <c r="AP1189" s="114"/>
      <c r="AQ1189" s="114"/>
    </row>
    <row r="1190" spans="6:43">
      <c r="F1190" s="130"/>
      <c r="G1190" s="130"/>
      <c r="H1190" s="130"/>
      <c r="I1190" s="130"/>
      <c r="J1190" s="130"/>
      <c r="K1190" s="130"/>
      <c r="L1190" s="130"/>
      <c r="M1190" s="130"/>
      <c r="N1190" s="130"/>
      <c r="O1190" s="131"/>
      <c r="P1190" s="130"/>
      <c r="Q1190" s="130"/>
      <c r="R1190" s="130"/>
      <c r="S1190" s="130"/>
      <c r="T1190" s="130"/>
      <c r="U1190" s="130"/>
      <c r="V1190" s="130"/>
      <c r="W1190" s="130"/>
      <c r="X1190" s="130"/>
      <c r="Y1190" s="130"/>
      <c r="Z1190" s="130"/>
      <c r="AA1190" s="130"/>
      <c r="AB1190" s="130"/>
      <c r="AC1190" s="130"/>
      <c r="AD1190" s="130"/>
      <c r="AE1190" s="130"/>
      <c r="AF1190" s="130"/>
      <c r="AG1190" s="130"/>
      <c r="AH1190" s="130"/>
      <c r="AI1190" s="130"/>
      <c r="AJ1190" s="130"/>
      <c r="AK1190" s="130"/>
      <c r="AL1190" s="130"/>
      <c r="AM1190" s="130"/>
      <c r="AN1190" s="130"/>
      <c r="AO1190" s="134"/>
      <c r="AP1190" s="114"/>
      <c r="AQ1190" s="114"/>
    </row>
    <row r="1191" spans="6:43">
      <c r="F1191" s="141"/>
      <c r="G1191" s="141"/>
      <c r="H1191" s="141"/>
      <c r="I1191" s="141"/>
      <c r="J1191" s="141"/>
      <c r="K1191" s="141"/>
      <c r="L1191" s="141"/>
      <c r="M1191" s="141"/>
      <c r="N1191" s="141"/>
      <c r="O1191" s="131"/>
      <c r="P1191" s="141"/>
      <c r="Q1191" s="141"/>
      <c r="R1191" s="141"/>
      <c r="S1191" s="141"/>
      <c r="T1191" s="141"/>
      <c r="U1191" s="141"/>
      <c r="V1191" s="141"/>
      <c r="W1191" s="141"/>
      <c r="X1191" s="141"/>
      <c r="Y1191" s="141"/>
      <c r="Z1191" s="141"/>
      <c r="AA1191" s="141"/>
      <c r="AB1191" s="141"/>
      <c r="AC1191" s="141"/>
      <c r="AD1191" s="141"/>
      <c r="AE1191" s="141"/>
      <c r="AF1191" s="141"/>
      <c r="AG1191" s="141"/>
      <c r="AH1191" s="141"/>
      <c r="AI1191" s="141"/>
      <c r="AJ1191" s="141"/>
      <c r="AK1191" s="141"/>
      <c r="AL1191" s="141"/>
      <c r="AM1191" s="141"/>
      <c r="AN1191" s="141"/>
      <c r="AO1191" s="144"/>
      <c r="AP1191" s="137"/>
      <c r="AQ1191" s="137"/>
    </row>
    <row r="1192" spans="6:43">
      <c r="F1192" s="141"/>
      <c r="G1192" s="141"/>
      <c r="H1192" s="141"/>
      <c r="I1192" s="141"/>
      <c r="J1192" s="141"/>
      <c r="K1192" s="141"/>
      <c r="L1192" s="141"/>
      <c r="M1192" s="141"/>
      <c r="N1192" s="141"/>
      <c r="O1192" s="131"/>
      <c r="P1192" s="141"/>
      <c r="Q1192" s="141"/>
      <c r="R1192" s="141"/>
      <c r="S1192" s="141"/>
      <c r="T1192" s="141"/>
      <c r="U1192" s="141"/>
      <c r="V1192" s="141"/>
      <c r="W1192" s="141"/>
      <c r="X1192" s="141"/>
      <c r="Y1192" s="141"/>
      <c r="Z1192" s="141"/>
      <c r="AA1192" s="141"/>
      <c r="AB1192" s="141"/>
      <c r="AC1192" s="141"/>
      <c r="AD1192" s="141"/>
      <c r="AE1192" s="141"/>
      <c r="AF1192" s="141"/>
      <c r="AG1192" s="141"/>
      <c r="AH1192" s="141"/>
      <c r="AI1192" s="141"/>
      <c r="AJ1192" s="141"/>
      <c r="AK1192" s="141"/>
      <c r="AL1192" s="141"/>
      <c r="AM1192" s="141"/>
      <c r="AN1192" s="141"/>
      <c r="AO1192" s="144"/>
      <c r="AP1192" s="114"/>
      <c r="AQ1192" s="114"/>
    </row>
    <row r="1193" spans="6:43">
      <c r="F1193" s="130"/>
      <c r="G1193" s="130"/>
      <c r="H1193" s="130"/>
      <c r="I1193" s="130"/>
      <c r="J1193" s="130"/>
      <c r="K1193" s="130"/>
      <c r="L1193" s="130"/>
      <c r="M1193" s="130"/>
      <c r="N1193" s="130"/>
      <c r="O1193" s="131"/>
      <c r="P1193" s="130"/>
      <c r="Q1193" s="130"/>
      <c r="R1193" s="130"/>
      <c r="S1193" s="130"/>
      <c r="T1193" s="130"/>
      <c r="U1193" s="130"/>
      <c r="V1193" s="130"/>
      <c r="W1193" s="130"/>
      <c r="X1193" s="130"/>
      <c r="Y1193" s="130"/>
      <c r="Z1193" s="130"/>
      <c r="AA1193" s="130"/>
      <c r="AB1193" s="130"/>
      <c r="AC1193" s="130"/>
      <c r="AD1193" s="130"/>
      <c r="AE1193" s="130"/>
      <c r="AF1193" s="130"/>
      <c r="AG1193" s="130"/>
      <c r="AH1193" s="130"/>
      <c r="AI1193" s="130"/>
      <c r="AJ1193" s="130"/>
      <c r="AK1193" s="130"/>
      <c r="AL1193" s="130"/>
      <c r="AM1193" s="130"/>
      <c r="AN1193" s="130"/>
      <c r="AO1193" s="134"/>
      <c r="AP1193" s="114"/>
      <c r="AQ1193" s="114"/>
    </row>
    <row r="1194" spans="6:43">
      <c r="F1194" s="130"/>
      <c r="G1194" s="130"/>
      <c r="H1194" s="130"/>
      <c r="I1194" s="130"/>
      <c r="J1194" s="130"/>
      <c r="K1194" s="130"/>
      <c r="L1194" s="130"/>
      <c r="M1194" s="130"/>
      <c r="N1194" s="130"/>
      <c r="O1194" s="131"/>
      <c r="P1194" s="130"/>
      <c r="Q1194" s="130"/>
      <c r="R1194" s="130"/>
      <c r="S1194" s="130"/>
      <c r="T1194" s="130"/>
      <c r="U1194" s="130"/>
      <c r="V1194" s="130"/>
      <c r="W1194" s="130"/>
      <c r="X1194" s="130"/>
      <c r="Y1194" s="130"/>
      <c r="Z1194" s="130"/>
      <c r="AA1194" s="130"/>
      <c r="AB1194" s="130"/>
      <c r="AC1194" s="130"/>
      <c r="AD1194" s="130"/>
      <c r="AE1194" s="130"/>
      <c r="AF1194" s="130"/>
      <c r="AG1194" s="130"/>
      <c r="AH1194" s="130"/>
      <c r="AI1194" s="130"/>
      <c r="AJ1194" s="130"/>
      <c r="AK1194" s="130"/>
      <c r="AL1194" s="130"/>
      <c r="AM1194" s="130"/>
      <c r="AN1194" s="130"/>
      <c r="AO1194" s="134"/>
      <c r="AP1194" s="114"/>
      <c r="AQ1194" s="114"/>
    </row>
    <row r="1195" spans="6:43">
      <c r="F1195" s="141"/>
      <c r="G1195" s="141"/>
      <c r="H1195" s="141"/>
      <c r="I1195" s="141"/>
      <c r="J1195" s="141"/>
      <c r="K1195" s="141"/>
      <c r="L1195" s="141"/>
      <c r="M1195" s="141"/>
      <c r="N1195" s="141"/>
      <c r="O1195" s="131"/>
      <c r="P1195" s="141"/>
      <c r="Q1195" s="141"/>
      <c r="R1195" s="141"/>
      <c r="S1195" s="141"/>
      <c r="T1195" s="141"/>
      <c r="U1195" s="141"/>
      <c r="V1195" s="141"/>
      <c r="W1195" s="141"/>
      <c r="X1195" s="141"/>
      <c r="Y1195" s="141"/>
      <c r="Z1195" s="141"/>
      <c r="AA1195" s="141"/>
      <c r="AB1195" s="141"/>
      <c r="AC1195" s="141"/>
      <c r="AD1195" s="141"/>
      <c r="AE1195" s="141"/>
      <c r="AF1195" s="141"/>
      <c r="AG1195" s="141"/>
      <c r="AH1195" s="141"/>
      <c r="AI1195" s="141"/>
      <c r="AJ1195" s="141"/>
      <c r="AK1195" s="141"/>
      <c r="AL1195" s="141"/>
      <c r="AM1195" s="141"/>
      <c r="AN1195" s="141"/>
      <c r="AO1195" s="144"/>
      <c r="AP1195" s="114"/>
      <c r="AQ1195" s="114"/>
    </row>
    <row r="1196" spans="6:43">
      <c r="F1196" s="130"/>
      <c r="G1196" s="130"/>
      <c r="H1196" s="130"/>
      <c r="I1196" s="130"/>
      <c r="J1196" s="130"/>
      <c r="K1196" s="130"/>
      <c r="L1196" s="130"/>
      <c r="M1196" s="130"/>
      <c r="N1196" s="130"/>
      <c r="O1196" s="131"/>
      <c r="P1196" s="130"/>
      <c r="Q1196" s="130"/>
      <c r="R1196" s="130"/>
      <c r="S1196" s="130"/>
      <c r="T1196" s="130"/>
      <c r="U1196" s="130"/>
      <c r="V1196" s="130"/>
      <c r="W1196" s="130"/>
      <c r="X1196" s="130"/>
      <c r="Y1196" s="130"/>
      <c r="Z1196" s="130"/>
      <c r="AA1196" s="130"/>
      <c r="AB1196" s="130"/>
      <c r="AC1196" s="130"/>
      <c r="AD1196" s="130"/>
      <c r="AE1196" s="130"/>
      <c r="AF1196" s="130"/>
      <c r="AG1196" s="130"/>
      <c r="AH1196" s="130"/>
      <c r="AI1196" s="130"/>
      <c r="AJ1196" s="130"/>
      <c r="AK1196" s="130"/>
      <c r="AL1196" s="130"/>
      <c r="AM1196" s="130"/>
      <c r="AN1196" s="130"/>
      <c r="AO1196" s="134"/>
      <c r="AP1196" s="114"/>
      <c r="AQ1196" s="114"/>
    </row>
    <row r="1197" spans="6:43">
      <c r="F1197" s="130"/>
      <c r="G1197" s="130"/>
      <c r="H1197" s="130"/>
      <c r="I1197" s="130"/>
      <c r="J1197" s="130"/>
      <c r="K1197" s="130"/>
      <c r="L1197" s="130"/>
      <c r="M1197" s="130"/>
      <c r="N1197" s="130"/>
      <c r="O1197" s="131"/>
      <c r="P1197" s="130"/>
      <c r="Q1197" s="130"/>
      <c r="R1197" s="130"/>
      <c r="S1197" s="130"/>
      <c r="T1197" s="130"/>
      <c r="U1197" s="130"/>
      <c r="V1197" s="130"/>
      <c r="W1197" s="130"/>
      <c r="X1197" s="130"/>
      <c r="Y1197" s="130"/>
      <c r="Z1197" s="130"/>
      <c r="AA1197" s="130"/>
      <c r="AB1197" s="130"/>
      <c r="AC1197" s="130"/>
      <c r="AD1197" s="130"/>
      <c r="AE1197" s="130"/>
      <c r="AF1197" s="130"/>
      <c r="AG1197" s="130"/>
      <c r="AH1197" s="130"/>
      <c r="AI1197" s="130"/>
      <c r="AJ1197" s="130"/>
      <c r="AK1197" s="130"/>
      <c r="AL1197" s="130"/>
      <c r="AM1197" s="130"/>
      <c r="AN1197" s="130"/>
      <c r="AO1197" s="134"/>
      <c r="AP1197" s="114"/>
      <c r="AQ1197" s="114"/>
    </row>
    <row r="1198" spans="6:43">
      <c r="F1198" s="66"/>
      <c r="G1198" s="66"/>
      <c r="H1198" s="66"/>
      <c r="I1198" s="66"/>
      <c r="J1198" s="66"/>
      <c r="K1198" s="66"/>
      <c r="L1198" s="66"/>
      <c r="M1198" s="66"/>
      <c r="N1198" s="66"/>
      <c r="O1198" s="131"/>
      <c r="P1198" s="66"/>
      <c r="Q1198" s="66"/>
      <c r="R1198" s="66"/>
      <c r="S1198" s="66"/>
      <c r="T1198" s="66"/>
      <c r="U1198" s="66"/>
      <c r="V1198" s="66"/>
      <c r="W1198" s="66"/>
      <c r="X1198" s="66"/>
      <c r="Y1198" s="66"/>
      <c r="Z1198" s="66"/>
      <c r="AA1198" s="66"/>
      <c r="AB1198" s="66"/>
      <c r="AC1198" s="66"/>
      <c r="AD1198" s="66"/>
      <c r="AE1198" s="66"/>
      <c r="AF1198" s="66"/>
      <c r="AG1198" s="66"/>
      <c r="AH1198" s="66"/>
      <c r="AI1198" s="66"/>
      <c r="AJ1198" s="66"/>
      <c r="AK1198" s="66"/>
      <c r="AL1198" s="66"/>
      <c r="AM1198" s="66"/>
      <c r="AN1198" s="66"/>
    </row>
    <row r="1199" spans="6:43">
      <c r="F1199" s="66"/>
      <c r="G1199" s="66"/>
      <c r="H1199" s="66"/>
      <c r="I1199" s="66"/>
      <c r="J1199" s="66"/>
      <c r="K1199" s="66"/>
      <c r="L1199" s="66"/>
      <c r="M1199" s="66"/>
      <c r="N1199" s="66"/>
      <c r="O1199" s="131"/>
      <c r="P1199" s="66"/>
      <c r="Q1199" s="66"/>
      <c r="R1199" s="66"/>
      <c r="S1199" s="66"/>
      <c r="T1199" s="66"/>
      <c r="U1199" s="66"/>
      <c r="V1199" s="66"/>
      <c r="W1199" s="66"/>
      <c r="X1199" s="66"/>
      <c r="Y1199" s="66"/>
      <c r="Z1199" s="66"/>
      <c r="AA1199" s="66"/>
      <c r="AB1199" s="66"/>
      <c r="AC1199" s="66"/>
      <c r="AD1199" s="66"/>
      <c r="AE1199" s="66"/>
      <c r="AF1199" s="66"/>
      <c r="AG1199" s="66"/>
      <c r="AH1199" s="66"/>
      <c r="AI1199" s="66"/>
      <c r="AJ1199" s="66"/>
      <c r="AK1199" s="66"/>
      <c r="AL1199" s="66"/>
      <c r="AM1199" s="66"/>
      <c r="AN1199" s="66"/>
    </row>
    <row r="1200" spans="6:43">
      <c r="F1200" s="66"/>
      <c r="G1200" s="66"/>
      <c r="H1200" s="66"/>
      <c r="I1200" s="66"/>
      <c r="J1200" s="66"/>
      <c r="K1200" s="66"/>
      <c r="L1200" s="66"/>
      <c r="M1200" s="66"/>
      <c r="N1200" s="66"/>
      <c r="O1200" s="131"/>
      <c r="P1200" s="66"/>
      <c r="Q1200" s="66"/>
      <c r="R1200" s="66"/>
      <c r="S1200" s="66"/>
      <c r="T1200" s="66"/>
      <c r="U1200" s="66"/>
      <c r="V1200" s="66"/>
      <c r="W1200" s="66"/>
      <c r="X1200" s="66"/>
      <c r="Y1200" s="66"/>
      <c r="Z1200" s="66"/>
      <c r="AA1200" s="66"/>
      <c r="AB1200" s="66"/>
      <c r="AC1200" s="66"/>
      <c r="AD1200" s="66"/>
      <c r="AE1200" s="66"/>
      <c r="AF1200" s="66"/>
      <c r="AG1200" s="66"/>
      <c r="AH1200" s="66"/>
      <c r="AI1200" s="66"/>
      <c r="AJ1200" s="66"/>
      <c r="AK1200" s="66"/>
      <c r="AL1200" s="66"/>
      <c r="AM1200" s="66"/>
      <c r="AN1200" s="66"/>
    </row>
    <row r="1201" spans="6:40">
      <c r="F1201" s="66"/>
      <c r="G1201" s="66"/>
      <c r="H1201" s="66"/>
      <c r="I1201" s="66"/>
      <c r="J1201" s="66"/>
      <c r="K1201" s="66"/>
      <c r="L1201" s="66"/>
      <c r="M1201" s="66"/>
      <c r="N1201" s="66"/>
      <c r="O1201" s="131"/>
      <c r="P1201" s="66"/>
      <c r="Q1201" s="66"/>
      <c r="R1201" s="66"/>
      <c r="S1201" s="66"/>
      <c r="T1201" s="66"/>
      <c r="U1201" s="66"/>
      <c r="V1201" s="66"/>
      <c r="W1201" s="66"/>
      <c r="X1201" s="66"/>
      <c r="Y1201" s="66"/>
      <c r="Z1201" s="66"/>
      <c r="AA1201" s="66"/>
      <c r="AB1201" s="66"/>
      <c r="AC1201" s="66"/>
      <c r="AD1201" s="66"/>
      <c r="AE1201" s="66"/>
      <c r="AF1201" s="66"/>
      <c r="AG1201" s="66"/>
      <c r="AH1201" s="66"/>
      <c r="AI1201" s="66"/>
      <c r="AJ1201" s="66"/>
      <c r="AK1201" s="66"/>
      <c r="AL1201" s="66"/>
      <c r="AM1201" s="66"/>
      <c r="AN1201" s="66"/>
    </row>
    <row r="1202" spans="6:40">
      <c r="F1202" s="66"/>
      <c r="G1202" s="66"/>
      <c r="H1202" s="66"/>
      <c r="I1202" s="66"/>
      <c r="J1202" s="66"/>
      <c r="K1202" s="66"/>
      <c r="L1202" s="66"/>
      <c r="M1202" s="66"/>
      <c r="N1202" s="66"/>
      <c r="O1202" s="131"/>
      <c r="P1202" s="66"/>
      <c r="Q1202" s="66"/>
      <c r="R1202" s="66"/>
      <c r="S1202" s="66"/>
      <c r="T1202" s="66"/>
      <c r="U1202" s="66"/>
      <c r="V1202" s="66"/>
      <c r="W1202" s="66"/>
      <c r="X1202" s="66"/>
      <c r="Y1202" s="66"/>
      <c r="Z1202" s="66"/>
      <c r="AA1202" s="66"/>
      <c r="AB1202" s="66"/>
      <c r="AC1202" s="66"/>
      <c r="AD1202" s="66"/>
      <c r="AE1202" s="66"/>
      <c r="AF1202" s="66"/>
      <c r="AG1202" s="66"/>
      <c r="AH1202" s="66"/>
      <c r="AI1202" s="66"/>
      <c r="AJ1202" s="66"/>
      <c r="AK1202" s="66"/>
      <c r="AL1202" s="66"/>
      <c r="AM1202" s="66"/>
      <c r="AN1202" s="66"/>
    </row>
    <row r="1203" spans="6:40">
      <c r="F1203" s="66"/>
      <c r="G1203" s="66"/>
      <c r="H1203" s="66"/>
      <c r="I1203" s="66"/>
      <c r="J1203" s="66"/>
      <c r="K1203" s="66"/>
      <c r="L1203" s="66"/>
      <c r="M1203" s="66"/>
      <c r="N1203" s="66"/>
      <c r="O1203" s="131"/>
      <c r="P1203" s="66"/>
      <c r="Q1203" s="66"/>
      <c r="R1203" s="66"/>
      <c r="S1203" s="66"/>
      <c r="T1203" s="66"/>
      <c r="U1203" s="66"/>
      <c r="V1203" s="66"/>
      <c r="W1203" s="66"/>
      <c r="X1203" s="66"/>
      <c r="Y1203" s="66"/>
      <c r="Z1203" s="66"/>
      <c r="AA1203" s="66"/>
      <c r="AB1203" s="66"/>
      <c r="AC1203" s="66"/>
      <c r="AD1203" s="66"/>
      <c r="AE1203" s="66"/>
      <c r="AF1203" s="66"/>
      <c r="AG1203" s="66"/>
      <c r="AH1203" s="66"/>
      <c r="AI1203" s="66"/>
      <c r="AJ1203" s="66"/>
      <c r="AK1203" s="66"/>
      <c r="AL1203" s="66"/>
      <c r="AM1203" s="66"/>
      <c r="AN1203" s="66"/>
    </row>
    <row r="1204" spans="6:40">
      <c r="F1204" s="66"/>
      <c r="G1204" s="66"/>
      <c r="H1204" s="66"/>
      <c r="I1204" s="66"/>
      <c r="J1204" s="66"/>
      <c r="K1204" s="66"/>
      <c r="L1204" s="66"/>
      <c r="M1204" s="66"/>
      <c r="N1204" s="66"/>
      <c r="O1204" s="131"/>
      <c r="P1204" s="66"/>
      <c r="Q1204" s="66"/>
      <c r="R1204" s="66"/>
      <c r="S1204" s="66"/>
      <c r="T1204" s="66"/>
      <c r="U1204" s="66"/>
      <c r="V1204" s="66"/>
      <c r="W1204" s="66"/>
      <c r="X1204" s="66"/>
      <c r="Y1204" s="66"/>
      <c r="Z1204" s="66"/>
      <c r="AA1204" s="66"/>
      <c r="AB1204" s="66"/>
      <c r="AC1204" s="66"/>
      <c r="AD1204" s="66"/>
      <c r="AE1204" s="66"/>
      <c r="AF1204" s="66"/>
      <c r="AG1204" s="66"/>
      <c r="AH1204" s="66"/>
      <c r="AI1204" s="66"/>
      <c r="AJ1204" s="66"/>
      <c r="AK1204" s="66"/>
      <c r="AL1204" s="66"/>
      <c r="AM1204" s="66"/>
      <c r="AN1204" s="66"/>
    </row>
    <row r="1205" spans="6:40">
      <c r="F1205" s="66"/>
      <c r="G1205" s="66"/>
      <c r="H1205" s="66"/>
      <c r="I1205" s="66"/>
      <c r="J1205" s="66"/>
      <c r="K1205" s="66"/>
      <c r="L1205" s="66"/>
      <c r="M1205" s="66"/>
      <c r="N1205" s="66"/>
      <c r="O1205" s="131"/>
      <c r="P1205" s="66"/>
      <c r="Q1205" s="66"/>
      <c r="R1205" s="66"/>
      <c r="S1205" s="66"/>
      <c r="T1205" s="66"/>
      <c r="U1205" s="66"/>
      <c r="V1205" s="66"/>
      <c r="W1205" s="66"/>
      <c r="X1205" s="66"/>
      <c r="Y1205" s="66"/>
      <c r="Z1205" s="66"/>
      <c r="AA1205" s="66"/>
      <c r="AB1205" s="66"/>
      <c r="AC1205" s="66"/>
      <c r="AD1205" s="66"/>
      <c r="AE1205" s="66"/>
      <c r="AF1205" s="66"/>
      <c r="AG1205" s="66"/>
      <c r="AH1205" s="66"/>
      <c r="AI1205" s="66"/>
      <c r="AJ1205" s="66"/>
      <c r="AK1205" s="66"/>
      <c r="AL1205" s="66"/>
      <c r="AM1205" s="66"/>
      <c r="AN1205" s="66"/>
    </row>
    <row r="1206" spans="6:40">
      <c r="F1206" s="66"/>
      <c r="G1206" s="66"/>
      <c r="H1206" s="66"/>
      <c r="I1206" s="66"/>
      <c r="J1206" s="66"/>
      <c r="K1206" s="66"/>
      <c r="L1206" s="66"/>
      <c r="M1206" s="66"/>
      <c r="N1206" s="66"/>
      <c r="O1206" s="131"/>
      <c r="P1206" s="66"/>
      <c r="Q1206" s="66"/>
      <c r="R1206" s="66"/>
      <c r="S1206" s="66"/>
      <c r="T1206" s="66"/>
      <c r="U1206" s="66"/>
      <c r="V1206" s="66"/>
      <c r="W1206" s="66"/>
      <c r="X1206" s="66"/>
      <c r="Y1206" s="66"/>
      <c r="Z1206" s="66"/>
      <c r="AA1206" s="66"/>
      <c r="AB1206" s="66"/>
      <c r="AC1206" s="66"/>
      <c r="AD1206" s="66"/>
      <c r="AE1206" s="66"/>
      <c r="AF1206" s="66"/>
      <c r="AG1206" s="66"/>
      <c r="AH1206" s="66"/>
      <c r="AI1206" s="66"/>
      <c r="AJ1206" s="66"/>
      <c r="AK1206" s="66"/>
      <c r="AL1206" s="66"/>
      <c r="AM1206" s="66"/>
      <c r="AN1206" s="66"/>
    </row>
    <row r="1207" spans="6:40">
      <c r="F1207" s="66"/>
      <c r="G1207" s="66"/>
      <c r="H1207" s="66"/>
      <c r="I1207" s="66"/>
      <c r="J1207" s="66"/>
      <c r="K1207" s="66"/>
      <c r="L1207" s="66"/>
      <c r="M1207" s="66"/>
      <c r="N1207" s="66"/>
      <c r="O1207" s="131"/>
      <c r="P1207" s="66"/>
      <c r="Q1207" s="66"/>
      <c r="R1207" s="66"/>
      <c r="S1207" s="66"/>
      <c r="T1207" s="66"/>
      <c r="U1207" s="66"/>
      <c r="V1207" s="66"/>
      <c r="W1207" s="66"/>
      <c r="X1207" s="66"/>
      <c r="Y1207" s="66"/>
      <c r="Z1207" s="66"/>
      <c r="AA1207" s="66"/>
      <c r="AB1207" s="66"/>
      <c r="AC1207" s="66"/>
      <c r="AD1207" s="66"/>
      <c r="AE1207" s="66"/>
      <c r="AF1207" s="66"/>
      <c r="AG1207" s="66"/>
      <c r="AH1207" s="66"/>
      <c r="AI1207" s="66"/>
      <c r="AJ1207" s="66"/>
      <c r="AK1207" s="66"/>
      <c r="AL1207" s="66"/>
      <c r="AM1207" s="66"/>
      <c r="AN1207" s="66"/>
    </row>
    <row r="1208" spans="6:40">
      <c r="F1208" s="66"/>
      <c r="G1208" s="66"/>
      <c r="H1208" s="66"/>
      <c r="I1208" s="66"/>
      <c r="J1208" s="66"/>
      <c r="K1208" s="66"/>
      <c r="L1208" s="66"/>
      <c r="M1208" s="66"/>
      <c r="N1208" s="66"/>
      <c r="O1208" s="131"/>
      <c r="P1208" s="66"/>
      <c r="Q1208" s="66"/>
      <c r="R1208" s="66"/>
      <c r="S1208" s="66"/>
      <c r="T1208" s="66"/>
      <c r="U1208" s="66"/>
      <c r="V1208" s="66"/>
      <c r="W1208" s="66"/>
      <c r="X1208" s="66"/>
      <c r="Y1208" s="66"/>
      <c r="Z1208" s="66"/>
      <c r="AA1208" s="66"/>
      <c r="AB1208" s="66"/>
      <c r="AC1208" s="66"/>
      <c r="AD1208" s="66"/>
      <c r="AE1208" s="66"/>
      <c r="AF1208" s="66"/>
      <c r="AG1208" s="66"/>
      <c r="AH1208" s="66"/>
      <c r="AI1208" s="66"/>
      <c r="AJ1208" s="66"/>
      <c r="AK1208" s="66"/>
      <c r="AL1208" s="66"/>
      <c r="AM1208" s="66"/>
      <c r="AN1208" s="66"/>
    </row>
    <row r="1209" spans="6:40">
      <c r="F1209" s="66"/>
      <c r="G1209" s="66"/>
      <c r="H1209" s="66"/>
      <c r="I1209" s="66"/>
      <c r="J1209" s="66"/>
      <c r="K1209" s="66"/>
      <c r="L1209" s="66"/>
      <c r="M1209" s="66"/>
      <c r="N1209" s="66"/>
      <c r="O1209" s="131"/>
      <c r="P1209" s="66"/>
      <c r="Q1209" s="66"/>
      <c r="R1209" s="66"/>
      <c r="S1209" s="66"/>
      <c r="T1209" s="66"/>
      <c r="U1209" s="66"/>
      <c r="V1209" s="66"/>
      <c r="W1209" s="66"/>
      <c r="X1209" s="66"/>
      <c r="Y1209" s="66"/>
      <c r="Z1209" s="66"/>
      <c r="AA1209" s="66"/>
      <c r="AB1209" s="66"/>
      <c r="AC1209" s="66"/>
      <c r="AD1209" s="66"/>
      <c r="AE1209" s="66"/>
      <c r="AF1209" s="66"/>
      <c r="AG1209" s="66"/>
      <c r="AH1209" s="66"/>
      <c r="AI1209" s="66"/>
      <c r="AJ1209" s="66"/>
      <c r="AK1209" s="66"/>
      <c r="AL1209" s="66"/>
      <c r="AM1209" s="66"/>
      <c r="AN1209" s="66"/>
    </row>
    <row r="1210" spans="6:40">
      <c r="F1210" s="66"/>
      <c r="G1210" s="66"/>
      <c r="H1210" s="66"/>
      <c r="I1210" s="66"/>
      <c r="J1210" s="66"/>
      <c r="K1210" s="66"/>
      <c r="L1210" s="66"/>
      <c r="M1210" s="66"/>
      <c r="N1210" s="66"/>
      <c r="O1210" s="131"/>
      <c r="P1210" s="66"/>
      <c r="Q1210" s="66"/>
      <c r="R1210" s="66"/>
      <c r="S1210" s="66"/>
      <c r="T1210" s="66"/>
      <c r="U1210" s="66"/>
      <c r="V1210" s="66"/>
      <c r="W1210" s="66"/>
      <c r="X1210" s="66"/>
      <c r="Y1210" s="66"/>
      <c r="Z1210" s="66"/>
      <c r="AA1210" s="66"/>
      <c r="AB1210" s="66"/>
      <c r="AC1210" s="66"/>
      <c r="AD1210" s="66"/>
      <c r="AE1210" s="66"/>
      <c r="AF1210" s="66"/>
      <c r="AG1210" s="66"/>
      <c r="AH1210" s="66"/>
      <c r="AI1210" s="66"/>
      <c r="AJ1210" s="66"/>
      <c r="AK1210" s="66"/>
      <c r="AL1210" s="66"/>
      <c r="AM1210" s="66"/>
      <c r="AN1210" s="66"/>
    </row>
    <row r="1211" spans="6:40">
      <c r="F1211" s="66"/>
      <c r="G1211" s="66"/>
      <c r="H1211" s="66"/>
      <c r="I1211" s="66"/>
      <c r="J1211" s="66"/>
      <c r="K1211" s="66"/>
      <c r="L1211" s="66"/>
      <c r="M1211" s="66"/>
      <c r="N1211" s="66"/>
      <c r="O1211" s="131"/>
      <c r="P1211" s="66"/>
      <c r="Q1211" s="66"/>
      <c r="R1211" s="66"/>
      <c r="S1211" s="66"/>
      <c r="T1211" s="66"/>
      <c r="U1211" s="66"/>
      <c r="V1211" s="66"/>
      <c r="W1211" s="66"/>
      <c r="X1211" s="66"/>
      <c r="Y1211" s="66"/>
      <c r="Z1211" s="66"/>
      <c r="AA1211" s="66"/>
      <c r="AB1211" s="66"/>
      <c r="AC1211" s="66"/>
      <c r="AD1211" s="66"/>
      <c r="AE1211" s="66"/>
      <c r="AF1211" s="66"/>
      <c r="AG1211" s="66"/>
      <c r="AH1211" s="66"/>
      <c r="AI1211" s="66"/>
      <c r="AJ1211" s="66"/>
      <c r="AK1211" s="66"/>
      <c r="AL1211" s="66"/>
      <c r="AM1211" s="66"/>
      <c r="AN1211" s="66"/>
    </row>
    <row r="1212" spans="6:40">
      <c r="F1212" s="66"/>
      <c r="G1212" s="66"/>
      <c r="H1212" s="66"/>
      <c r="I1212" s="66"/>
      <c r="J1212" s="66"/>
      <c r="K1212" s="66"/>
      <c r="L1212" s="66"/>
      <c r="M1212" s="66"/>
      <c r="N1212" s="66"/>
      <c r="O1212" s="131"/>
      <c r="P1212" s="66"/>
      <c r="Q1212" s="66"/>
      <c r="R1212" s="66"/>
      <c r="S1212" s="66"/>
      <c r="T1212" s="66"/>
      <c r="U1212" s="66"/>
      <c r="V1212" s="66"/>
      <c r="W1212" s="66"/>
      <c r="X1212" s="66"/>
      <c r="Y1212" s="66"/>
      <c r="Z1212" s="66"/>
      <c r="AA1212" s="66"/>
      <c r="AB1212" s="66"/>
      <c r="AC1212" s="66"/>
      <c r="AD1212" s="66"/>
      <c r="AE1212" s="66"/>
      <c r="AF1212" s="66"/>
      <c r="AG1212" s="66"/>
      <c r="AH1212" s="66"/>
      <c r="AI1212" s="66"/>
      <c r="AJ1212" s="66"/>
      <c r="AK1212" s="66"/>
      <c r="AL1212" s="66"/>
      <c r="AM1212" s="66"/>
      <c r="AN1212" s="66"/>
    </row>
    <row r="1213" spans="6:40">
      <c r="F1213" s="66"/>
      <c r="G1213" s="66"/>
      <c r="H1213" s="66"/>
      <c r="I1213" s="66"/>
      <c r="J1213" s="66"/>
      <c r="K1213" s="66"/>
      <c r="L1213" s="66"/>
      <c r="M1213" s="66"/>
      <c r="N1213" s="66"/>
      <c r="O1213" s="131"/>
      <c r="P1213" s="66"/>
      <c r="Q1213" s="66"/>
      <c r="R1213" s="66"/>
      <c r="S1213" s="66"/>
      <c r="T1213" s="66"/>
      <c r="U1213" s="66"/>
      <c r="V1213" s="66"/>
      <c r="W1213" s="66"/>
      <c r="X1213" s="66"/>
      <c r="Y1213" s="66"/>
      <c r="Z1213" s="66"/>
      <c r="AA1213" s="66"/>
      <c r="AB1213" s="66"/>
      <c r="AC1213" s="66"/>
      <c r="AD1213" s="66"/>
      <c r="AE1213" s="66"/>
      <c r="AF1213" s="66"/>
      <c r="AG1213" s="66"/>
      <c r="AH1213" s="66"/>
      <c r="AI1213" s="66"/>
      <c r="AJ1213" s="66"/>
      <c r="AK1213" s="66"/>
      <c r="AL1213" s="66"/>
      <c r="AM1213" s="66"/>
      <c r="AN1213" s="66"/>
    </row>
    <row r="1214" spans="6:40">
      <c r="F1214" s="66"/>
      <c r="G1214" s="66"/>
      <c r="H1214" s="66"/>
      <c r="I1214" s="66"/>
      <c r="J1214" s="66"/>
      <c r="K1214" s="66"/>
      <c r="L1214" s="66"/>
      <c r="M1214" s="66"/>
      <c r="N1214" s="66"/>
      <c r="O1214" s="131"/>
      <c r="P1214" s="66"/>
      <c r="Q1214" s="66"/>
      <c r="R1214" s="66"/>
      <c r="S1214" s="66"/>
      <c r="T1214" s="66"/>
      <c r="U1214" s="66"/>
      <c r="V1214" s="66"/>
      <c r="W1214" s="66"/>
      <c r="X1214" s="66"/>
      <c r="Y1214" s="66"/>
      <c r="Z1214" s="66"/>
      <c r="AA1214" s="66"/>
      <c r="AB1214" s="66"/>
      <c r="AC1214" s="66"/>
      <c r="AD1214" s="66"/>
      <c r="AE1214" s="66"/>
      <c r="AF1214" s="66"/>
      <c r="AG1214" s="66"/>
      <c r="AH1214" s="66"/>
      <c r="AI1214" s="66"/>
      <c r="AJ1214" s="66"/>
      <c r="AK1214" s="66"/>
      <c r="AL1214" s="66"/>
      <c r="AM1214" s="66"/>
      <c r="AN1214" s="66"/>
    </row>
    <row r="1215" spans="6:40">
      <c r="F1215" s="66"/>
      <c r="G1215" s="66"/>
      <c r="H1215" s="66"/>
      <c r="I1215" s="66"/>
      <c r="J1215" s="66"/>
      <c r="K1215" s="66"/>
      <c r="L1215" s="66"/>
      <c r="M1215" s="66"/>
      <c r="N1215" s="66"/>
      <c r="O1215" s="131"/>
      <c r="P1215" s="66"/>
      <c r="Q1215" s="66"/>
      <c r="R1215" s="66"/>
      <c r="S1215" s="66"/>
      <c r="T1215" s="66"/>
      <c r="U1215" s="66"/>
      <c r="V1215" s="66"/>
      <c r="W1215" s="66"/>
      <c r="X1215" s="66"/>
      <c r="Y1215" s="66"/>
      <c r="Z1215" s="66"/>
      <c r="AA1215" s="66"/>
      <c r="AB1215" s="66"/>
      <c r="AC1215" s="66"/>
      <c r="AD1215" s="66"/>
      <c r="AE1215" s="66"/>
      <c r="AF1215" s="66"/>
      <c r="AG1215" s="66"/>
      <c r="AH1215" s="66"/>
      <c r="AI1215" s="66"/>
      <c r="AJ1215" s="66"/>
      <c r="AK1215" s="66"/>
      <c r="AL1215" s="66"/>
      <c r="AM1215" s="66"/>
      <c r="AN1215" s="66"/>
    </row>
    <row r="1216" spans="6:40">
      <c r="F1216" s="66"/>
      <c r="G1216" s="66"/>
      <c r="H1216" s="66"/>
      <c r="I1216" s="66"/>
      <c r="J1216" s="66"/>
      <c r="K1216" s="66"/>
      <c r="L1216" s="66"/>
      <c r="M1216" s="66"/>
      <c r="N1216" s="66"/>
      <c r="O1216" s="131"/>
      <c r="P1216" s="66"/>
      <c r="Q1216" s="66"/>
      <c r="R1216" s="66"/>
      <c r="S1216" s="66"/>
      <c r="T1216" s="66"/>
      <c r="U1216" s="66"/>
      <c r="V1216" s="66"/>
      <c r="W1216" s="66"/>
      <c r="X1216" s="66"/>
      <c r="Y1216" s="66"/>
      <c r="Z1216" s="66"/>
      <c r="AA1216" s="66"/>
      <c r="AB1216" s="66"/>
      <c r="AC1216" s="66"/>
      <c r="AD1216" s="66"/>
      <c r="AE1216" s="66"/>
      <c r="AF1216" s="66"/>
      <c r="AG1216" s="66"/>
      <c r="AH1216" s="66"/>
      <c r="AI1216" s="66"/>
      <c r="AJ1216" s="66"/>
      <c r="AK1216" s="66"/>
      <c r="AL1216" s="66"/>
      <c r="AM1216" s="66"/>
      <c r="AN1216" s="66"/>
    </row>
    <row r="1217" spans="6:40">
      <c r="F1217" s="66"/>
      <c r="G1217" s="66"/>
      <c r="H1217" s="66"/>
      <c r="I1217" s="66"/>
      <c r="J1217" s="66"/>
      <c r="K1217" s="66"/>
      <c r="L1217" s="66"/>
      <c r="M1217" s="66"/>
      <c r="N1217" s="66"/>
      <c r="O1217" s="131"/>
      <c r="P1217" s="66"/>
      <c r="Q1217" s="66"/>
      <c r="R1217" s="66"/>
      <c r="S1217" s="66"/>
      <c r="T1217" s="66"/>
      <c r="U1217" s="66"/>
      <c r="V1217" s="66"/>
      <c r="W1217" s="66"/>
      <c r="X1217" s="66"/>
      <c r="Y1217" s="66"/>
      <c r="Z1217" s="66"/>
      <c r="AA1217" s="66"/>
      <c r="AB1217" s="66"/>
      <c r="AC1217" s="66"/>
      <c r="AD1217" s="66"/>
      <c r="AE1217" s="66"/>
      <c r="AF1217" s="66"/>
      <c r="AG1217" s="66"/>
      <c r="AH1217" s="66"/>
      <c r="AI1217" s="66"/>
      <c r="AJ1217" s="66"/>
      <c r="AK1217" s="66"/>
      <c r="AL1217" s="66"/>
      <c r="AM1217" s="66"/>
      <c r="AN1217" s="66"/>
    </row>
    <row r="1218" spans="6:40">
      <c r="F1218" s="66"/>
      <c r="G1218" s="66"/>
      <c r="H1218" s="66"/>
      <c r="I1218" s="66"/>
      <c r="J1218" s="66"/>
      <c r="K1218" s="66"/>
      <c r="L1218" s="66"/>
      <c r="M1218" s="66"/>
      <c r="N1218" s="66"/>
      <c r="O1218" s="131"/>
      <c r="P1218" s="66"/>
      <c r="Q1218" s="66"/>
      <c r="R1218" s="66"/>
      <c r="S1218" s="66"/>
      <c r="T1218" s="66"/>
      <c r="U1218" s="66"/>
      <c r="V1218" s="66"/>
      <c r="W1218" s="66"/>
      <c r="X1218" s="66"/>
      <c r="Y1218" s="66"/>
      <c r="Z1218" s="66"/>
      <c r="AA1218" s="66"/>
      <c r="AB1218" s="66"/>
      <c r="AC1218" s="66"/>
      <c r="AD1218" s="66"/>
      <c r="AE1218" s="66"/>
      <c r="AF1218" s="66"/>
      <c r="AG1218" s="66"/>
      <c r="AH1218" s="66"/>
      <c r="AI1218" s="66"/>
      <c r="AJ1218" s="66"/>
      <c r="AK1218" s="66"/>
      <c r="AL1218" s="66"/>
      <c r="AM1218" s="66"/>
      <c r="AN1218" s="66"/>
    </row>
    <row r="1219" spans="6:40">
      <c r="F1219" s="16"/>
      <c r="G1219" s="16"/>
      <c r="H1219" s="16"/>
      <c r="I1219" s="16"/>
      <c r="J1219" s="16"/>
      <c r="K1219" s="16"/>
      <c r="L1219" s="16"/>
      <c r="M1219" s="16"/>
      <c r="N1219" s="16"/>
    </row>
    <row r="1220" spans="6:40">
      <c r="F1220" s="16"/>
      <c r="G1220" s="16"/>
      <c r="H1220" s="16"/>
      <c r="I1220" s="16"/>
      <c r="J1220" s="16"/>
      <c r="K1220" s="16"/>
      <c r="L1220" s="16"/>
      <c r="M1220" s="16"/>
      <c r="N1220" s="16"/>
    </row>
    <row r="1221" spans="6:40">
      <c r="F1221" s="16"/>
      <c r="G1221" s="16"/>
      <c r="H1221" s="16"/>
      <c r="I1221" s="16"/>
      <c r="J1221" s="16"/>
      <c r="K1221" s="16"/>
      <c r="L1221" s="16"/>
      <c r="M1221" s="16"/>
      <c r="N1221" s="16"/>
    </row>
    <row r="1222" spans="6:40">
      <c r="F1222" s="16"/>
      <c r="G1222" s="16"/>
      <c r="H1222" s="16"/>
      <c r="I1222" s="16"/>
      <c r="J1222" s="16"/>
      <c r="K1222" s="16"/>
      <c r="L1222" s="16"/>
      <c r="M1222" s="16"/>
      <c r="N1222" s="16"/>
    </row>
    <row r="1223" spans="6:40">
      <c r="F1223" s="16"/>
      <c r="G1223" s="16"/>
      <c r="H1223" s="16"/>
      <c r="I1223" s="16"/>
      <c r="J1223" s="16"/>
      <c r="K1223" s="16"/>
      <c r="L1223" s="16"/>
      <c r="M1223" s="16"/>
      <c r="N1223" s="16"/>
    </row>
    <row r="1224" spans="6:40">
      <c r="F1224" s="16"/>
      <c r="G1224" s="16"/>
      <c r="H1224" s="16"/>
      <c r="I1224" s="16"/>
      <c r="J1224" s="16"/>
      <c r="K1224" s="16"/>
      <c r="L1224" s="16"/>
      <c r="M1224" s="16"/>
      <c r="N1224" s="16"/>
    </row>
    <row r="1225" spans="6:40">
      <c r="F1225" s="16"/>
      <c r="G1225" s="16"/>
      <c r="H1225" s="16"/>
      <c r="I1225" s="16"/>
      <c r="J1225" s="16"/>
      <c r="K1225" s="16"/>
      <c r="L1225" s="16"/>
      <c r="M1225" s="16"/>
      <c r="N1225" s="16"/>
    </row>
    <row r="1226" spans="6:40">
      <c r="F1226" s="16"/>
      <c r="G1226" s="16"/>
      <c r="H1226" s="16"/>
      <c r="I1226" s="16"/>
      <c r="J1226" s="16"/>
      <c r="K1226" s="16"/>
      <c r="L1226" s="16"/>
      <c r="M1226" s="16"/>
      <c r="N1226" s="16"/>
    </row>
    <row r="1227" spans="6:40">
      <c r="F1227" s="16"/>
      <c r="G1227" s="16"/>
      <c r="H1227" s="16"/>
      <c r="I1227" s="16"/>
      <c r="J1227" s="16"/>
      <c r="K1227" s="16"/>
      <c r="L1227" s="16"/>
      <c r="M1227" s="16"/>
      <c r="N1227" s="16"/>
    </row>
    <row r="1228" spans="6:40">
      <c r="F1228" s="16"/>
      <c r="G1228" s="16"/>
      <c r="H1228" s="16"/>
      <c r="I1228" s="16"/>
      <c r="J1228" s="16"/>
      <c r="K1228" s="16"/>
      <c r="L1228" s="16"/>
      <c r="M1228" s="16"/>
      <c r="N1228" s="16"/>
    </row>
    <row r="1229" spans="6:40">
      <c r="F1229" s="16"/>
      <c r="G1229" s="16"/>
      <c r="H1229" s="16"/>
      <c r="I1229" s="16"/>
      <c r="J1229" s="16"/>
      <c r="K1229" s="16"/>
      <c r="L1229" s="16"/>
      <c r="M1229" s="16"/>
      <c r="N1229" s="16"/>
    </row>
    <row r="1230" spans="6:40">
      <c r="F1230" s="16"/>
      <c r="G1230" s="16"/>
      <c r="H1230" s="16"/>
      <c r="I1230" s="16"/>
      <c r="J1230" s="16"/>
      <c r="K1230" s="16"/>
      <c r="L1230" s="16"/>
      <c r="M1230" s="16"/>
      <c r="N1230" s="16"/>
    </row>
    <row r="1231" spans="6:40">
      <c r="F1231" s="16"/>
      <c r="G1231" s="16"/>
      <c r="H1231" s="16"/>
      <c r="I1231" s="16"/>
      <c r="J1231" s="16"/>
      <c r="K1231" s="16"/>
      <c r="L1231" s="16"/>
      <c r="M1231" s="16"/>
      <c r="N1231" s="16"/>
    </row>
    <row r="1232" spans="6:40">
      <c r="F1232" s="16"/>
      <c r="G1232" s="16"/>
      <c r="H1232" s="16"/>
      <c r="I1232" s="16"/>
      <c r="J1232" s="16"/>
      <c r="K1232" s="16"/>
      <c r="L1232" s="16"/>
      <c r="M1232" s="16"/>
      <c r="N1232" s="16"/>
    </row>
    <row r="1233" spans="6:14">
      <c r="F1233" s="16"/>
      <c r="G1233" s="16"/>
      <c r="H1233" s="16"/>
      <c r="I1233" s="16"/>
      <c r="J1233" s="16"/>
      <c r="K1233" s="16"/>
      <c r="L1233" s="16"/>
      <c r="M1233" s="16"/>
      <c r="N1233" s="16"/>
    </row>
    <row r="1234" spans="6:14">
      <c r="F1234" s="16"/>
      <c r="G1234" s="16"/>
      <c r="H1234" s="16"/>
      <c r="I1234" s="16"/>
      <c r="J1234" s="16"/>
      <c r="K1234" s="16"/>
      <c r="L1234" s="16"/>
      <c r="M1234" s="16"/>
      <c r="N1234" s="16"/>
    </row>
    <row r="1235" spans="6:14">
      <c r="F1235" s="16"/>
      <c r="G1235" s="16"/>
      <c r="H1235" s="16"/>
      <c r="I1235" s="16"/>
      <c r="J1235" s="16"/>
      <c r="K1235" s="16"/>
      <c r="L1235" s="16"/>
      <c r="M1235" s="16"/>
      <c r="N1235" s="16"/>
    </row>
    <row r="1236" spans="6:14">
      <c r="F1236" s="16"/>
      <c r="G1236" s="16"/>
      <c r="H1236" s="16"/>
      <c r="I1236" s="16"/>
      <c r="J1236" s="16"/>
      <c r="K1236" s="16"/>
      <c r="L1236" s="16"/>
      <c r="M1236" s="16"/>
      <c r="N1236" s="16"/>
    </row>
    <row r="1237" spans="6:14">
      <c r="F1237" s="16"/>
      <c r="G1237" s="16"/>
      <c r="H1237" s="16"/>
      <c r="I1237" s="16"/>
      <c r="J1237" s="16"/>
      <c r="K1237" s="16"/>
      <c r="L1237" s="16"/>
      <c r="M1237" s="16"/>
      <c r="N1237" s="16"/>
    </row>
    <row r="1238" spans="6:14">
      <c r="F1238" s="16"/>
      <c r="G1238" s="16"/>
      <c r="H1238" s="16"/>
      <c r="I1238" s="16"/>
      <c r="J1238" s="16"/>
      <c r="K1238" s="16"/>
      <c r="L1238" s="16"/>
      <c r="M1238" s="16"/>
      <c r="N1238" s="16"/>
    </row>
    <row r="1239" spans="6:14">
      <c r="F1239" s="16"/>
      <c r="G1239" s="16"/>
      <c r="H1239" s="16"/>
      <c r="I1239" s="16"/>
      <c r="J1239" s="16"/>
      <c r="K1239" s="16"/>
      <c r="L1239" s="16"/>
      <c r="M1239" s="16"/>
      <c r="N1239" s="16"/>
    </row>
    <row r="1240" spans="6:14">
      <c r="F1240" s="16"/>
      <c r="G1240" s="16"/>
      <c r="H1240" s="16"/>
      <c r="I1240" s="16"/>
      <c r="J1240" s="16"/>
      <c r="K1240" s="16"/>
      <c r="L1240" s="16"/>
      <c r="M1240" s="16"/>
      <c r="N1240" s="16"/>
    </row>
    <row r="1241" spans="6:14">
      <c r="F1241" s="16"/>
      <c r="G1241" s="16"/>
      <c r="H1241" s="16"/>
      <c r="I1241" s="16"/>
      <c r="J1241" s="16"/>
      <c r="K1241" s="16"/>
      <c r="L1241" s="16"/>
      <c r="M1241" s="16"/>
      <c r="N1241" s="16"/>
    </row>
    <row r="1242" spans="6:14">
      <c r="F1242" s="16"/>
      <c r="G1242" s="16"/>
      <c r="H1242" s="16"/>
      <c r="I1242" s="16"/>
      <c r="J1242" s="16"/>
      <c r="K1242" s="16"/>
      <c r="L1242" s="16"/>
      <c r="M1242" s="16"/>
      <c r="N1242" s="16"/>
    </row>
  </sheetData>
  <conditionalFormatting sqref="C4">
    <cfRule type="cellIs" dxfId="1" priority="1" stopIfTrue="1" operator="equal">
      <formula>"REPORT HAS ERRORS"</formula>
    </cfRule>
  </conditionalFormatting>
  <conditionalFormatting sqref="F2062:G2062">
    <cfRule type="cellIs" dxfId="0" priority="2" stopIfTrue="1" operator="equal">
      <formula>$C$512</formula>
    </cfRule>
  </conditionalFormatting>
  <pageMargins left="0.7" right="0.7" top="0.75" bottom="0.75" header="0.3" footer="0.3"/>
  <pageSetup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79"/>
  <sheetViews>
    <sheetView workbookViewId="0">
      <pane ySplit="3" topLeftCell="A154" activePane="bottomLeft" state="frozen"/>
      <selection pane="bottomLeft" activeCell="K170" sqref="K170"/>
    </sheetView>
  </sheetViews>
  <sheetFormatPr defaultRowHeight="13.2"/>
  <cols>
    <col min="1" max="1" width="6.88671875" style="21" customWidth="1"/>
    <col min="2" max="2" width="2.109375" style="21" customWidth="1"/>
    <col min="3" max="3" width="10.44140625" style="21" customWidth="1"/>
    <col min="4" max="4" width="2.6640625" style="21" customWidth="1"/>
    <col min="5" max="5" width="11.109375" style="21" customWidth="1"/>
    <col min="6" max="6" width="2.88671875" style="21" customWidth="1"/>
    <col min="7" max="7" width="12.44140625" bestFit="1" customWidth="1"/>
    <col min="8" max="8" width="4.88671875" customWidth="1"/>
    <col min="9" max="9" width="13" bestFit="1" customWidth="1"/>
    <col min="10" max="10" width="3.44140625" customWidth="1"/>
    <col min="11" max="11" width="13" bestFit="1" customWidth="1"/>
    <col min="14" max="14" width="11.109375" bestFit="1" customWidth="1"/>
    <col min="15" max="15" width="20.109375" customWidth="1"/>
    <col min="16" max="16" width="11.6640625" bestFit="1" customWidth="1"/>
    <col min="17" max="17" width="12.5546875" customWidth="1"/>
  </cols>
  <sheetData>
    <row r="1" spans="1:17">
      <c r="A1" s="286" t="s">
        <v>677</v>
      </c>
      <c r="B1" s="286"/>
      <c r="C1" s="286"/>
      <c r="D1" s="286"/>
      <c r="E1" s="286"/>
      <c r="F1" s="286"/>
      <c r="G1" s="286"/>
      <c r="H1" s="286"/>
      <c r="I1" s="286"/>
      <c r="J1" s="286"/>
      <c r="K1" s="286"/>
    </row>
    <row r="2" spans="1:17">
      <c r="A2" s="286" t="s">
        <v>678</v>
      </c>
      <c r="B2" s="286"/>
      <c r="C2" s="286"/>
      <c r="D2" s="286"/>
      <c r="E2" s="286"/>
      <c r="F2" s="286"/>
      <c r="G2" s="286"/>
      <c r="H2" s="286"/>
      <c r="I2" s="286"/>
      <c r="J2" s="286"/>
      <c r="K2" s="286"/>
    </row>
    <row r="3" spans="1:17" ht="28.8">
      <c r="A3" s="24" t="s">
        <v>679</v>
      </c>
      <c r="C3" s="24" t="s">
        <v>3</v>
      </c>
      <c r="E3" s="24" t="s">
        <v>680</v>
      </c>
      <c r="G3" s="29" t="s">
        <v>681</v>
      </c>
      <c r="H3" s="30"/>
      <c r="I3" s="29" t="s">
        <v>682</v>
      </c>
      <c r="K3" s="29" t="s">
        <v>684</v>
      </c>
    </row>
    <row r="4" spans="1:17" ht="14.4">
      <c r="A4" s="20"/>
      <c r="C4" s="20"/>
      <c r="E4" s="20"/>
      <c r="G4" s="31" t="s">
        <v>29</v>
      </c>
      <c r="H4" s="30"/>
      <c r="I4" s="31" t="s">
        <v>29</v>
      </c>
      <c r="K4" s="31" t="s">
        <v>29</v>
      </c>
      <c r="O4" s="19"/>
      <c r="P4" s="19"/>
      <c r="Q4" s="19"/>
    </row>
    <row r="5" spans="1:17" ht="14.4">
      <c r="A5" s="21">
        <v>2015</v>
      </c>
      <c r="C5" s="28" t="s">
        <v>685</v>
      </c>
      <c r="D5" s="28"/>
      <c r="E5" s="28">
        <v>4400001</v>
      </c>
      <c r="F5" s="28"/>
      <c r="G5" s="39">
        <v>116629.97</v>
      </c>
      <c r="I5" s="19">
        <v>155357.73000000001</v>
      </c>
      <c r="K5" s="35">
        <f t="shared" ref="K5:K97" si="0">+G5-I5</f>
        <v>-38727.760000000009</v>
      </c>
      <c r="N5" s="19"/>
      <c r="O5" s="19"/>
      <c r="P5" s="19"/>
      <c r="Q5" s="19"/>
    </row>
    <row r="6" spans="1:17" ht="14.4">
      <c r="C6" s="28"/>
      <c r="D6" s="28"/>
      <c r="E6" s="28">
        <v>4400002</v>
      </c>
      <c r="F6" s="28"/>
      <c r="G6" s="39">
        <v>65050.51</v>
      </c>
      <c r="I6" s="19">
        <v>70190.649999999994</v>
      </c>
      <c r="K6" s="35">
        <f t="shared" si="0"/>
        <v>-5140.1399999999921</v>
      </c>
      <c r="O6" s="19"/>
      <c r="P6" s="19"/>
      <c r="Q6" s="19"/>
    </row>
    <row r="7" spans="1:17" ht="14.4">
      <c r="C7" s="28"/>
      <c r="D7" s="28"/>
      <c r="E7" s="28">
        <v>4420001</v>
      </c>
      <c r="F7" s="28"/>
      <c r="G7" s="39">
        <v>91302.5</v>
      </c>
      <c r="I7" s="19">
        <v>98242.82</v>
      </c>
      <c r="K7" s="35">
        <f t="shared" si="0"/>
        <v>-6940.320000000007</v>
      </c>
      <c r="O7" s="19"/>
      <c r="P7" s="19"/>
      <c r="Q7" s="19"/>
    </row>
    <row r="8" spans="1:17" ht="14.4">
      <c r="C8" s="28"/>
      <c r="D8" s="28"/>
      <c r="E8" s="28">
        <v>4420002</v>
      </c>
      <c r="F8" s="28"/>
      <c r="G8" s="39">
        <v>152032.75</v>
      </c>
      <c r="I8" s="19">
        <v>112924.67</v>
      </c>
      <c r="K8" s="35">
        <f t="shared" si="0"/>
        <v>39108.080000000002</v>
      </c>
      <c r="O8" s="19"/>
      <c r="P8" s="19"/>
      <c r="Q8" s="19"/>
    </row>
    <row r="9" spans="1:17" ht="14.4">
      <c r="C9" s="28"/>
      <c r="D9" s="28"/>
      <c r="E9" s="28">
        <v>4420004</v>
      </c>
      <c r="F9" s="28"/>
      <c r="G9" s="39">
        <v>30463.37</v>
      </c>
      <c r="I9" s="19">
        <v>41920.879999999997</v>
      </c>
      <c r="K9" s="35">
        <f t="shared" si="0"/>
        <v>-11457.509999999998</v>
      </c>
      <c r="O9" s="19"/>
      <c r="P9" s="19"/>
      <c r="Q9" s="19"/>
    </row>
    <row r="10" spans="1:17" ht="14.4">
      <c r="C10" s="28"/>
      <c r="D10" s="28"/>
      <c r="E10" s="28">
        <v>4420006</v>
      </c>
      <c r="F10" s="28"/>
      <c r="G10" s="39">
        <v>12827.86</v>
      </c>
      <c r="I10" s="19">
        <v>17890.82</v>
      </c>
      <c r="K10" s="35">
        <f t="shared" si="0"/>
        <v>-5062.9599999999991</v>
      </c>
      <c r="O10" s="19"/>
      <c r="P10" s="19"/>
      <c r="Q10" s="19"/>
    </row>
    <row r="11" spans="1:17" ht="14.4">
      <c r="C11" s="28"/>
      <c r="D11" s="28"/>
      <c r="E11" s="28">
        <v>4420007</v>
      </c>
      <c r="F11" s="28"/>
      <c r="G11" s="39">
        <v>17510.849999999999</v>
      </c>
      <c r="I11" s="19">
        <v>18531.240000000002</v>
      </c>
      <c r="K11" s="35">
        <f t="shared" si="0"/>
        <v>-1020.3900000000031</v>
      </c>
      <c r="O11" s="19"/>
      <c r="P11" s="19"/>
      <c r="Q11" s="19"/>
    </row>
    <row r="12" spans="1:17" ht="14.4">
      <c r="C12" s="28"/>
      <c r="D12" s="28"/>
      <c r="E12" s="28">
        <v>4440000</v>
      </c>
      <c r="F12" s="28"/>
      <c r="G12" s="38">
        <v>1279.1300000000001</v>
      </c>
      <c r="I12" s="40">
        <v>1607.86</v>
      </c>
      <c r="K12" s="38">
        <f t="shared" si="0"/>
        <v>-328.72999999999979</v>
      </c>
      <c r="N12" s="19"/>
      <c r="O12" s="19"/>
      <c r="P12" s="19"/>
      <c r="Q12" s="19"/>
    </row>
    <row r="13" spans="1:17" ht="14.4">
      <c r="C13" s="28" t="s">
        <v>2</v>
      </c>
      <c r="D13" s="28"/>
      <c r="E13" s="28" t="s">
        <v>4</v>
      </c>
      <c r="F13" s="28"/>
      <c r="G13" s="39">
        <f>SUM(G5:G12)</f>
        <v>487096.93999999994</v>
      </c>
      <c r="I13" s="39">
        <f>SUM(I5:I12)</f>
        <v>516666.67</v>
      </c>
      <c r="K13" s="35">
        <f>SUM(K5:K12)</f>
        <v>-29569.730000000007</v>
      </c>
      <c r="N13" s="19"/>
    </row>
    <row r="14" spans="1:17" ht="14.4">
      <c r="C14" s="28"/>
      <c r="D14" s="28"/>
      <c r="E14" s="28"/>
      <c r="F14" s="28"/>
      <c r="G14" s="39"/>
      <c r="I14" s="39"/>
      <c r="K14" s="35"/>
      <c r="N14" s="19"/>
    </row>
    <row r="15" spans="1:17">
      <c r="A15" s="21">
        <v>2015</v>
      </c>
      <c r="C15" s="28" t="s">
        <v>686</v>
      </c>
      <c r="D15" s="28"/>
      <c r="E15" s="28">
        <v>4400001</v>
      </c>
      <c r="F15" s="28"/>
      <c r="G15" s="39">
        <v>128827.42</v>
      </c>
      <c r="I15" s="41">
        <f>+I5</f>
        <v>155357.73000000001</v>
      </c>
      <c r="K15" s="35">
        <f t="shared" si="0"/>
        <v>-26530.310000000012</v>
      </c>
    </row>
    <row r="16" spans="1:17">
      <c r="C16" s="28"/>
      <c r="D16" s="28"/>
      <c r="E16" s="28">
        <v>4400002</v>
      </c>
      <c r="F16" s="28"/>
      <c r="G16" s="39">
        <v>73736.160000000003</v>
      </c>
      <c r="I16" s="41">
        <f t="shared" ref="I16:I22" si="1">+I6</f>
        <v>70190.649999999994</v>
      </c>
      <c r="K16" s="35">
        <f t="shared" si="0"/>
        <v>3545.5100000000093</v>
      </c>
    </row>
    <row r="17" spans="1:11">
      <c r="C17" s="28"/>
      <c r="D17" s="28"/>
      <c r="E17" s="28">
        <v>4420001</v>
      </c>
      <c r="F17" s="28"/>
      <c r="G17" s="39">
        <v>92998.77</v>
      </c>
      <c r="I17" s="41">
        <f t="shared" si="1"/>
        <v>98242.82</v>
      </c>
      <c r="K17" s="35">
        <f t="shared" si="0"/>
        <v>-5244.0500000000029</v>
      </c>
    </row>
    <row r="18" spans="1:11">
      <c r="C18" s="28"/>
      <c r="D18" s="28"/>
      <c r="E18" s="28">
        <v>4420002</v>
      </c>
      <c r="F18" s="28"/>
      <c r="G18" s="39">
        <v>125702.43000000001</v>
      </c>
      <c r="I18" s="41">
        <f t="shared" si="1"/>
        <v>112924.67</v>
      </c>
      <c r="K18" s="35">
        <f t="shared" si="0"/>
        <v>12777.760000000009</v>
      </c>
    </row>
    <row r="19" spans="1:11">
      <c r="C19" s="28"/>
      <c r="D19" s="28"/>
      <c r="E19" s="28">
        <v>4420004</v>
      </c>
      <c r="F19" s="28"/>
      <c r="G19" s="39">
        <v>26972.65</v>
      </c>
      <c r="I19" s="41">
        <f t="shared" si="1"/>
        <v>41920.879999999997</v>
      </c>
      <c r="K19" s="35">
        <f t="shared" si="0"/>
        <v>-14948.229999999996</v>
      </c>
    </row>
    <row r="20" spans="1:11">
      <c r="C20" s="28"/>
      <c r="D20" s="28"/>
      <c r="E20" s="28">
        <v>4420006</v>
      </c>
      <c r="F20" s="28"/>
      <c r="G20" s="39">
        <v>15206.1</v>
      </c>
      <c r="I20" s="41">
        <f t="shared" si="1"/>
        <v>17890.82</v>
      </c>
      <c r="K20" s="35">
        <f t="shared" si="0"/>
        <v>-2684.7199999999993</v>
      </c>
    </row>
    <row r="21" spans="1:11">
      <c r="C21" s="28"/>
      <c r="D21" s="28"/>
      <c r="E21" s="28">
        <v>4420007</v>
      </c>
      <c r="F21" s="28"/>
      <c r="G21" s="39">
        <v>18060.62</v>
      </c>
      <c r="I21" s="41">
        <f t="shared" si="1"/>
        <v>18531.240000000002</v>
      </c>
      <c r="K21" s="35">
        <f t="shared" si="0"/>
        <v>-470.62000000000262</v>
      </c>
    </row>
    <row r="22" spans="1:11" ht="14.4">
      <c r="C22" s="28"/>
      <c r="D22" s="28"/>
      <c r="E22" s="28">
        <v>4440000</v>
      </c>
      <c r="F22" s="28"/>
      <c r="G22" s="38">
        <v>897.11</v>
      </c>
      <c r="I22" s="40">
        <f t="shared" si="1"/>
        <v>1607.86</v>
      </c>
      <c r="K22" s="38">
        <f t="shared" si="0"/>
        <v>-710.74999999999989</v>
      </c>
    </row>
    <row r="23" spans="1:11">
      <c r="C23" s="28" t="s">
        <v>2</v>
      </c>
      <c r="D23" s="28"/>
      <c r="E23" s="28" t="s">
        <v>4</v>
      </c>
      <c r="F23" s="28"/>
      <c r="G23" s="39">
        <f>SUM(G15:G22)</f>
        <v>482401.26</v>
      </c>
      <c r="I23" s="39">
        <f>SUM(I15:I22)</f>
        <v>516666.67</v>
      </c>
      <c r="K23" s="35">
        <f>SUM(K15:K22)</f>
        <v>-34265.409999999996</v>
      </c>
    </row>
    <row r="24" spans="1:11">
      <c r="C24" s="28"/>
      <c r="D24" s="28"/>
      <c r="E24" s="28"/>
      <c r="F24" s="28"/>
      <c r="G24" s="39"/>
      <c r="I24" s="39"/>
      <c r="K24" s="35"/>
    </row>
    <row r="25" spans="1:11">
      <c r="A25" s="21">
        <v>2015</v>
      </c>
      <c r="C25" s="28" t="s">
        <v>687</v>
      </c>
      <c r="D25" s="28"/>
      <c r="E25" s="28">
        <v>4400001</v>
      </c>
      <c r="F25" s="28"/>
      <c r="G25" s="39">
        <v>118437.98</v>
      </c>
      <c r="I25" s="41">
        <f>+I15</f>
        <v>155357.73000000001</v>
      </c>
      <c r="K25" s="35">
        <f t="shared" si="0"/>
        <v>-36919.750000000015</v>
      </c>
    </row>
    <row r="26" spans="1:11">
      <c r="C26" s="28"/>
      <c r="D26" s="28"/>
      <c r="E26" s="28">
        <v>4400002</v>
      </c>
      <c r="F26" s="28"/>
      <c r="G26" s="39">
        <v>66303.429999999993</v>
      </c>
      <c r="I26" s="41">
        <f t="shared" ref="I26:I32" si="2">+I16</f>
        <v>70190.649999999994</v>
      </c>
      <c r="K26" s="35">
        <f t="shared" si="0"/>
        <v>-3887.2200000000012</v>
      </c>
    </row>
    <row r="27" spans="1:11">
      <c r="C27" s="28"/>
      <c r="D27" s="28"/>
      <c r="E27" s="28">
        <v>4420001</v>
      </c>
      <c r="F27" s="28"/>
      <c r="G27" s="39">
        <v>91382.73000000001</v>
      </c>
      <c r="I27" s="41">
        <f t="shared" si="2"/>
        <v>98242.82</v>
      </c>
      <c r="K27" s="35">
        <f t="shared" si="0"/>
        <v>-6860.0899999999965</v>
      </c>
    </row>
    <row r="28" spans="1:11">
      <c r="C28" s="28"/>
      <c r="D28" s="28"/>
      <c r="E28" s="28">
        <v>4420002</v>
      </c>
      <c r="F28" s="28"/>
      <c r="G28" s="39">
        <v>171302.34999999998</v>
      </c>
      <c r="I28" s="41">
        <f t="shared" si="2"/>
        <v>112924.67</v>
      </c>
      <c r="K28" s="35">
        <f t="shared" si="0"/>
        <v>58377.679999999978</v>
      </c>
    </row>
    <row r="29" spans="1:11">
      <c r="C29" s="28"/>
      <c r="D29" s="28"/>
      <c r="E29" s="28">
        <v>4420004</v>
      </c>
      <c r="F29" s="28"/>
      <c r="G29" s="39">
        <v>29692.33</v>
      </c>
      <c r="I29" s="41">
        <f t="shared" si="2"/>
        <v>41920.879999999997</v>
      </c>
      <c r="K29" s="35">
        <f t="shared" si="0"/>
        <v>-12228.549999999996</v>
      </c>
    </row>
    <row r="30" spans="1:11">
      <c r="C30" s="28"/>
      <c r="D30" s="28"/>
      <c r="E30" s="28">
        <v>4420006</v>
      </c>
      <c r="F30" s="28"/>
      <c r="G30" s="39">
        <v>18156.41</v>
      </c>
      <c r="I30" s="41">
        <f t="shared" si="2"/>
        <v>17890.82</v>
      </c>
      <c r="K30" s="35">
        <f t="shared" si="0"/>
        <v>265.59000000000015</v>
      </c>
    </row>
    <row r="31" spans="1:11">
      <c r="C31" s="28"/>
      <c r="D31" s="28"/>
      <c r="E31" s="28">
        <v>4420007</v>
      </c>
      <c r="F31" s="28"/>
      <c r="G31" s="39">
        <v>17829.259999999998</v>
      </c>
      <c r="I31" s="41">
        <f t="shared" si="2"/>
        <v>18531.240000000002</v>
      </c>
      <c r="K31" s="35">
        <f t="shared" si="0"/>
        <v>-701.9800000000032</v>
      </c>
    </row>
    <row r="32" spans="1:11" ht="14.4">
      <c r="C32" s="28"/>
      <c r="D32" s="28"/>
      <c r="E32" s="28">
        <v>4440000</v>
      </c>
      <c r="F32" s="28"/>
      <c r="G32" s="38">
        <v>990.48</v>
      </c>
      <c r="I32" s="40">
        <f t="shared" si="2"/>
        <v>1607.86</v>
      </c>
      <c r="K32" s="38">
        <f t="shared" si="0"/>
        <v>-617.37999999999988</v>
      </c>
    </row>
    <row r="33" spans="1:11">
      <c r="C33" s="28" t="s">
        <v>2</v>
      </c>
      <c r="D33" s="28"/>
      <c r="E33" s="28" t="s">
        <v>4</v>
      </c>
      <c r="F33" s="28"/>
      <c r="G33" s="39">
        <f>SUM(G25:G32)</f>
        <v>514094.97</v>
      </c>
      <c r="I33" s="39">
        <f>SUM(I25:I32)</f>
        <v>516666.67</v>
      </c>
      <c r="K33" s="35">
        <f>SUM(K25:K32)</f>
        <v>-2571.7000000000326</v>
      </c>
    </row>
    <row r="34" spans="1:11">
      <c r="C34" s="28"/>
      <c r="D34" s="28"/>
      <c r="E34" s="28"/>
      <c r="F34" s="28"/>
      <c r="G34" s="39"/>
      <c r="I34" s="39"/>
      <c r="K34" s="35"/>
    </row>
    <row r="35" spans="1:11" ht="14.4">
      <c r="A35" s="288" t="s">
        <v>688</v>
      </c>
      <c r="B35" s="288"/>
      <c r="C35" s="288"/>
      <c r="D35" s="288"/>
      <c r="E35" s="288"/>
      <c r="F35" s="28"/>
      <c r="G35" s="39"/>
      <c r="I35" s="39"/>
      <c r="K35" s="35"/>
    </row>
    <row r="36" spans="1:11">
      <c r="A36" s="21" t="s">
        <v>2</v>
      </c>
      <c r="C36" s="28"/>
      <c r="D36" s="28"/>
      <c r="E36" s="28">
        <v>4400001</v>
      </c>
      <c r="F36" s="28"/>
      <c r="G36" s="39">
        <f>+G5+G15+G25</f>
        <v>363895.37</v>
      </c>
      <c r="I36" s="39">
        <f t="shared" ref="I36:I43" si="3">+I5+I15+I25</f>
        <v>466073.19000000006</v>
      </c>
      <c r="K36" s="39">
        <f t="shared" ref="K36:K43" si="4">+K5+K15+K25</f>
        <v>-102177.82000000004</v>
      </c>
    </row>
    <row r="37" spans="1:11">
      <c r="C37" s="28"/>
      <c r="D37" s="28"/>
      <c r="E37" s="28">
        <v>4400002</v>
      </c>
      <c r="F37" s="28"/>
      <c r="G37" s="39">
        <f t="shared" ref="G37:G43" si="5">+G6+G16+G26</f>
        <v>205090.1</v>
      </c>
      <c r="I37" s="39">
        <f t="shared" si="3"/>
        <v>210571.94999999998</v>
      </c>
      <c r="K37" s="39">
        <f t="shared" si="4"/>
        <v>-5481.849999999984</v>
      </c>
    </row>
    <row r="38" spans="1:11">
      <c r="C38" s="28"/>
      <c r="D38" s="28"/>
      <c r="E38" s="28">
        <v>4420001</v>
      </c>
      <c r="F38" s="28"/>
      <c r="G38" s="39">
        <f t="shared" si="5"/>
        <v>275684</v>
      </c>
      <c r="I38" s="39">
        <f t="shared" si="3"/>
        <v>294728.46000000002</v>
      </c>
      <c r="K38" s="39">
        <f t="shared" si="4"/>
        <v>-19044.460000000006</v>
      </c>
    </row>
    <row r="39" spans="1:11">
      <c r="C39" s="28"/>
      <c r="D39" s="28"/>
      <c r="E39" s="28">
        <v>4420002</v>
      </c>
      <c r="F39" s="28"/>
      <c r="G39" s="39">
        <f t="shared" si="5"/>
        <v>449037.52999999997</v>
      </c>
      <c r="I39" s="39">
        <f t="shared" si="3"/>
        <v>338774.01</v>
      </c>
      <c r="K39" s="39">
        <f t="shared" si="4"/>
        <v>110263.51999999999</v>
      </c>
    </row>
    <row r="40" spans="1:11">
      <c r="C40" s="28"/>
      <c r="D40" s="28"/>
      <c r="E40" s="28">
        <v>4420004</v>
      </c>
      <c r="F40" s="28"/>
      <c r="G40" s="39">
        <f t="shared" si="5"/>
        <v>87128.35</v>
      </c>
      <c r="I40" s="39">
        <f t="shared" si="3"/>
        <v>125762.63999999998</v>
      </c>
      <c r="K40" s="39">
        <f t="shared" si="4"/>
        <v>-38634.289999999994</v>
      </c>
    </row>
    <row r="41" spans="1:11">
      <c r="C41" s="28"/>
      <c r="D41" s="28"/>
      <c r="E41" s="28">
        <v>4420006</v>
      </c>
      <c r="F41" s="28"/>
      <c r="G41" s="39">
        <f t="shared" si="5"/>
        <v>46190.369999999995</v>
      </c>
      <c r="I41" s="39">
        <f t="shared" si="3"/>
        <v>53672.46</v>
      </c>
      <c r="K41" s="39">
        <f t="shared" si="4"/>
        <v>-7482.0899999999983</v>
      </c>
    </row>
    <row r="42" spans="1:11">
      <c r="C42" s="28"/>
      <c r="D42" s="28"/>
      <c r="E42" s="28">
        <v>4420007</v>
      </c>
      <c r="F42" s="28"/>
      <c r="G42" s="39">
        <f t="shared" si="5"/>
        <v>53400.729999999996</v>
      </c>
      <c r="I42" s="39">
        <f t="shared" si="3"/>
        <v>55593.72</v>
      </c>
      <c r="K42" s="39">
        <f t="shared" si="4"/>
        <v>-2192.9900000000089</v>
      </c>
    </row>
    <row r="43" spans="1:11">
      <c r="C43" s="28"/>
      <c r="D43" s="28"/>
      <c r="E43" s="28">
        <v>4440000</v>
      </c>
      <c r="F43" s="28"/>
      <c r="G43" s="38">
        <f t="shared" si="5"/>
        <v>3166.7200000000003</v>
      </c>
      <c r="I43" s="38">
        <f t="shared" si="3"/>
        <v>4823.58</v>
      </c>
      <c r="K43" s="38">
        <f t="shared" si="4"/>
        <v>-1656.8599999999994</v>
      </c>
    </row>
    <row r="44" spans="1:11">
      <c r="C44" s="28" t="s">
        <v>2</v>
      </c>
      <c r="D44" s="28"/>
      <c r="E44" s="28" t="s">
        <v>4</v>
      </c>
      <c r="F44" s="28"/>
      <c r="G44" s="39">
        <f>SUM(G36:G43)</f>
        <v>1483593.1700000002</v>
      </c>
      <c r="I44" s="39">
        <f>SUM(I36:I43)</f>
        <v>1550000.01</v>
      </c>
      <c r="K44" s="35">
        <f>SUM(K36:K43)</f>
        <v>-66406.840000000026</v>
      </c>
    </row>
    <row r="45" spans="1:11">
      <c r="C45" s="28"/>
      <c r="D45" s="28"/>
      <c r="E45" s="28"/>
      <c r="F45" s="28"/>
      <c r="G45" s="39"/>
      <c r="I45" s="39"/>
      <c r="K45" s="35"/>
    </row>
    <row r="46" spans="1:11">
      <c r="A46" s="21">
        <v>2015</v>
      </c>
      <c r="C46" s="28" t="s">
        <v>689</v>
      </c>
      <c r="D46" s="28"/>
      <c r="E46" s="28">
        <v>4400001</v>
      </c>
      <c r="F46" s="28"/>
      <c r="G46" s="39">
        <v>96097.06</v>
      </c>
      <c r="I46" s="41">
        <f>+I5</f>
        <v>155357.73000000001</v>
      </c>
      <c r="K46" s="35">
        <f t="shared" si="0"/>
        <v>-59260.670000000013</v>
      </c>
    </row>
    <row r="47" spans="1:11">
      <c r="C47" s="28"/>
      <c r="D47" s="28"/>
      <c r="E47" s="28">
        <v>4400002</v>
      </c>
      <c r="F47" s="28"/>
      <c r="G47" s="39">
        <v>50948.46</v>
      </c>
      <c r="I47" s="41">
        <f t="shared" ref="I47:I53" si="6">+I6</f>
        <v>70190.649999999994</v>
      </c>
      <c r="K47" s="35">
        <f t="shared" si="0"/>
        <v>-19242.189999999995</v>
      </c>
    </row>
    <row r="48" spans="1:11">
      <c r="C48" s="28"/>
      <c r="D48" s="28"/>
      <c r="E48" s="28">
        <v>4420001</v>
      </c>
      <c r="F48" s="28"/>
      <c r="G48" s="39">
        <v>80796.649999999994</v>
      </c>
      <c r="I48" s="41">
        <f t="shared" si="6"/>
        <v>98242.82</v>
      </c>
      <c r="K48" s="35">
        <f t="shared" si="0"/>
        <v>-17446.170000000013</v>
      </c>
    </row>
    <row r="49" spans="1:11">
      <c r="C49" s="28"/>
      <c r="D49" s="28"/>
      <c r="E49" s="28">
        <v>4420002</v>
      </c>
      <c r="F49" s="28"/>
      <c r="G49" s="39">
        <v>65796.31</v>
      </c>
      <c r="I49" s="41">
        <f t="shared" si="6"/>
        <v>112924.67</v>
      </c>
      <c r="K49" s="35">
        <f t="shared" si="0"/>
        <v>-47128.36</v>
      </c>
    </row>
    <row r="50" spans="1:11">
      <c r="C50" s="28"/>
      <c r="D50" s="28"/>
      <c r="E50" s="28">
        <v>4420004</v>
      </c>
      <c r="F50" s="28"/>
      <c r="G50" s="39">
        <v>28646.52</v>
      </c>
      <c r="I50" s="41">
        <f t="shared" si="6"/>
        <v>41920.879999999997</v>
      </c>
      <c r="K50" s="35">
        <f t="shared" si="0"/>
        <v>-13274.359999999997</v>
      </c>
    </row>
    <row r="51" spans="1:11">
      <c r="C51" s="28"/>
      <c r="D51" s="28"/>
      <c r="E51" s="28">
        <v>4420006</v>
      </c>
      <c r="F51" s="28"/>
      <c r="G51" s="39">
        <v>16519.45</v>
      </c>
      <c r="I51" s="41">
        <f t="shared" si="6"/>
        <v>17890.82</v>
      </c>
      <c r="K51" s="35">
        <f t="shared" si="0"/>
        <v>-1371.369999999999</v>
      </c>
    </row>
    <row r="52" spans="1:11">
      <c r="C52" s="28"/>
      <c r="D52" s="28"/>
      <c r="E52" s="28">
        <v>4420007</v>
      </c>
      <c r="F52" s="28"/>
      <c r="G52" s="39">
        <v>16029.26</v>
      </c>
      <c r="I52" s="41">
        <f t="shared" si="6"/>
        <v>18531.240000000002</v>
      </c>
      <c r="K52" s="35">
        <f t="shared" si="0"/>
        <v>-2501.9800000000014</v>
      </c>
    </row>
    <row r="53" spans="1:11">
      <c r="C53" s="28"/>
      <c r="D53" s="28"/>
      <c r="E53" s="28">
        <v>4440000</v>
      </c>
      <c r="F53" s="28"/>
      <c r="G53" s="38">
        <v>1142.72</v>
      </c>
      <c r="I53" s="38">
        <f t="shared" si="6"/>
        <v>1607.86</v>
      </c>
      <c r="K53" s="38">
        <f t="shared" si="0"/>
        <v>-465.13999999999987</v>
      </c>
    </row>
    <row r="54" spans="1:11">
      <c r="C54" s="28" t="s">
        <v>2</v>
      </c>
      <c r="D54" s="28"/>
      <c r="E54" s="28" t="s">
        <v>4</v>
      </c>
      <c r="F54" s="28"/>
      <c r="G54" s="39">
        <f>SUM(G46:G53)</f>
        <v>355976.43</v>
      </c>
      <c r="I54" s="39">
        <f>SUM(I46:I53)</f>
        <v>516666.67</v>
      </c>
      <c r="K54" s="35">
        <f>SUM(K46:K53)</f>
        <v>-160690.24000000002</v>
      </c>
    </row>
    <row r="55" spans="1:11">
      <c r="C55" s="28"/>
      <c r="D55" s="28"/>
      <c r="E55" s="28"/>
      <c r="F55" s="28"/>
      <c r="G55" s="39"/>
      <c r="I55" s="39"/>
      <c r="K55" s="35"/>
    </row>
    <row r="56" spans="1:11">
      <c r="A56" s="21">
        <v>2015</v>
      </c>
      <c r="C56" s="28" t="s">
        <v>690</v>
      </c>
      <c r="D56" s="28"/>
      <c r="E56" s="28">
        <v>4400001</v>
      </c>
      <c r="F56" s="28"/>
      <c r="G56" s="39">
        <v>104290.3</v>
      </c>
      <c r="I56" s="41">
        <f>+I15</f>
        <v>155357.73000000001</v>
      </c>
      <c r="K56" s="35">
        <f t="shared" si="0"/>
        <v>-51067.430000000008</v>
      </c>
    </row>
    <row r="57" spans="1:11">
      <c r="C57" s="28"/>
      <c r="D57" s="28"/>
      <c r="E57" s="28">
        <v>4400002</v>
      </c>
      <c r="F57" s="28"/>
      <c r="G57" s="39">
        <v>47272.27</v>
      </c>
      <c r="I57" s="41">
        <f t="shared" ref="I57:I63" si="7">+I16</f>
        <v>70190.649999999994</v>
      </c>
      <c r="K57" s="35">
        <f t="shared" si="0"/>
        <v>-22918.379999999997</v>
      </c>
    </row>
    <row r="58" spans="1:11">
      <c r="C58" s="28"/>
      <c r="D58" s="28"/>
      <c r="E58" s="28">
        <v>4420001</v>
      </c>
      <c r="F58" s="28"/>
      <c r="G58" s="39">
        <v>74187.209999999992</v>
      </c>
      <c r="I58" s="41">
        <f t="shared" si="7"/>
        <v>98242.82</v>
      </c>
      <c r="K58" s="35">
        <f t="shared" si="0"/>
        <v>-24055.610000000015</v>
      </c>
    </row>
    <row r="59" spans="1:11">
      <c r="C59" s="28"/>
      <c r="D59" s="28"/>
      <c r="E59" s="28">
        <v>4420002</v>
      </c>
      <c r="F59" s="28"/>
      <c r="G59" s="39">
        <v>164383.55000000002</v>
      </c>
      <c r="I59" s="41">
        <f t="shared" si="7"/>
        <v>112924.67</v>
      </c>
      <c r="K59" s="35">
        <f t="shared" si="0"/>
        <v>51458.880000000019</v>
      </c>
    </row>
    <row r="60" spans="1:11">
      <c r="C60" s="28"/>
      <c r="D60" s="28"/>
      <c r="E60" s="28">
        <v>4420004</v>
      </c>
      <c r="F60" s="28"/>
      <c r="G60" s="39">
        <v>27224.59</v>
      </c>
      <c r="I60" s="41">
        <f t="shared" si="7"/>
        <v>41920.879999999997</v>
      </c>
      <c r="K60" s="35">
        <f t="shared" si="0"/>
        <v>-14696.289999999997</v>
      </c>
    </row>
    <row r="61" spans="1:11">
      <c r="C61" s="28"/>
      <c r="D61" s="28"/>
      <c r="E61" s="28">
        <v>4420006</v>
      </c>
      <c r="F61" s="28"/>
      <c r="G61" s="39">
        <v>14237.39</v>
      </c>
      <c r="I61" s="41">
        <f t="shared" si="7"/>
        <v>17890.82</v>
      </c>
      <c r="K61" s="35">
        <f t="shared" si="0"/>
        <v>-3653.4300000000003</v>
      </c>
    </row>
    <row r="62" spans="1:11">
      <c r="C62" s="28"/>
      <c r="D62" s="28"/>
      <c r="E62" s="28">
        <v>4420007</v>
      </c>
      <c r="F62" s="28"/>
      <c r="G62" s="39">
        <v>15114.27</v>
      </c>
      <c r="I62" s="41">
        <f t="shared" si="7"/>
        <v>18531.240000000002</v>
      </c>
      <c r="K62" s="35">
        <f t="shared" si="0"/>
        <v>-3416.9700000000012</v>
      </c>
    </row>
    <row r="63" spans="1:11">
      <c r="C63" s="28"/>
      <c r="D63" s="28"/>
      <c r="E63" s="28">
        <v>4440000</v>
      </c>
      <c r="F63" s="28"/>
      <c r="G63" s="38">
        <v>1201.48</v>
      </c>
      <c r="I63" s="38">
        <f t="shared" si="7"/>
        <v>1607.86</v>
      </c>
      <c r="K63" s="38">
        <f t="shared" si="0"/>
        <v>-406.37999999999988</v>
      </c>
    </row>
    <row r="64" spans="1:11">
      <c r="C64" s="28" t="s">
        <v>2</v>
      </c>
      <c r="D64" s="28"/>
      <c r="E64" s="28" t="s">
        <v>4</v>
      </c>
      <c r="F64" s="28"/>
      <c r="G64" s="39">
        <f>SUM(G56:G63)</f>
        <v>447911.06000000006</v>
      </c>
      <c r="I64" s="39">
        <f>SUM(I56:I63)</f>
        <v>516666.67</v>
      </c>
      <c r="K64" s="35">
        <f>SUM(K56:K63)</f>
        <v>-68755.609999999986</v>
      </c>
    </row>
    <row r="65" spans="1:11">
      <c r="C65" s="28"/>
      <c r="D65" s="28"/>
      <c r="E65" s="28"/>
      <c r="F65" s="28"/>
      <c r="G65" s="39"/>
      <c r="I65" s="39"/>
      <c r="K65" s="35"/>
    </row>
    <row r="66" spans="1:11">
      <c r="A66" s="21">
        <v>2015</v>
      </c>
      <c r="C66" s="28" t="s">
        <v>691</v>
      </c>
      <c r="D66" s="28"/>
      <c r="E66" s="28">
        <v>4400001</v>
      </c>
      <c r="F66" s="28"/>
      <c r="G66" s="39">
        <v>159168.78</v>
      </c>
      <c r="I66" s="41">
        <f>+I25</f>
        <v>155357.73000000001</v>
      </c>
      <c r="K66" s="35">
        <f t="shared" si="0"/>
        <v>3811.0499999999884</v>
      </c>
    </row>
    <row r="67" spans="1:11">
      <c r="C67" s="28"/>
      <c r="D67" s="28"/>
      <c r="E67" s="28">
        <v>4400002</v>
      </c>
      <c r="F67" s="28"/>
      <c r="G67" s="39">
        <v>64347.71</v>
      </c>
      <c r="I67" s="41">
        <f t="shared" ref="I67:I73" si="8">+I26</f>
        <v>70190.649999999994</v>
      </c>
      <c r="K67" s="35">
        <f t="shared" si="0"/>
        <v>-5842.9399999999951</v>
      </c>
    </row>
    <row r="68" spans="1:11">
      <c r="C68" s="28"/>
      <c r="D68" s="28"/>
      <c r="E68" s="28">
        <v>4420001</v>
      </c>
      <c r="F68" s="28"/>
      <c r="G68" s="39">
        <v>85741.72</v>
      </c>
      <c r="I68" s="41">
        <f t="shared" si="8"/>
        <v>98242.82</v>
      </c>
      <c r="K68" s="35">
        <f t="shared" si="0"/>
        <v>-12501.100000000006</v>
      </c>
    </row>
    <row r="69" spans="1:11">
      <c r="C69" s="28"/>
      <c r="D69" s="28"/>
      <c r="E69" s="28">
        <v>4420002</v>
      </c>
      <c r="F69" s="28"/>
      <c r="G69" s="39">
        <v>118807.57999999999</v>
      </c>
      <c r="I69" s="41">
        <f t="shared" si="8"/>
        <v>112924.67</v>
      </c>
      <c r="K69" s="35">
        <f t="shared" si="0"/>
        <v>5882.9099999999889</v>
      </c>
    </row>
    <row r="70" spans="1:11">
      <c r="C70" s="28"/>
      <c r="D70" s="28"/>
      <c r="E70" s="28">
        <v>4420004</v>
      </c>
      <c r="F70" s="28"/>
      <c r="G70" s="39">
        <v>28786.35</v>
      </c>
      <c r="I70" s="41">
        <f t="shared" si="8"/>
        <v>41920.879999999997</v>
      </c>
      <c r="K70" s="35">
        <f t="shared" si="0"/>
        <v>-13134.529999999999</v>
      </c>
    </row>
    <row r="71" spans="1:11">
      <c r="C71" s="28"/>
      <c r="D71" s="28"/>
      <c r="E71" s="28">
        <v>4420006</v>
      </c>
      <c r="F71" s="28"/>
      <c r="G71" s="39">
        <v>16036.13</v>
      </c>
      <c r="I71" s="41">
        <f t="shared" si="8"/>
        <v>17890.82</v>
      </c>
      <c r="K71" s="35">
        <f t="shared" si="0"/>
        <v>-1854.6900000000005</v>
      </c>
    </row>
    <row r="72" spans="1:11">
      <c r="C72" s="28"/>
      <c r="D72" s="28"/>
      <c r="E72" s="28">
        <v>4420007</v>
      </c>
      <c r="F72" s="28"/>
      <c r="G72" s="39">
        <v>17094.169999999998</v>
      </c>
      <c r="I72" s="41">
        <f t="shared" si="8"/>
        <v>18531.240000000002</v>
      </c>
      <c r="K72" s="35">
        <f t="shared" si="0"/>
        <v>-1437.0700000000033</v>
      </c>
    </row>
    <row r="73" spans="1:11">
      <c r="C73" s="28"/>
      <c r="D73" s="28"/>
      <c r="E73" s="28">
        <v>4440000</v>
      </c>
      <c r="F73" s="28"/>
      <c r="G73" s="38">
        <v>1316.54</v>
      </c>
      <c r="I73" s="38">
        <f t="shared" si="8"/>
        <v>1607.86</v>
      </c>
      <c r="K73" s="38">
        <f t="shared" si="0"/>
        <v>-291.31999999999994</v>
      </c>
    </row>
    <row r="74" spans="1:11">
      <c r="C74" s="28" t="s">
        <v>2</v>
      </c>
      <c r="D74" s="28"/>
      <c r="E74" s="28" t="s">
        <v>4</v>
      </c>
      <c r="F74" s="28"/>
      <c r="G74" s="39">
        <f>SUM(G66:G73)</f>
        <v>491298.97999999986</v>
      </c>
      <c r="I74" s="39">
        <f>SUM(I66:I73)</f>
        <v>516666.67</v>
      </c>
      <c r="K74" s="35">
        <f>SUM(K66:K73)</f>
        <v>-25367.690000000028</v>
      </c>
    </row>
    <row r="75" spans="1:11">
      <c r="C75" s="28"/>
      <c r="D75" s="28"/>
      <c r="E75" s="28"/>
      <c r="F75" s="28"/>
      <c r="G75" s="39"/>
      <c r="I75" s="39"/>
      <c r="K75" s="35"/>
    </row>
    <row r="76" spans="1:11" ht="14.4">
      <c r="A76" s="288" t="s">
        <v>692</v>
      </c>
      <c r="B76" s="288"/>
      <c r="C76" s="288"/>
      <c r="D76" s="288"/>
      <c r="E76" s="288"/>
      <c r="F76" s="28"/>
      <c r="G76" s="39"/>
      <c r="I76" s="39"/>
      <c r="K76" s="35"/>
    </row>
    <row r="77" spans="1:11">
      <c r="A77" s="21" t="s">
        <v>2</v>
      </c>
      <c r="C77" s="28"/>
      <c r="D77" s="28"/>
      <c r="E77" s="28">
        <v>4400001</v>
      </c>
      <c r="F77" s="28"/>
      <c r="G77" s="39">
        <f>+G46+G56+G66</f>
        <v>359556.14</v>
      </c>
      <c r="I77" s="39">
        <f t="shared" ref="I77:I84" si="9">+I46+I56+I66</f>
        <v>466073.19000000006</v>
      </c>
      <c r="K77" s="39">
        <f t="shared" ref="K77:K84" si="10">+K46+K56+K66</f>
        <v>-106517.05000000003</v>
      </c>
    </row>
    <row r="78" spans="1:11">
      <c r="C78" s="28"/>
      <c r="D78" s="28"/>
      <c r="E78" s="28">
        <v>4400002</v>
      </c>
      <c r="F78" s="28"/>
      <c r="G78" s="39">
        <f t="shared" ref="G78:G84" si="11">+G47+G57+G67</f>
        <v>162568.44</v>
      </c>
      <c r="I78" s="39">
        <f t="shared" si="9"/>
        <v>210571.94999999998</v>
      </c>
      <c r="K78" s="39">
        <f t="shared" si="10"/>
        <v>-48003.509999999987</v>
      </c>
    </row>
    <row r="79" spans="1:11">
      <c r="C79" s="28"/>
      <c r="D79" s="28"/>
      <c r="E79" s="28">
        <v>4420001</v>
      </c>
      <c r="F79" s="28"/>
      <c r="G79" s="39">
        <f t="shared" si="11"/>
        <v>240725.58</v>
      </c>
      <c r="I79" s="39">
        <f t="shared" si="9"/>
        <v>294728.46000000002</v>
      </c>
      <c r="K79" s="39">
        <f t="shared" si="10"/>
        <v>-54002.880000000034</v>
      </c>
    </row>
    <row r="80" spans="1:11">
      <c r="C80" s="28"/>
      <c r="D80" s="28"/>
      <c r="E80" s="28">
        <v>4420002</v>
      </c>
      <c r="F80" s="28"/>
      <c r="G80" s="39">
        <f t="shared" si="11"/>
        <v>348987.44</v>
      </c>
      <c r="I80" s="39">
        <f t="shared" si="9"/>
        <v>338774.01</v>
      </c>
      <c r="K80" s="39">
        <f t="shared" si="10"/>
        <v>10213.430000000008</v>
      </c>
    </row>
    <row r="81" spans="1:11">
      <c r="C81" s="28"/>
      <c r="D81" s="28"/>
      <c r="E81" s="28">
        <v>4420004</v>
      </c>
      <c r="F81" s="28"/>
      <c r="G81" s="39">
        <f t="shared" si="11"/>
        <v>84657.459999999992</v>
      </c>
      <c r="I81" s="39">
        <f t="shared" si="9"/>
        <v>125762.63999999998</v>
      </c>
      <c r="K81" s="39">
        <f t="shared" si="10"/>
        <v>-41105.179999999993</v>
      </c>
    </row>
    <row r="82" spans="1:11">
      <c r="C82" s="28"/>
      <c r="D82" s="28"/>
      <c r="E82" s="28">
        <v>4420006</v>
      </c>
      <c r="F82" s="28"/>
      <c r="G82" s="39">
        <f t="shared" si="11"/>
        <v>46792.97</v>
      </c>
      <c r="I82" s="39">
        <f t="shared" si="9"/>
        <v>53672.46</v>
      </c>
      <c r="K82" s="39">
        <f t="shared" si="10"/>
        <v>-6879.49</v>
      </c>
    </row>
    <row r="83" spans="1:11">
      <c r="C83" s="28"/>
      <c r="D83" s="28"/>
      <c r="E83" s="28">
        <v>4420007</v>
      </c>
      <c r="F83" s="28"/>
      <c r="G83" s="39">
        <f t="shared" si="11"/>
        <v>48237.7</v>
      </c>
      <c r="I83" s="39">
        <f t="shared" si="9"/>
        <v>55593.72</v>
      </c>
      <c r="K83" s="39">
        <f t="shared" si="10"/>
        <v>-7356.0200000000059</v>
      </c>
    </row>
    <row r="84" spans="1:11">
      <c r="C84" s="28"/>
      <c r="D84" s="28"/>
      <c r="E84" s="28">
        <v>4440000</v>
      </c>
      <c r="F84" s="28"/>
      <c r="G84" s="38">
        <f t="shared" si="11"/>
        <v>3660.74</v>
      </c>
      <c r="I84" s="38">
        <f t="shared" si="9"/>
        <v>4823.58</v>
      </c>
      <c r="K84" s="38">
        <f t="shared" si="10"/>
        <v>-1162.8399999999997</v>
      </c>
    </row>
    <row r="85" spans="1:11">
      <c r="C85" s="28" t="s">
        <v>2</v>
      </c>
      <c r="D85" s="28"/>
      <c r="E85" s="28" t="s">
        <v>4</v>
      </c>
      <c r="F85" s="28"/>
      <c r="G85" s="39">
        <f>SUM(G77:G84)</f>
        <v>1295186.47</v>
      </c>
      <c r="I85" s="39">
        <f>SUM(I77:I84)</f>
        <v>1550000.01</v>
      </c>
      <c r="K85" s="35">
        <f>SUM(K77:K84)</f>
        <v>-254813.54000000007</v>
      </c>
    </row>
    <row r="86" spans="1:11">
      <c r="C86" s="28"/>
      <c r="D86" s="28"/>
      <c r="E86" s="28"/>
      <c r="F86" s="28"/>
      <c r="G86" s="39"/>
      <c r="I86" s="39"/>
      <c r="K86" s="35"/>
    </row>
    <row r="87" spans="1:11">
      <c r="A87" s="21">
        <v>2016</v>
      </c>
      <c r="C87" s="28" t="s">
        <v>693</v>
      </c>
      <c r="D87" s="28"/>
      <c r="E87" s="28">
        <v>4400001</v>
      </c>
      <c r="F87" s="28"/>
      <c r="G87" s="39">
        <v>208848.45</v>
      </c>
      <c r="I87" s="41">
        <f>+I46</f>
        <v>155357.73000000001</v>
      </c>
      <c r="K87" s="35">
        <f t="shared" si="0"/>
        <v>53490.720000000001</v>
      </c>
    </row>
    <row r="88" spans="1:11">
      <c r="C88" s="28"/>
      <c r="D88" s="28"/>
      <c r="E88" s="28">
        <v>4400002</v>
      </c>
      <c r="F88" s="28"/>
      <c r="G88" s="39">
        <v>79096.37</v>
      </c>
      <c r="I88" s="41">
        <f t="shared" ref="I88:I94" si="12">+I47</f>
        <v>70190.649999999994</v>
      </c>
      <c r="K88" s="35">
        <f t="shared" si="0"/>
        <v>8905.7200000000012</v>
      </c>
    </row>
    <row r="89" spans="1:11">
      <c r="C89" s="28"/>
      <c r="D89" s="28"/>
      <c r="E89" s="28">
        <v>4420001</v>
      </c>
      <c r="F89" s="28"/>
      <c r="G89" s="39">
        <v>96272.26999999999</v>
      </c>
      <c r="I89" s="41">
        <f t="shared" si="12"/>
        <v>98242.82</v>
      </c>
      <c r="K89" s="35">
        <f t="shared" si="0"/>
        <v>-1970.5500000000175</v>
      </c>
    </row>
    <row r="90" spans="1:11">
      <c r="C90" s="28"/>
      <c r="D90" s="28"/>
      <c r="E90" s="28">
        <v>4420002</v>
      </c>
      <c r="F90" s="28"/>
      <c r="G90" s="39">
        <v>112998.81</v>
      </c>
      <c r="I90" s="41">
        <f t="shared" si="12"/>
        <v>112924.67</v>
      </c>
      <c r="K90" s="35">
        <f t="shared" si="0"/>
        <v>74.139999999999418</v>
      </c>
    </row>
    <row r="91" spans="1:11">
      <c r="C91" s="28"/>
      <c r="D91" s="28"/>
      <c r="E91" s="28">
        <v>4420004</v>
      </c>
      <c r="F91" s="28"/>
      <c r="G91" s="39">
        <v>29973.4</v>
      </c>
      <c r="I91" s="41">
        <f t="shared" si="12"/>
        <v>41920.879999999997</v>
      </c>
      <c r="K91" s="35">
        <f t="shared" si="0"/>
        <v>-11947.479999999996</v>
      </c>
    </row>
    <row r="92" spans="1:11">
      <c r="C92" s="28"/>
      <c r="D92" s="28"/>
      <c r="E92" s="28">
        <v>4420006</v>
      </c>
      <c r="F92" s="28"/>
      <c r="G92" s="39">
        <v>18029.349999999999</v>
      </c>
      <c r="I92" s="41">
        <f t="shared" si="12"/>
        <v>17890.82</v>
      </c>
      <c r="K92" s="35">
        <f t="shared" si="0"/>
        <v>138.52999999999884</v>
      </c>
    </row>
    <row r="93" spans="1:11">
      <c r="C93" s="28"/>
      <c r="D93" s="28"/>
      <c r="E93" s="28">
        <v>4420007</v>
      </c>
      <c r="F93" s="28"/>
      <c r="G93" s="39">
        <v>19737.98</v>
      </c>
      <c r="I93" s="41">
        <f t="shared" si="12"/>
        <v>18531.240000000002</v>
      </c>
      <c r="K93" s="35">
        <f t="shared" si="0"/>
        <v>1206.739999999998</v>
      </c>
    </row>
    <row r="94" spans="1:11">
      <c r="C94" s="28"/>
      <c r="D94" s="28"/>
      <c r="E94" s="28">
        <v>4440000</v>
      </c>
      <c r="F94" s="28"/>
      <c r="G94" s="38">
        <v>1316.42</v>
      </c>
      <c r="I94" s="38">
        <f t="shared" si="12"/>
        <v>1607.86</v>
      </c>
      <c r="K94" s="38">
        <f t="shared" si="0"/>
        <v>-291.43999999999983</v>
      </c>
    </row>
    <row r="95" spans="1:11">
      <c r="C95" s="28" t="s">
        <v>2</v>
      </c>
      <c r="D95" s="28"/>
      <c r="E95" s="28" t="s">
        <v>4</v>
      </c>
      <c r="F95" s="28"/>
      <c r="G95" s="39">
        <f>SUM(G87:G94)</f>
        <v>566273.04999999993</v>
      </c>
      <c r="I95" s="39">
        <f>SUM(I87:I94)</f>
        <v>516666.67</v>
      </c>
      <c r="K95" s="35">
        <f>SUM(K87:K94)</f>
        <v>49606.379999999983</v>
      </c>
    </row>
    <row r="96" spans="1:11">
      <c r="C96" s="28"/>
      <c r="D96" s="28"/>
      <c r="E96" s="28"/>
      <c r="F96" s="28"/>
      <c r="G96" s="39"/>
      <c r="I96" s="39"/>
      <c r="K96" s="35"/>
    </row>
    <row r="97" spans="1:11">
      <c r="A97" s="21">
        <v>2016</v>
      </c>
      <c r="C97" s="28" t="s">
        <v>448</v>
      </c>
      <c r="D97" s="28"/>
      <c r="E97" s="28">
        <v>4400001</v>
      </c>
      <c r="F97" s="28"/>
      <c r="G97" s="39">
        <v>235169.41</v>
      </c>
      <c r="I97" s="41">
        <f>+I56</f>
        <v>155357.73000000001</v>
      </c>
      <c r="K97" s="35">
        <f t="shared" si="0"/>
        <v>79811.679999999993</v>
      </c>
    </row>
    <row r="98" spans="1:11">
      <c r="C98" s="28"/>
      <c r="D98" s="28"/>
      <c r="E98" s="28">
        <v>4400002</v>
      </c>
      <c r="F98" s="28"/>
      <c r="G98" s="39">
        <v>81892.5</v>
      </c>
      <c r="I98" s="41">
        <f t="shared" ref="I98:I104" si="13">+I57</f>
        <v>70190.649999999994</v>
      </c>
      <c r="K98" s="35">
        <f t="shared" ref="K98:K104" si="14">+G98-I98</f>
        <v>11701.850000000006</v>
      </c>
    </row>
    <row r="99" spans="1:11">
      <c r="C99" s="28"/>
      <c r="D99" s="28"/>
      <c r="E99" s="28">
        <v>4420001</v>
      </c>
      <c r="F99" s="28"/>
      <c r="G99" s="39">
        <v>96869.66</v>
      </c>
      <c r="I99" s="41">
        <f t="shared" si="13"/>
        <v>98242.82</v>
      </c>
      <c r="K99" s="35">
        <f t="shared" si="14"/>
        <v>-1373.1600000000035</v>
      </c>
    </row>
    <row r="100" spans="1:11">
      <c r="C100" s="28"/>
      <c r="D100" s="28"/>
      <c r="E100" s="28">
        <v>4420002</v>
      </c>
      <c r="F100" s="28"/>
      <c r="G100" s="39">
        <v>111091.14</v>
      </c>
      <c r="I100" s="41">
        <f t="shared" si="13"/>
        <v>112924.67</v>
      </c>
      <c r="K100" s="35">
        <f t="shared" si="14"/>
        <v>-1833.5299999999988</v>
      </c>
    </row>
    <row r="101" spans="1:11">
      <c r="C101" s="28"/>
      <c r="D101" s="28"/>
      <c r="E101" s="28">
        <v>4420004</v>
      </c>
      <c r="F101" s="28"/>
      <c r="G101" s="39">
        <v>27527.360000000001</v>
      </c>
      <c r="I101" s="41">
        <f t="shared" si="13"/>
        <v>41920.879999999997</v>
      </c>
      <c r="K101" s="35">
        <f t="shared" si="14"/>
        <v>-14393.519999999997</v>
      </c>
    </row>
    <row r="102" spans="1:11">
      <c r="C102" s="28"/>
      <c r="D102" s="28"/>
      <c r="E102" s="28">
        <v>4420006</v>
      </c>
      <c r="F102" s="28"/>
      <c r="G102" s="39">
        <v>19084.330000000002</v>
      </c>
      <c r="I102" s="41">
        <f t="shared" si="13"/>
        <v>17890.82</v>
      </c>
      <c r="K102" s="35">
        <f t="shared" si="14"/>
        <v>1193.510000000002</v>
      </c>
    </row>
    <row r="103" spans="1:11">
      <c r="C103" s="28"/>
      <c r="D103" s="28"/>
      <c r="E103" s="28">
        <v>4420007</v>
      </c>
      <c r="F103" s="28"/>
      <c r="G103" s="39">
        <v>18705.919999999998</v>
      </c>
      <c r="I103" s="41">
        <f t="shared" si="13"/>
        <v>18531.240000000002</v>
      </c>
      <c r="K103" s="35">
        <f t="shared" si="14"/>
        <v>174.67999999999665</v>
      </c>
    </row>
    <row r="104" spans="1:11">
      <c r="C104" s="28"/>
      <c r="D104" s="28"/>
      <c r="E104" s="28">
        <v>4440000</v>
      </c>
      <c r="F104" s="28"/>
      <c r="G104" s="38">
        <v>1108.69</v>
      </c>
      <c r="I104" s="38">
        <f t="shared" si="13"/>
        <v>1607.86</v>
      </c>
      <c r="K104" s="38">
        <f t="shared" si="14"/>
        <v>-499.16999999999985</v>
      </c>
    </row>
    <row r="105" spans="1:11">
      <c r="C105" s="28" t="s">
        <v>2</v>
      </c>
      <c r="D105" s="28"/>
      <c r="E105" s="28" t="s">
        <v>4</v>
      </c>
      <c r="F105" s="28"/>
      <c r="G105" s="39">
        <f>SUM(G97:G104)</f>
        <v>591449.01</v>
      </c>
      <c r="I105" s="39">
        <f>SUM(I97:I104)</f>
        <v>516666.67</v>
      </c>
      <c r="K105" s="35">
        <f>SUM(K97:K104)</f>
        <v>74782.340000000011</v>
      </c>
    </row>
    <row r="106" spans="1:11">
      <c r="C106" s="28"/>
      <c r="D106" s="28"/>
      <c r="E106" s="28"/>
      <c r="F106" s="28"/>
      <c r="G106" s="39"/>
      <c r="I106" s="39"/>
      <c r="K106" s="35"/>
    </row>
    <row r="107" spans="1:11">
      <c r="A107" s="21">
        <v>2016</v>
      </c>
      <c r="C107" s="28" t="s">
        <v>449</v>
      </c>
      <c r="D107" s="28"/>
      <c r="E107" s="28">
        <v>4400001</v>
      </c>
      <c r="F107" s="28"/>
      <c r="G107" s="39">
        <v>172398.06</v>
      </c>
      <c r="I107" s="41">
        <f>+I66</f>
        <v>155357.73000000001</v>
      </c>
      <c r="K107" s="35">
        <f t="shared" ref="K107:K114" si="15">+G107-I107</f>
        <v>17040.329999999987</v>
      </c>
    </row>
    <row r="108" spans="1:11">
      <c r="C108" s="28"/>
      <c r="D108" s="28"/>
      <c r="E108" s="28">
        <v>4400002</v>
      </c>
      <c r="F108" s="28"/>
      <c r="G108" s="39">
        <v>64670.17</v>
      </c>
      <c r="I108" s="41">
        <f t="shared" ref="I108:I114" si="16">+I67</f>
        <v>70190.649999999994</v>
      </c>
      <c r="K108" s="35">
        <f t="shared" si="15"/>
        <v>-5520.4799999999959</v>
      </c>
    </row>
    <row r="109" spans="1:11">
      <c r="C109" s="28"/>
      <c r="D109" s="28"/>
      <c r="E109" s="28">
        <v>4420001</v>
      </c>
      <c r="F109" s="28"/>
      <c r="G109" s="39">
        <v>87357.99</v>
      </c>
      <c r="I109" s="41">
        <f t="shared" si="16"/>
        <v>98242.82</v>
      </c>
      <c r="K109" s="35">
        <f t="shared" si="15"/>
        <v>-10884.830000000002</v>
      </c>
    </row>
    <row r="110" spans="1:11">
      <c r="C110" s="28"/>
      <c r="D110" s="28"/>
      <c r="E110" s="28">
        <v>4420002</v>
      </c>
      <c r="F110" s="28"/>
      <c r="G110" s="39">
        <v>122249.23000000001</v>
      </c>
      <c r="I110" s="41">
        <f t="shared" si="16"/>
        <v>112924.67</v>
      </c>
      <c r="K110" s="35">
        <f t="shared" si="15"/>
        <v>9324.5600000000122</v>
      </c>
    </row>
    <row r="111" spans="1:11">
      <c r="C111" s="28"/>
      <c r="D111" s="28"/>
      <c r="E111" s="28">
        <v>4420004</v>
      </c>
      <c r="F111" s="28"/>
      <c r="G111" s="39">
        <v>26302.99</v>
      </c>
      <c r="I111" s="41">
        <f t="shared" si="16"/>
        <v>41920.879999999997</v>
      </c>
      <c r="K111" s="35">
        <f t="shared" si="15"/>
        <v>-15617.889999999996</v>
      </c>
    </row>
    <row r="112" spans="1:11">
      <c r="C112" s="28"/>
      <c r="D112" s="28"/>
      <c r="E112" s="28">
        <v>4420006</v>
      </c>
      <c r="F112" s="28"/>
      <c r="G112" s="39">
        <v>17008.03</v>
      </c>
      <c r="I112" s="41">
        <f t="shared" si="16"/>
        <v>17890.82</v>
      </c>
      <c r="K112" s="35">
        <f t="shared" si="15"/>
        <v>-882.79000000000087</v>
      </c>
    </row>
    <row r="113" spans="1:11">
      <c r="C113" s="28"/>
      <c r="D113" s="28"/>
      <c r="E113" s="28">
        <v>4420007</v>
      </c>
      <c r="F113" s="28"/>
      <c r="G113" s="39">
        <v>17071.509999999998</v>
      </c>
      <c r="I113" s="41">
        <f t="shared" si="16"/>
        <v>18531.240000000002</v>
      </c>
      <c r="K113" s="35">
        <f t="shared" si="15"/>
        <v>-1459.7300000000032</v>
      </c>
    </row>
    <row r="114" spans="1:11">
      <c r="C114" s="28"/>
      <c r="D114" s="28"/>
      <c r="E114" s="28">
        <v>4440000</v>
      </c>
      <c r="F114" s="28"/>
      <c r="G114" s="38">
        <v>1088.75</v>
      </c>
      <c r="I114" s="38">
        <f t="shared" si="16"/>
        <v>1607.86</v>
      </c>
      <c r="K114" s="38">
        <f t="shared" si="15"/>
        <v>-519.1099999999999</v>
      </c>
    </row>
    <row r="115" spans="1:11">
      <c r="C115" s="28" t="s">
        <v>2</v>
      </c>
      <c r="D115" s="28"/>
      <c r="E115" s="28" t="s">
        <v>4</v>
      </c>
      <c r="F115" s="28"/>
      <c r="G115" s="39">
        <f>SUM(G107:G114)</f>
        <v>508146.73</v>
      </c>
      <c r="I115" s="39">
        <f>SUM(I107:I114)</f>
        <v>516666.67</v>
      </c>
      <c r="K115" s="35">
        <f>SUM(K107:K114)</f>
        <v>-8519.9399999999987</v>
      </c>
    </row>
    <row r="116" spans="1:11">
      <c r="C116" s="28"/>
      <c r="D116" s="28"/>
      <c r="E116" s="28"/>
      <c r="F116" s="28"/>
      <c r="G116" s="39"/>
      <c r="I116" s="39"/>
      <c r="K116" s="35"/>
    </row>
    <row r="117" spans="1:11" ht="14.4">
      <c r="A117" s="288" t="s">
        <v>694</v>
      </c>
      <c r="B117" s="288"/>
      <c r="C117" s="288"/>
      <c r="D117" s="288"/>
      <c r="E117" s="288"/>
      <c r="F117" s="28"/>
      <c r="G117" s="39"/>
      <c r="I117" s="39"/>
      <c r="K117" s="35"/>
    </row>
    <row r="118" spans="1:11">
      <c r="A118" s="21" t="s">
        <v>2</v>
      </c>
      <c r="C118" s="28"/>
      <c r="D118" s="28"/>
      <c r="E118" s="28">
        <v>4400001</v>
      </c>
      <c r="F118" s="28"/>
      <c r="G118" s="39">
        <f>+G87+G97+G107</f>
        <v>616415.91999999993</v>
      </c>
      <c r="I118" s="39">
        <f>+I87+I97+I107</f>
        <v>466073.19000000006</v>
      </c>
      <c r="K118" s="39">
        <f t="shared" ref="K118:K125" si="17">+K87+K97+K107</f>
        <v>150342.72999999998</v>
      </c>
    </row>
    <row r="119" spans="1:11">
      <c r="C119" s="28"/>
      <c r="D119" s="28"/>
      <c r="E119" s="28">
        <v>4400002</v>
      </c>
      <c r="F119" s="28"/>
      <c r="G119" s="39">
        <f t="shared" ref="G119:G125" si="18">+G88+G98+G108</f>
        <v>225659.03999999998</v>
      </c>
      <c r="I119" s="39">
        <f t="shared" ref="I119:I125" si="19">+I88+I98+I108</f>
        <v>210571.94999999998</v>
      </c>
      <c r="K119" s="39">
        <f t="shared" si="17"/>
        <v>15087.090000000011</v>
      </c>
    </row>
    <row r="120" spans="1:11">
      <c r="C120" s="28"/>
      <c r="D120" s="28"/>
      <c r="E120" s="28">
        <v>4420001</v>
      </c>
      <c r="F120" s="28"/>
      <c r="G120" s="39">
        <f t="shared" si="18"/>
        <v>280499.92</v>
      </c>
      <c r="I120" s="39">
        <f t="shared" si="19"/>
        <v>294728.46000000002</v>
      </c>
      <c r="K120" s="39">
        <f t="shared" si="17"/>
        <v>-14228.540000000023</v>
      </c>
    </row>
    <row r="121" spans="1:11">
      <c r="C121" s="28"/>
      <c r="D121" s="28"/>
      <c r="E121" s="28">
        <v>4420002</v>
      </c>
      <c r="F121" s="28"/>
      <c r="G121" s="39">
        <f t="shared" si="18"/>
        <v>346339.18000000005</v>
      </c>
      <c r="I121" s="39">
        <f t="shared" si="19"/>
        <v>338774.01</v>
      </c>
      <c r="K121" s="39">
        <f t="shared" si="17"/>
        <v>7565.1700000000128</v>
      </c>
    </row>
    <row r="122" spans="1:11">
      <c r="C122" s="28"/>
      <c r="D122" s="28"/>
      <c r="E122" s="28">
        <v>4420004</v>
      </c>
      <c r="F122" s="28"/>
      <c r="G122" s="39">
        <f t="shared" si="18"/>
        <v>83803.75</v>
      </c>
      <c r="I122" s="39">
        <f t="shared" si="19"/>
        <v>125762.63999999998</v>
      </c>
      <c r="K122" s="39">
        <f t="shared" si="17"/>
        <v>-41958.889999999985</v>
      </c>
    </row>
    <row r="123" spans="1:11">
      <c r="C123" s="28"/>
      <c r="D123" s="28"/>
      <c r="E123" s="28">
        <v>4420006</v>
      </c>
      <c r="F123" s="28"/>
      <c r="G123" s="39">
        <f t="shared" si="18"/>
        <v>54121.71</v>
      </c>
      <c r="I123" s="39">
        <f t="shared" si="19"/>
        <v>53672.46</v>
      </c>
      <c r="K123" s="39">
        <f t="shared" si="17"/>
        <v>449.25</v>
      </c>
    </row>
    <row r="124" spans="1:11">
      <c r="C124" s="28"/>
      <c r="D124" s="28"/>
      <c r="E124" s="28">
        <v>4420007</v>
      </c>
      <c r="F124" s="28"/>
      <c r="G124" s="39">
        <f t="shared" si="18"/>
        <v>55515.409999999989</v>
      </c>
      <c r="I124" s="39">
        <f t="shared" si="19"/>
        <v>55593.72</v>
      </c>
      <c r="K124" s="39">
        <f t="shared" si="17"/>
        <v>-78.310000000008586</v>
      </c>
    </row>
    <row r="125" spans="1:11">
      <c r="C125" s="28"/>
      <c r="D125" s="28"/>
      <c r="E125" s="28">
        <v>4440000</v>
      </c>
      <c r="F125" s="28"/>
      <c r="G125" s="38">
        <f t="shared" si="18"/>
        <v>3513.86</v>
      </c>
      <c r="I125" s="38">
        <f t="shared" si="19"/>
        <v>4823.58</v>
      </c>
      <c r="K125" s="38">
        <f t="shared" si="17"/>
        <v>-1309.7199999999996</v>
      </c>
    </row>
    <row r="126" spans="1:11">
      <c r="C126" s="28" t="s">
        <v>2</v>
      </c>
      <c r="D126" s="28"/>
      <c r="E126" s="28" t="s">
        <v>4</v>
      </c>
      <c r="F126" s="28"/>
      <c r="G126" s="39">
        <f>SUM(G118:G125)</f>
        <v>1665868.79</v>
      </c>
      <c r="I126" s="39">
        <f>SUM(I118:I125)</f>
        <v>1550000.01</v>
      </c>
      <c r="K126" s="35">
        <f>SUM(K118:K125)</f>
        <v>115868.77999999998</v>
      </c>
    </row>
    <row r="127" spans="1:11">
      <c r="C127" s="28"/>
      <c r="D127" s="28"/>
      <c r="E127" s="28"/>
      <c r="F127" s="28"/>
      <c r="G127" s="39"/>
      <c r="I127" s="39"/>
      <c r="K127" s="35"/>
    </row>
    <row r="128" spans="1:11">
      <c r="A128" s="21">
        <v>2016</v>
      </c>
      <c r="C128" s="28" t="s">
        <v>450</v>
      </c>
      <c r="D128" s="28"/>
      <c r="E128" s="28">
        <v>4400001</v>
      </c>
      <c r="F128" s="28"/>
      <c r="G128" s="39">
        <v>120065.54</v>
      </c>
      <c r="I128" s="41">
        <f>+I87</f>
        <v>155357.73000000001</v>
      </c>
      <c r="K128" s="35">
        <f t="shared" ref="K128:K135" si="20">+G128-I128</f>
        <v>-35292.190000000017</v>
      </c>
    </row>
    <row r="129" spans="1:11">
      <c r="C129" s="28"/>
      <c r="D129" s="28"/>
      <c r="E129" s="28">
        <v>4400002</v>
      </c>
      <c r="F129" s="28"/>
      <c r="G129" s="39">
        <v>50699.48</v>
      </c>
      <c r="I129" s="41">
        <f t="shared" ref="I129:I135" si="21">+I88</f>
        <v>70190.649999999994</v>
      </c>
      <c r="K129" s="35">
        <f t="shared" si="20"/>
        <v>-19491.169999999991</v>
      </c>
    </row>
    <row r="130" spans="1:11">
      <c r="C130" s="28"/>
      <c r="D130" s="28"/>
      <c r="E130" s="28">
        <v>4420001</v>
      </c>
      <c r="F130" s="28"/>
      <c r="G130" s="39">
        <v>76118.850000000006</v>
      </c>
      <c r="I130" s="41">
        <f t="shared" si="21"/>
        <v>98242.82</v>
      </c>
      <c r="K130" s="35">
        <f t="shared" si="20"/>
        <v>-22123.97</v>
      </c>
    </row>
    <row r="131" spans="1:11">
      <c r="C131" s="28"/>
      <c r="D131" s="28"/>
      <c r="E131" s="28">
        <v>4420002</v>
      </c>
      <c r="F131" s="28"/>
      <c r="G131" s="39">
        <v>52036.17</v>
      </c>
      <c r="I131" s="41">
        <f t="shared" si="21"/>
        <v>112924.67</v>
      </c>
      <c r="K131" s="35">
        <f t="shared" si="20"/>
        <v>-60888.5</v>
      </c>
    </row>
    <row r="132" spans="1:11">
      <c r="C132" s="28"/>
      <c r="D132" s="28"/>
      <c r="E132" s="28">
        <v>4420004</v>
      </c>
      <c r="F132" s="28"/>
      <c r="G132" s="39">
        <v>25545.73</v>
      </c>
      <c r="I132" s="41">
        <f t="shared" si="21"/>
        <v>41920.879999999997</v>
      </c>
      <c r="K132" s="35">
        <f t="shared" si="20"/>
        <v>-16375.149999999998</v>
      </c>
    </row>
    <row r="133" spans="1:11">
      <c r="C133" s="28"/>
      <c r="D133" s="28"/>
      <c r="E133" s="28">
        <v>4420006</v>
      </c>
      <c r="F133" s="28"/>
      <c r="G133" s="39">
        <v>14916.32</v>
      </c>
      <c r="I133" s="41">
        <f t="shared" si="21"/>
        <v>17890.82</v>
      </c>
      <c r="K133" s="35">
        <f t="shared" si="20"/>
        <v>-2974.5</v>
      </c>
    </row>
    <row r="134" spans="1:11">
      <c r="C134" s="28"/>
      <c r="D134" s="28"/>
      <c r="E134" s="28">
        <v>4420007</v>
      </c>
      <c r="F134" s="28"/>
      <c r="G134" s="39">
        <v>15525.62</v>
      </c>
      <c r="I134" s="41">
        <f t="shared" si="21"/>
        <v>18531.240000000002</v>
      </c>
      <c r="K134" s="35">
        <f t="shared" si="20"/>
        <v>-3005.6200000000008</v>
      </c>
    </row>
    <row r="135" spans="1:11">
      <c r="C135" s="28"/>
      <c r="D135" s="28"/>
      <c r="E135" s="28">
        <v>4440000</v>
      </c>
      <c r="F135" s="28"/>
      <c r="G135" s="38">
        <v>939.45</v>
      </c>
      <c r="I135" s="38">
        <f t="shared" si="21"/>
        <v>1607.86</v>
      </c>
      <c r="K135" s="38">
        <f t="shared" si="20"/>
        <v>-668.40999999999985</v>
      </c>
    </row>
    <row r="136" spans="1:11">
      <c r="C136" s="28" t="s">
        <v>2</v>
      </c>
      <c r="D136" s="28"/>
      <c r="E136" s="28" t="s">
        <v>4</v>
      </c>
      <c r="F136" s="28"/>
      <c r="G136" s="39">
        <f>SUM(G128:G135)</f>
        <v>355847.16</v>
      </c>
      <c r="I136" s="39">
        <f>SUM(I128:I135)</f>
        <v>516666.67</v>
      </c>
      <c r="K136" s="35">
        <f>SUM(K128:K135)</f>
        <v>-160819.51</v>
      </c>
    </row>
    <row r="137" spans="1:11">
      <c r="C137" s="28"/>
      <c r="D137" s="28"/>
      <c r="E137" s="28"/>
      <c r="F137" s="28"/>
      <c r="G137" s="39"/>
      <c r="I137" s="39"/>
      <c r="K137" s="35"/>
    </row>
    <row r="138" spans="1:11">
      <c r="A138" s="21">
        <v>2016</v>
      </c>
      <c r="C138" s="28" t="s">
        <v>451</v>
      </c>
      <c r="D138" s="28"/>
      <c r="E138" s="28">
        <v>4400001</v>
      </c>
      <c r="F138" s="28"/>
      <c r="G138" s="39">
        <v>93497.32</v>
      </c>
      <c r="I138" s="41">
        <f>+I97</f>
        <v>155357.73000000001</v>
      </c>
      <c r="K138" s="35">
        <f t="shared" ref="K138:K145" si="22">+G138-I138</f>
        <v>-61860.41</v>
      </c>
    </row>
    <row r="139" spans="1:11">
      <c r="C139" s="28"/>
      <c r="D139" s="28"/>
      <c r="E139" s="28">
        <v>4400002</v>
      </c>
      <c r="F139" s="28"/>
      <c r="G139" s="39">
        <v>44121.1</v>
      </c>
      <c r="I139" s="41">
        <f t="shared" ref="I139:I145" si="23">+I98</f>
        <v>70190.649999999994</v>
      </c>
      <c r="K139" s="35">
        <f t="shared" si="22"/>
        <v>-26069.549999999996</v>
      </c>
    </row>
    <row r="140" spans="1:11">
      <c r="C140" s="28"/>
      <c r="D140" s="28"/>
      <c r="E140" s="28">
        <v>4420001</v>
      </c>
      <c r="F140" s="28"/>
      <c r="G140" s="39">
        <v>74842.850000000006</v>
      </c>
      <c r="I140" s="41">
        <f t="shared" si="23"/>
        <v>98242.82</v>
      </c>
      <c r="K140" s="35">
        <f t="shared" si="22"/>
        <v>-23399.97</v>
      </c>
    </row>
    <row r="141" spans="1:11">
      <c r="C141" s="28"/>
      <c r="D141" s="28"/>
      <c r="E141" s="28">
        <v>4420002</v>
      </c>
      <c r="F141" s="28"/>
      <c r="G141" s="39">
        <v>114311.24</v>
      </c>
      <c r="I141" s="41">
        <f t="shared" si="23"/>
        <v>112924.67</v>
      </c>
      <c r="K141" s="35">
        <f t="shared" si="22"/>
        <v>1386.570000000007</v>
      </c>
    </row>
    <row r="142" spans="1:11">
      <c r="C142" s="28"/>
      <c r="D142" s="28"/>
      <c r="E142" s="28">
        <v>4420004</v>
      </c>
      <c r="F142" s="28"/>
      <c r="G142" s="39">
        <v>20608.63</v>
      </c>
      <c r="I142" s="41">
        <f t="shared" si="23"/>
        <v>41920.879999999997</v>
      </c>
      <c r="K142" s="35">
        <f t="shared" si="22"/>
        <v>-21312.249999999996</v>
      </c>
    </row>
    <row r="143" spans="1:11">
      <c r="C143" s="28"/>
      <c r="D143" s="28"/>
      <c r="E143" s="28">
        <v>4420006</v>
      </c>
      <c r="F143" s="28"/>
      <c r="G143" s="39">
        <v>14181.99</v>
      </c>
      <c r="I143" s="41">
        <f t="shared" si="23"/>
        <v>17890.82</v>
      </c>
      <c r="K143" s="35">
        <f t="shared" si="22"/>
        <v>-3708.83</v>
      </c>
    </row>
    <row r="144" spans="1:11">
      <c r="C144" s="28"/>
      <c r="D144" s="28"/>
      <c r="E144" s="28">
        <v>4420007</v>
      </c>
      <c r="F144" s="28"/>
      <c r="G144" s="39">
        <v>14968.19</v>
      </c>
      <c r="I144" s="41">
        <f t="shared" si="23"/>
        <v>18531.240000000002</v>
      </c>
      <c r="K144" s="35">
        <f t="shared" si="22"/>
        <v>-3563.0500000000011</v>
      </c>
    </row>
    <row r="145" spans="1:17">
      <c r="C145" s="28"/>
      <c r="D145" s="28"/>
      <c r="E145" s="28">
        <v>4440000</v>
      </c>
      <c r="F145" s="28"/>
      <c r="G145" s="38">
        <v>832.18</v>
      </c>
      <c r="I145" s="38">
        <f t="shared" si="23"/>
        <v>1607.86</v>
      </c>
      <c r="K145" s="38">
        <f t="shared" si="22"/>
        <v>-775.68</v>
      </c>
    </row>
    <row r="146" spans="1:17">
      <c r="C146" s="28" t="s">
        <v>2</v>
      </c>
      <c r="D146" s="28"/>
      <c r="E146" s="28" t="s">
        <v>4</v>
      </c>
      <c r="F146" s="28"/>
      <c r="G146" s="39">
        <f>SUM(G138:G145)</f>
        <v>377363.5</v>
      </c>
      <c r="I146" s="39">
        <f>SUM(I138:I145)</f>
        <v>516666.67</v>
      </c>
      <c r="K146" s="35">
        <f>SUM(K138:K145)</f>
        <v>-139303.16999999995</v>
      </c>
    </row>
    <row r="147" spans="1:17">
      <c r="C147" s="28"/>
      <c r="D147" s="28"/>
      <c r="E147" s="28"/>
      <c r="F147" s="28"/>
      <c r="G147" s="39"/>
      <c r="I147" s="39"/>
      <c r="K147" s="35"/>
    </row>
    <row r="148" spans="1:17" ht="14.4">
      <c r="A148" s="288" t="s">
        <v>695</v>
      </c>
      <c r="B148" s="288"/>
      <c r="C148" s="288"/>
      <c r="D148" s="288"/>
      <c r="E148" s="288"/>
      <c r="F148" s="28"/>
      <c r="G148" s="39"/>
      <c r="I148" s="39"/>
      <c r="K148" s="35"/>
    </row>
    <row r="149" spans="1:17">
      <c r="A149" s="21" t="s">
        <v>2</v>
      </c>
      <c r="C149" s="28"/>
      <c r="D149" s="28"/>
      <c r="E149" s="28">
        <v>4400001</v>
      </c>
      <c r="F149" s="28"/>
      <c r="G149" s="39">
        <f>+G128+G138</f>
        <v>213562.86</v>
      </c>
      <c r="I149" s="39">
        <f>+I128+I138</f>
        <v>310715.46000000002</v>
      </c>
      <c r="K149" s="39">
        <f t="shared" ref="K149:K156" si="24">+K128+K138</f>
        <v>-97152.60000000002</v>
      </c>
    </row>
    <row r="150" spans="1:17">
      <c r="C150" s="28"/>
      <c r="D150" s="28"/>
      <c r="E150" s="28">
        <v>4400002</v>
      </c>
      <c r="F150" s="28"/>
      <c r="G150" s="39">
        <f t="shared" ref="G150:I156" si="25">+G129+G139</f>
        <v>94820.58</v>
      </c>
      <c r="I150" s="39">
        <f t="shared" si="25"/>
        <v>140381.29999999999</v>
      </c>
      <c r="K150" s="39">
        <f t="shared" si="24"/>
        <v>-45560.719999999987</v>
      </c>
    </row>
    <row r="151" spans="1:17">
      <c r="C151" s="28"/>
      <c r="D151" s="28"/>
      <c r="E151" s="28">
        <v>4420001</v>
      </c>
      <c r="F151" s="28"/>
      <c r="G151" s="39">
        <f t="shared" si="25"/>
        <v>150961.70000000001</v>
      </c>
      <c r="I151" s="39">
        <f t="shared" si="25"/>
        <v>196485.64</v>
      </c>
      <c r="K151" s="39">
        <f t="shared" si="24"/>
        <v>-45523.94</v>
      </c>
    </row>
    <row r="152" spans="1:17">
      <c r="C152" s="28"/>
      <c r="D152" s="28"/>
      <c r="E152" s="28">
        <v>4420002</v>
      </c>
      <c r="F152" s="28"/>
      <c r="G152" s="39">
        <f t="shared" si="25"/>
        <v>166347.41</v>
      </c>
      <c r="I152" s="39">
        <f t="shared" si="25"/>
        <v>225849.34</v>
      </c>
      <c r="K152" s="39">
        <f t="shared" si="24"/>
        <v>-59501.929999999993</v>
      </c>
    </row>
    <row r="153" spans="1:17">
      <c r="C153" s="28"/>
      <c r="D153" s="28"/>
      <c r="E153" s="28">
        <v>4420004</v>
      </c>
      <c r="F153" s="28"/>
      <c r="G153" s="39">
        <f t="shared" si="25"/>
        <v>46154.36</v>
      </c>
      <c r="I153" s="39">
        <f t="shared" si="25"/>
        <v>83841.759999999995</v>
      </c>
      <c r="K153" s="39">
        <f t="shared" si="24"/>
        <v>-37687.399999999994</v>
      </c>
    </row>
    <row r="154" spans="1:17">
      <c r="C154" s="28"/>
      <c r="D154" s="28"/>
      <c r="E154" s="28">
        <v>4420006</v>
      </c>
      <c r="F154" s="28"/>
      <c r="G154" s="39">
        <f t="shared" si="25"/>
        <v>29098.309999999998</v>
      </c>
      <c r="I154" s="39">
        <f t="shared" si="25"/>
        <v>35781.64</v>
      </c>
      <c r="K154" s="39">
        <f t="shared" si="24"/>
        <v>-6683.33</v>
      </c>
    </row>
    <row r="155" spans="1:17">
      <c r="C155" s="28"/>
      <c r="D155" s="28"/>
      <c r="E155" s="28">
        <v>4420007</v>
      </c>
      <c r="F155" s="28"/>
      <c r="G155" s="39">
        <f t="shared" si="25"/>
        <v>30493.81</v>
      </c>
      <c r="I155" s="39">
        <f t="shared" si="25"/>
        <v>37062.480000000003</v>
      </c>
      <c r="K155" s="39">
        <f t="shared" si="24"/>
        <v>-6568.6700000000019</v>
      </c>
      <c r="N155" s="42" t="s">
        <v>697</v>
      </c>
      <c r="O155" s="42" t="s">
        <v>698</v>
      </c>
      <c r="P155" s="42" t="s">
        <v>1</v>
      </c>
      <c r="Q155" s="42" t="s">
        <v>699</v>
      </c>
    </row>
    <row r="156" spans="1:17">
      <c r="C156" s="28"/>
      <c r="D156" s="28"/>
      <c r="E156" s="28">
        <v>4440000</v>
      </c>
      <c r="F156" s="28"/>
      <c r="G156" s="38">
        <f t="shared" si="25"/>
        <v>1771.63</v>
      </c>
      <c r="I156" s="38">
        <f t="shared" si="25"/>
        <v>3215.72</v>
      </c>
      <c r="K156" s="38">
        <f t="shared" si="24"/>
        <v>-1444.0899999999997</v>
      </c>
      <c r="N156" s="43" t="s">
        <v>700</v>
      </c>
      <c r="O156" s="44" t="s">
        <v>701</v>
      </c>
      <c r="P156" s="45">
        <v>505474.28</v>
      </c>
      <c r="Q156" s="43"/>
    </row>
    <row r="157" spans="1:17">
      <c r="C157" s="28" t="s">
        <v>2</v>
      </c>
      <c r="D157" s="28"/>
      <c r="E157" s="28" t="s">
        <v>4</v>
      </c>
      <c r="F157" s="28"/>
      <c r="G157" s="39">
        <f>SUM(G149:G156)</f>
        <v>733210.66</v>
      </c>
      <c r="I157" s="39">
        <f>SUM(I149:I156)</f>
        <v>1033333.34</v>
      </c>
      <c r="K157" s="35">
        <f>SUM(K149:K156)</f>
        <v>-300122.68</v>
      </c>
      <c r="N157" s="43">
        <v>4400001</v>
      </c>
      <c r="O157" s="44" t="s">
        <v>702</v>
      </c>
      <c r="P157" s="46"/>
      <c r="Q157" s="45">
        <v>155504.74</v>
      </c>
    </row>
    <row r="158" spans="1:17">
      <c r="C158" s="28"/>
      <c r="D158" s="28"/>
      <c r="E158" s="28"/>
      <c r="F158" s="28"/>
      <c r="G158" s="39"/>
      <c r="I158" s="39"/>
      <c r="K158" s="35"/>
      <c r="N158" s="43">
        <v>4400002</v>
      </c>
      <c r="O158" s="44" t="s">
        <v>703</v>
      </c>
      <c r="P158" s="46"/>
      <c r="Q158" s="47">
        <v>83958.99</v>
      </c>
    </row>
    <row r="159" spans="1:17">
      <c r="C159" s="28"/>
      <c r="D159" s="28"/>
      <c r="E159" s="28"/>
      <c r="F159" s="28"/>
      <c r="G159" s="39"/>
      <c r="I159" s="39"/>
      <c r="K159" s="35"/>
      <c r="N159" s="43">
        <v>4420001</v>
      </c>
      <c r="O159" s="44" t="s">
        <v>704</v>
      </c>
      <c r="P159" s="46"/>
      <c r="Q159" s="47">
        <v>132799.82</v>
      </c>
    </row>
    <row r="160" spans="1:17">
      <c r="C160" s="28"/>
      <c r="D160" s="28"/>
      <c r="E160" s="28"/>
      <c r="F160" s="28"/>
      <c r="G160" s="39"/>
      <c r="I160" s="39"/>
      <c r="K160" s="35"/>
      <c r="N160" s="43">
        <v>4420002</v>
      </c>
      <c r="O160" s="44" t="s">
        <v>705</v>
      </c>
      <c r="P160" s="47">
        <v>68540.19</v>
      </c>
      <c r="Q160" s="46"/>
    </row>
    <row r="161" spans="1:19" ht="14.4">
      <c r="A161" s="293" t="s">
        <v>696</v>
      </c>
      <c r="B161" s="293"/>
      <c r="C161" s="293"/>
      <c r="D161" s="293"/>
      <c r="E161" s="293"/>
      <c r="F161" s="294"/>
      <c r="G161" s="295"/>
      <c r="H161" s="296"/>
      <c r="I161" s="295"/>
      <c r="J161" s="296"/>
      <c r="K161" s="297"/>
      <c r="N161" s="43">
        <v>4420004</v>
      </c>
      <c r="O161" s="44" t="s">
        <v>706</v>
      </c>
      <c r="P161" s="43"/>
      <c r="Q161" s="47">
        <v>159385.76</v>
      </c>
    </row>
    <row r="162" spans="1:19">
      <c r="A162" s="298" t="s">
        <v>2</v>
      </c>
      <c r="B162" s="298"/>
      <c r="C162" s="294"/>
      <c r="D162" s="294"/>
      <c r="E162" s="294">
        <v>4400001</v>
      </c>
      <c r="F162" s="294"/>
      <c r="G162" s="295">
        <f t="shared" ref="G162:G169" si="26">+G5+G15+G25+G46+G56+G66+G87+G97+G107+G128+G138</f>
        <v>1553430.29</v>
      </c>
      <c r="H162" s="296"/>
      <c r="I162" s="295">
        <f t="shared" ref="I162:I169" si="27">+I5+I15+I25+I46+I56+I66+I87+I97+I107+I128+I138</f>
        <v>1708935.03</v>
      </c>
      <c r="J162" s="296"/>
      <c r="K162" s="295">
        <f t="shared" ref="K162:K169" si="28">+K5+K15+K25+K46+K56+K66+K87+K97+K107+K128+K138</f>
        <v>-155504.74000000011</v>
      </c>
      <c r="N162" s="43">
        <v>4420006</v>
      </c>
      <c r="O162" s="44" t="s">
        <v>707</v>
      </c>
      <c r="P162" s="43"/>
      <c r="Q162" s="47">
        <v>20595.66</v>
      </c>
    </row>
    <row r="163" spans="1:19">
      <c r="A163" s="298"/>
      <c r="B163" s="298"/>
      <c r="C163" s="294"/>
      <c r="D163" s="294"/>
      <c r="E163" s="294">
        <v>4400002</v>
      </c>
      <c r="F163" s="294"/>
      <c r="G163" s="295">
        <f t="shared" si="26"/>
        <v>688138.16</v>
      </c>
      <c r="H163" s="296"/>
      <c r="I163" s="295">
        <f t="shared" si="27"/>
        <v>772097.15000000014</v>
      </c>
      <c r="J163" s="296"/>
      <c r="K163" s="295">
        <f t="shared" si="28"/>
        <v>-83958.989999999947</v>
      </c>
      <c r="N163" s="43">
        <v>4420007</v>
      </c>
      <c r="O163" s="44" t="s">
        <v>708</v>
      </c>
      <c r="P163" s="43"/>
      <c r="Q163" s="47">
        <v>16195.99</v>
      </c>
    </row>
    <row r="164" spans="1:19">
      <c r="A164" s="298"/>
      <c r="B164" s="298"/>
      <c r="C164" s="294"/>
      <c r="D164" s="294"/>
      <c r="E164" s="294">
        <v>4420001</v>
      </c>
      <c r="F164" s="294"/>
      <c r="G164" s="295">
        <f t="shared" si="26"/>
        <v>947871.2</v>
      </c>
      <c r="H164" s="296"/>
      <c r="I164" s="295">
        <f t="shared" si="27"/>
        <v>1080671.0200000003</v>
      </c>
      <c r="J164" s="296"/>
      <c r="K164" s="295">
        <f t="shared" si="28"/>
        <v>-132799.82000000007</v>
      </c>
      <c r="N164" s="43">
        <v>4440000</v>
      </c>
      <c r="O164" s="44" t="s">
        <v>709</v>
      </c>
      <c r="P164" s="43"/>
      <c r="Q164" s="47">
        <v>5573.51</v>
      </c>
    </row>
    <row r="165" spans="1:19" ht="15.6">
      <c r="A165" s="298"/>
      <c r="B165" s="298"/>
      <c r="C165" s="294"/>
      <c r="D165" s="294"/>
      <c r="E165" s="294">
        <v>4420002</v>
      </c>
      <c r="F165" s="294"/>
      <c r="G165" s="295">
        <f t="shared" si="26"/>
        <v>1310711.56</v>
      </c>
      <c r="H165" s="296"/>
      <c r="I165" s="295">
        <f t="shared" si="27"/>
        <v>1242171.3700000001</v>
      </c>
      <c r="J165" s="296"/>
      <c r="K165" s="295">
        <f t="shared" si="28"/>
        <v>68540.190000000017</v>
      </c>
      <c r="N165" s="48"/>
      <c r="O165" s="48"/>
      <c r="P165" s="43"/>
      <c r="Q165" s="43"/>
    </row>
    <row r="166" spans="1:19" ht="26.25" customHeight="1">
      <c r="A166" s="298"/>
      <c r="B166" s="298"/>
      <c r="C166" s="294"/>
      <c r="D166" s="294"/>
      <c r="E166" s="294">
        <v>4420004</v>
      </c>
      <c r="F166" s="294"/>
      <c r="G166" s="295">
        <f t="shared" si="26"/>
        <v>301743.92</v>
      </c>
      <c r="H166" s="296"/>
      <c r="I166" s="295">
        <f t="shared" si="27"/>
        <v>461129.68</v>
      </c>
      <c r="J166" s="296"/>
      <c r="K166" s="295">
        <f t="shared" si="28"/>
        <v>-159385.75999999998</v>
      </c>
      <c r="N166" s="48"/>
      <c r="O166" s="287" t="s">
        <v>710</v>
      </c>
      <c r="P166" s="287"/>
      <c r="Q166" s="287"/>
      <c r="R166" s="287"/>
      <c r="S166" s="287"/>
    </row>
    <row r="167" spans="1:19" ht="25.5" customHeight="1">
      <c r="A167" s="298"/>
      <c r="B167" s="298"/>
      <c r="C167" s="294"/>
      <c r="D167" s="294"/>
      <c r="E167" s="294">
        <v>4420006</v>
      </c>
      <c r="F167" s="294"/>
      <c r="G167" s="295">
        <f t="shared" si="26"/>
        <v>176203.36</v>
      </c>
      <c r="H167" s="296"/>
      <c r="I167" s="295">
        <f t="shared" si="27"/>
        <v>196799.02000000005</v>
      </c>
      <c r="J167" s="296"/>
      <c r="K167" s="295">
        <f t="shared" si="28"/>
        <v>-20595.659999999996</v>
      </c>
      <c r="O167" s="287"/>
      <c r="P167" s="287"/>
      <c r="Q167" s="287"/>
      <c r="R167" s="287"/>
      <c r="S167" s="287"/>
    </row>
    <row r="168" spans="1:19" ht="22.5" customHeight="1">
      <c r="A168" s="298"/>
      <c r="B168" s="298"/>
      <c r="C168" s="294"/>
      <c r="D168" s="294"/>
      <c r="E168" s="294">
        <v>4420007</v>
      </c>
      <c r="F168" s="294"/>
      <c r="G168" s="295">
        <f t="shared" si="26"/>
        <v>187647.65</v>
      </c>
      <c r="H168" s="296"/>
      <c r="I168" s="295">
        <f t="shared" si="27"/>
        <v>203843.63999999998</v>
      </c>
      <c r="J168" s="296"/>
      <c r="K168" s="295">
        <f t="shared" si="28"/>
        <v>-16195.990000000025</v>
      </c>
      <c r="O168" s="287"/>
      <c r="P168" s="287"/>
      <c r="Q168" s="287"/>
      <c r="R168" s="287"/>
      <c r="S168" s="287"/>
    </row>
    <row r="169" spans="1:19">
      <c r="A169" s="298"/>
      <c r="B169" s="298"/>
      <c r="C169" s="294"/>
      <c r="D169" s="294"/>
      <c r="E169" s="294">
        <v>4440000</v>
      </c>
      <c r="F169" s="294"/>
      <c r="G169" s="299">
        <f t="shared" si="26"/>
        <v>12112.95</v>
      </c>
      <c r="H169" s="296"/>
      <c r="I169" s="299">
        <f t="shared" si="27"/>
        <v>17686.460000000003</v>
      </c>
      <c r="J169" s="296"/>
      <c r="K169" s="299">
        <f t="shared" si="28"/>
        <v>-5573.5099999999984</v>
      </c>
    </row>
    <row r="170" spans="1:19">
      <c r="A170" s="298"/>
      <c r="B170" s="298"/>
      <c r="C170" s="294" t="s">
        <v>2</v>
      </c>
      <c r="D170" s="294"/>
      <c r="E170" s="294" t="s">
        <v>4</v>
      </c>
      <c r="F170" s="294"/>
      <c r="G170" s="295">
        <f>SUM(G162:G169)</f>
        <v>5177859.0900000017</v>
      </c>
      <c r="H170" s="296"/>
      <c r="I170" s="295">
        <f>SUM(I162:I169)</f>
        <v>5683333.3700000001</v>
      </c>
      <c r="J170" s="296"/>
      <c r="K170" s="297">
        <f>SUM(K162:K169)</f>
        <v>-505474.28000000014</v>
      </c>
    </row>
    <row r="171" spans="1:19">
      <c r="C171" s="28"/>
      <c r="D171" s="28"/>
      <c r="E171" s="28"/>
      <c r="F171" s="28"/>
      <c r="G171" s="39"/>
      <c r="I171" s="39"/>
      <c r="K171" s="35"/>
    </row>
    <row r="172" spans="1:19">
      <c r="C172" s="28"/>
      <c r="D172" s="28"/>
      <c r="E172" s="28"/>
      <c r="F172" s="28"/>
      <c r="G172" s="39"/>
      <c r="I172" s="39" t="s">
        <v>2</v>
      </c>
      <c r="K172" s="35"/>
    </row>
    <row r="173" spans="1:19">
      <c r="C173" s="28" t="s">
        <v>2</v>
      </c>
      <c r="D173" s="28"/>
      <c r="E173" s="28"/>
      <c r="F173" s="28"/>
      <c r="G173" s="39" t="s">
        <v>2</v>
      </c>
      <c r="I173" s="39" t="s">
        <v>2</v>
      </c>
      <c r="K173" s="39" t="s">
        <v>2</v>
      </c>
    </row>
    <row r="174" spans="1:19">
      <c r="C174" s="28"/>
      <c r="D174" s="28"/>
      <c r="E174" s="28"/>
      <c r="F174" s="28"/>
      <c r="G174" s="27"/>
      <c r="I174" s="27"/>
    </row>
    <row r="175" spans="1:19">
      <c r="C175" s="28"/>
      <c r="D175" s="28"/>
      <c r="E175" s="28"/>
      <c r="F175" s="28"/>
      <c r="G175" s="27"/>
      <c r="I175" s="27"/>
    </row>
    <row r="176" spans="1:19">
      <c r="C176" s="28"/>
      <c r="D176" s="28"/>
      <c r="E176" s="28"/>
      <c r="F176" s="28"/>
      <c r="G176" s="27"/>
      <c r="I176" s="27"/>
    </row>
    <row r="177" spans="3:9">
      <c r="C177" s="28"/>
      <c r="D177" s="28"/>
      <c r="E177" s="28"/>
      <c r="F177" s="28"/>
      <c r="G177" s="27"/>
      <c r="I177" s="27"/>
    </row>
    <row r="178" spans="3:9">
      <c r="I178" s="27"/>
    </row>
    <row r="179" spans="3:9">
      <c r="I179" s="27"/>
    </row>
  </sheetData>
  <mergeCells count="8">
    <mergeCell ref="A161:E161"/>
    <mergeCell ref="O166:S168"/>
    <mergeCell ref="A1:K1"/>
    <mergeCell ref="A2:K2"/>
    <mergeCell ref="A35:E35"/>
    <mergeCell ref="A76:E76"/>
    <mergeCell ref="A117:E117"/>
    <mergeCell ref="A148:E148"/>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25"/>
  <sheetViews>
    <sheetView topLeftCell="G7" workbookViewId="0">
      <selection activeCell="I24" sqref="I24"/>
    </sheetView>
  </sheetViews>
  <sheetFormatPr defaultRowHeight="13.2"/>
  <cols>
    <col min="1" max="1" width="12.88671875" customWidth="1"/>
    <col min="2" max="2" width="19.44140625" customWidth="1"/>
    <col min="3" max="3" width="12.88671875" customWidth="1"/>
    <col min="4" max="4" width="16.109375" customWidth="1"/>
    <col min="5" max="5" width="16" customWidth="1"/>
    <col min="6" max="6" width="17" customWidth="1"/>
    <col min="7" max="7" width="19.109375" customWidth="1"/>
    <col min="8" max="8" width="12.88671875" customWidth="1"/>
    <col min="9" max="9" width="15.5546875" customWidth="1"/>
    <col min="10" max="11" width="12.88671875" customWidth="1"/>
    <col min="12" max="12" width="15.5546875" customWidth="1"/>
  </cols>
  <sheetData>
    <row r="1" spans="1:12">
      <c r="A1" t="s">
        <v>1578</v>
      </c>
      <c r="B1" t="s">
        <v>892</v>
      </c>
    </row>
    <row r="3" spans="1:12">
      <c r="A3" t="s">
        <v>1579</v>
      </c>
      <c r="B3" t="s">
        <v>1580</v>
      </c>
    </row>
    <row r="4" spans="1:12" s="53" customFormat="1" ht="277.2">
      <c r="A4" s="53" t="s">
        <v>9</v>
      </c>
      <c r="B4" s="53" t="s">
        <v>1581</v>
      </c>
      <c r="C4" s="53" t="s">
        <v>1582</v>
      </c>
      <c r="D4" s="53" t="s">
        <v>1583</v>
      </c>
      <c r="E4" s="53" t="s">
        <v>1584</v>
      </c>
      <c r="F4" s="53" t="s">
        <v>1585</v>
      </c>
      <c r="G4" s="53" t="s">
        <v>1586</v>
      </c>
      <c r="H4" s="53" t="s">
        <v>1587</v>
      </c>
      <c r="I4" s="53" t="s">
        <v>1588</v>
      </c>
      <c r="J4" s="53" t="s">
        <v>1589</v>
      </c>
      <c r="K4" s="53" t="s">
        <v>1590</v>
      </c>
      <c r="L4" s="53" t="s">
        <v>1591</v>
      </c>
    </row>
    <row r="5" spans="1:12">
      <c r="A5">
        <v>4400001</v>
      </c>
      <c r="B5" s="257">
        <v>-166764945.47</v>
      </c>
      <c r="E5" s="257">
        <v>64540523.579999998</v>
      </c>
      <c r="F5" s="257">
        <v>-59859636.649999999</v>
      </c>
      <c r="G5" s="257">
        <v>40345087.710000001</v>
      </c>
      <c r="I5" s="257">
        <v>-1149544.7</v>
      </c>
      <c r="J5" s="257">
        <v>105995.46</v>
      </c>
      <c r="K5" s="257">
        <v>-155504.74</v>
      </c>
      <c r="L5" s="257">
        <v>-122938024.81</v>
      </c>
    </row>
    <row r="6" spans="1:12">
      <c r="A6">
        <v>4400002</v>
      </c>
      <c r="B6" s="257">
        <v>-78531474.650000006</v>
      </c>
      <c r="E6" s="257">
        <v>30862816.699999999</v>
      </c>
      <c r="F6" s="257">
        <v>-29235019.379999999</v>
      </c>
      <c r="G6" s="257">
        <v>18360056.530000001</v>
      </c>
      <c r="I6" s="257">
        <v>-382727.59</v>
      </c>
      <c r="J6" s="257">
        <v>67834.399999999994</v>
      </c>
      <c r="K6" s="257">
        <v>-83958.99</v>
      </c>
      <c r="L6" s="257">
        <v>-58942472.979999997</v>
      </c>
    </row>
    <row r="7" spans="1:12">
      <c r="A7">
        <v>4400005</v>
      </c>
      <c r="G7" s="257">
        <v>-58705144.240000002</v>
      </c>
      <c r="I7" s="257">
        <v>1532272.29</v>
      </c>
      <c r="L7" s="257">
        <v>-57172871.950000003</v>
      </c>
    </row>
    <row r="8" spans="1:12">
      <c r="A8">
        <v>4420001</v>
      </c>
      <c r="B8" s="257">
        <v>-113159591.33</v>
      </c>
      <c r="C8" s="257">
        <v>424467</v>
      </c>
      <c r="D8" s="257">
        <v>-632226</v>
      </c>
      <c r="E8" s="257">
        <v>43989592.950000003</v>
      </c>
      <c r="F8" s="257">
        <v>-42096904.189999998</v>
      </c>
      <c r="G8" s="257">
        <v>26959798.649999999</v>
      </c>
      <c r="H8" s="257">
        <v>70679.039999999994</v>
      </c>
      <c r="I8" s="257">
        <v>-433098.75</v>
      </c>
      <c r="J8" s="257">
        <v>44394.21</v>
      </c>
      <c r="K8" s="257">
        <v>-132799.82</v>
      </c>
      <c r="L8" s="257">
        <v>-84965688.239999995</v>
      </c>
    </row>
    <row r="9" spans="1:12">
      <c r="A9">
        <v>4420002</v>
      </c>
      <c r="B9" s="257">
        <v>-127741738.78</v>
      </c>
      <c r="C9" s="257">
        <v>28647911</v>
      </c>
      <c r="D9" s="257">
        <v>-29558689</v>
      </c>
      <c r="E9" s="257">
        <v>15988843.529999999</v>
      </c>
      <c r="F9" s="257">
        <v>-15499674.529999999</v>
      </c>
      <c r="G9" s="257">
        <v>58850976.549999997</v>
      </c>
      <c r="H9" s="257">
        <v>414962.12</v>
      </c>
      <c r="I9" s="257">
        <v>-145628.91</v>
      </c>
      <c r="J9" s="257">
        <v>164372.10999999999</v>
      </c>
      <c r="K9" s="257">
        <v>68540.19</v>
      </c>
      <c r="L9" s="257">
        <v>-68810125.719999999</v>
      </c>
    </row>
    <row r="10" spans="1:12">
      <c r="A10">
        <v>4420004</v>
      </c>
      <c r="B10" s="257">
        <v>-33111500.52</v>
      </c>
      <c r="C10" s="257">
        <v>475183</v>
      </c>
      <c r="D10" s="257">
        <v>-369939</v>
      </c>
      <c r="E10" s="257">
        <v>8490230.4600000009</v>
      </c>
      <c r="F10" s="257">
        <v>-8044744.2400000002</v>
      </c>
      <c r="G10" s="257">
        <v>10487098.279999999</v>
      </c>
      <c r="H10" s="257">
        <v>-37901.85</v>
      </c>
      <c r="I10" s="257">
        <v>-122272.15</v>
      </c>
      <c r="J10" s="257">
        <v>-153596.96</v>
      </c>
      <c r="K10" s="257">
        <v>-159385.76</v>
      </c>
      <c r="L10" s="257">
        <v>-22546828.739999998</v>
      </c>
    </row>
    <row r="11" spans="1:12">
      <c r="A11">
        <v>4420005</v>
      </c>
      <c r="G11">
        <v>0</v>
      </c>
      <c r="I11">
        <v>0</v>
      </c>
      <c r="L11">
        <v>0</v>
      </c>
    </row>
    <row r="12" spans="1:12">
      <c r="A12">
        <v>4420006</v>
      </c>
      <c r="B12" s="257">
        <v>-19626445.739999998</v>
      </c>
      <c r="C12" s="257">
        <v>32268</v>
      </c>
      <c r="D12" s="257">
        <v>-30240</v>
      </c>
      <c r="E12" s="257">
        <v>7402285.1600000001</v>
      </c>
      <c r="F12" s="257">
        <v>-7041170.2999999998</v>
      </c>
      <c r="G12" s="257">
        <v>4746457.6900000004</v>
      </c>
      <c r="H12">
        <v>-519.99</v>
      </c>
      <c r="I12" s="257">
        <v>-86084.97</v>
      </c>
      <c r="J12" s="257">
        <v>12596.45</v>
      </c>
      <c r="K12" s="257">
        <v>-20595.66</v>
      </c>
      <c r="L12" s="257">
        <v>-14611449.359999999</v>
      </c>
    </row>
    <row r="13" spans="1:12">
      <c r="A13">
        <v>4420007</v>
      </c>
      <c r="B13" s="257">
        <v>-21794295.84</v>
      </c>
      <c r="C13" s="257">
        <v>19909</v>
      </c>
      <c r="D13" s="257">
        <v>-39254</v>
      </c>
      <c r="E13" s="257">
        <v>8422954.2599999998</v>
      </c>
      <c r="F13" s="257">
        <v>-8088072.8099999996</v>
      </c>
      <c r="G13" s="257">
        <v>5348721.34</v>
      </c>
      <c r="H13" s="257">
        <v>4614.21</v>
      </c>
      <c r="I13" s="257">
        <v>-79766.33</v>
      </c>
      <c r="J13" s="257">
        <v>17174.79</v>
      </c>
      <c r="K13" s="257">
        <v>-16195.99</v>
      </c>
      <c r="L13" s="257">
        <v>-16204211.369999999</v>
      </c>
    </row>
    <row r="14" spans="1:12">
      <c r="A14">
        <v>4420013</v>
      </c>
      <c r="G14" s="257">
        <v>-37054977.68</v>
      </c>
      <c r="H14" s="257">
        <v>-74773.259999999995</v>
      </c>
      <c r="I14" s="257">
        <v>598950.05000000005</v>
      </c>
      <c r="L14" s="257">
        <v>-36530800.890000001</v>
      </c>
    </row>
    <row r="15" spans="1:12">
      <c r="A15">
        <v>4420016</v>
      </c>
      <c r="G15" s="257">
        <v>-69338074.829999998</v>
      </c>
      <c r="H15" s="257">
        <v>-377060.27</v>
      </c>
      <c r="I15" s="257">
        <v>267901.06</v>
      </c>
      <c r="L15" s="257">
        <v>-69447234.040000007</v>
      </c>
    </row>
    <row r="16" spans="1:12">
      <c r="A16">
        <v>4420019</v>
      </c>
      <c r="G16">
        <v>0</v>
      </c>
      <c r="I16">
        <v>0</v>
      </c>
      <c r="L16">
        <v>0</v>
      </c>
    </row>
    <row r="17" spans="1:12">
      <c r="A17">
        <v>4440000</v>
      </c>
      <c r="B17" s="257">
        <v>-1977263.83</v>
      </c>
      <c r="E17" s="257">
        <v>138076.85</v>
      </c>
      <c r="F17" s="257">
        <v>-133212.96</v>
      </c>
      <c r="G17" s="257">
        <v>304775.02</v>
      </c>
      <c r="H17">
        <v>0</v>
      </c>
      <c r="I17">
        <v>-832.46</v>
      </c>
      <c r="J17" s="257">
        <v>-2997.05</v>
      </c>
      <c r="K17" s="257">
        <v>-5573.51</v>
      </c>
      <c r="L17" s="257">
        <v>-1677027.94</v>
      </c>
    </row>
    <row r="18" spans="1:12">
      <c r="A18">
        <v>4440002</v>
      </c>
      <c r="G18" s="257">
        <v>-304775.02</v>
      </c>
      <c r="H18">
        <v>0</v>
      </c>
      <c r="I18">
        <v>832.46</v>
      </c>
      <c r="L18" s="257">
        <v>-303942.56</v>
      </c>
    </row>
    <row r="19" spans="1:12">
      <c r="A19">
        <v>4450002</v>
      </c>
      <c r="G19">
        <v>0</v>
      </c>
      <c r="I19">
        <v>0</v>
      </c>
      <c r="L19">
        <v>0</v>
      </c>
    </row>
    <row r="20" spans="1:12">
      <c r="A20">
        <v>4450004</v>
      </c>
      <c r="G20">
        <v>0</v>
      </c>
      <c r="I20">
        <v>0</v>
      </c>
      <c r="L20">
        <v>0</v>
      </c>
    </row>
    <row r="21" spans="1:12">
      <c r="A21" t="s">
        <v>1591</v>
      </c>
      <c r="B21" s="257">
        <v>-562707256.15999997</v>
      </c>
      <c r="C21" s="257">
        <v>29599738</v>
      </c>
      <c r="D21" s="257">
        <v>-30630348</v>
      </c>
      <c r="E21" s="257">
        <v>179835323.49000001</v>
      </c>
      <c r="F21" s="257">
        <v>-169998435.06</v>
      </c>
      <c r="G21">
        <v>0</v>
      </c>
      <c r="H21">
        <v>0</v>
      </c>
      <c r="I21">
        <v>0</v>
      </c>
      <c r="J21" s="258">
        <v>255773.41</v>
      </c>
      <c r="K21" s="258">
        <v>-505474.28</v>
      </c>
      <c r="L21" s="257">
        <v>-554150678.60000002</v>
      </c>
    </row>
    <row r="23" spans="1:12">
      <c r="G23" t="s">
        <v>1592</v>
      </c>
      <c r="I23" s="257">
        <v>-553900977.73000002</v>
      </c>
    </row>
    <row r="24" spans="1:12">
      <c r="G24" t="s">
        <v>1593</v>
      </c>
      <c r="I24" s="258">
        <v>-249700.87</v>
      </c>
    </row>
    <row r="25" spans="1:12">
      <c r="G25" t="s">
        <v>4</v>
      </c>
      <c r="I25" s="257">
        <v>-554150678.60000002</v>
      </c>
    </row>
  </sheetData>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1B3B931D9868C940A042DA894E8174CA" ma:contentTypeVersion="1" ma:contentTypeDescription="Create a new document." ma:contentTypeScope="" ma:versionID="be3b2bbe5dfab2c08437372aedcfdfad">
  <xsd:schema xmlns:xsd="http://www.w3.org/2001/XMLSchema" xmlns:xs="http://www.w3.org/2001/XMLSchema" xmlns:p="http://schemas.microsoft.com/office/2006/metadata/properties" targetNamespace="http://schemas.microsoft.com/office/2006/metadata/properties" ma:root="true" ma:fieldsID="1b05d82d297216baf5b26c55225140df">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A8427B3-F852-4865-A0A7-AD4C43938970}">
  <ds:schemaRefs>
    <ds:schemaRef ds:uri="http://purl.org/dc/terms/"/>
    <ds:schemaRef ds:uri="http://schemas.microsoft.com/office/2006/metadata/properties"/>
    <ds:schemaRef ds:uri="http://schemas.microsoft.com/office/infopath/2007/PartnerControls"/>
    <ds:schemaRef ds:uri="http://purl.org/dc/dcmitype/"/>
    <ds:schemaRef ds:uri="http://schemas.microsoft.com/office/2006/documentManagement/types"/>
    <ds:schemaRef ds:uri="http://purl.org/dc/elements/1.1/"/>
    <ds:schemaRef ds:uri="http://schemas.openxmlformats.org/package/2006/metadata/core-properties"/>
    <ds:schemaRef ds:uri="http://www.w3.org/XML/1998/namespace"/>
  </ds:schemaRefs>
</ds:datastoreItem>
</file>

<file path=customXml/itemProps2.xml><?xml version="1.0" encoding="utf-8"?>
<ds:datastoreItem xmlns:ds="http://schemas.openxmlformats.org/officeDocument/2006/customXml" ds:itemID="{3852F82D-498F-4A3C-94A2-9A7A3C69A91D}">
  <ds:schemaRefs>
    <ds:schemaRef ds:uri="http://schemas.microsoft.com/sharepoint/v3/contenttype/forms"/>
  </ds:schemaRefs>
</ds:datastoreItem>
</file>

<file path=customXml/itemProps3.xml><?xml version="1.0" encoding="utf-8"?>
<ds:datastoreItem xmlns:ds="http://schemas.openxmlformats.org/officeDocument/2006/customXml" ds:itemID="{497F37D2-D97B-4788-B9DE-AB221B55CE4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8</vt:i4>
      </vt:variant>
      <vt:variant>
        <vt:lpstr>Named Ranges</vt:lpstr>
      </vt:variant>
      <vt:variant>
        <vt:i4>1</vt:i4>
      </vt:variant>
    </vt:vector>
  </HeadingPairs>
  <TitlesOfParts>
    <vt:vector size="9" baseType="lpstr">
      <vt:lpstr>ADJ</vt:lpstr>
      <vt:lpstr>Target Balance</vt:lpstr>
      <vt:lpstr>ENTRY</vt:lpstr>
      <vt:lpstr>Query</vt:lpstr>
      <vt:lpstr>Query 2</vt:lpstr>
      <vt:lpstr>BS</vt:lpstr>
      <vt:lpstr>July 15 - May 16</vt:lpstr>
      <vt:lpstr>Sheet1</vt:lpstr>
      <vt:lpstr>ADJ!Print_Area</vt:lpstr>
    </vt:vector>
  </TitlesOfParts>
  <Company>AEP-SS-IT-WE-7/1/6-(8-835-3050)</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on Oechslin</dc:creator>
  <cp:lastModifiedBy>AEP</cp:lastModifiedBy>
  <cp:lastPrinted>2017-04-03T14:52:47Z</cp:lastPrinted>
  <dcterms:created xsi:type="dcterms:W3CDTF">2011-03-14T18:54:54Z</dcterms:created>
  <dcterms:modified xsi:type="dcterms:W3CDTF">2017-07-11T15:55: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B3B931D9868C940A042DA894E8174CA</vt:lpwstr>
  </property>
</Properties>
</file>